
<file path=[Content_Types].xml><?xml version="1.0" encoding="utf-8"?>
<Types xmlns="http://schemas.openxmlformats.org/package/2006/content-types">
  <Default Extension="fntdata" ContentType="application/x-fontdata"/>
  <Default Extension="jpeg" ContentType="image/jpeg"/>
  <Default Extension="jpg" ContentType="image/jpeg"/>
  <Default Extension="mp3" ContentType="audio/m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9.xml" ContentType="application/vnd.openxmlformats-officedocument.presentationml.notesSlide+xml"/>
  <Override PartName="/ppt/tags/tag12.xml" ContentType="application/vnd.openxmlformats-officedocument.presentationml.tags+xml"/>
  <Override PartName="/ppt/notesSlides/notesSlide10.xml" ContentType="application/vnd.openxmlformats-officedocument.presentationml.notesSlide+xml"/>
  <Override PartName="/ppt/tags/tag13.xml" ContentType="application/vnd.openxmlformats-officedocument.presentationml.tags+xml"/>
  <Override PartName="/ppt/notesSlides/notesSlide11.xml" ContentType="application/vnd.openxmlformats-officedocument.presentationml.notesSlide+xml"/>
  <Override PartName="/ppt/tags/tag14.xml" ContentType="application/vnd.openxmlformats-officedocument.presentationml.tags+xml"/>
  <Override PartName="/ppt/notesSlides/notesSlide12.xml" ContentType="application/vnd.openxmlformats-officedocument.presentationml.notesSlide+xml"/>
  <Override PartName="/ppt/tags/tag15.xml" ContentType="application/vnd.openxmlformats-officedocument.presentationml.tags+xml"/>
  <Override PartName="/ppt/notesSlides/notesSlide13.xml" ContentType="application/vnd.openxmlformats-officedocument.presentationml.notesSlide+xml"/>
  <Override PartName="/ppt/tags/tag16.xml" ContentType="application/vnd.openxmlformats-officedocument.presentationml.tags+xml"/>
  <Override PartName="/ppt/notesSlides/notesSlide14.xml" ContentType="application/vnd.openxmlformats-officedocument.presentationml.notesSlide+xml"/>
  <Override PartName="/ppt/tags/tag17.xml" ContentType="application/vnd.openxmlformats-officedocument.presentationml.tags+xml"/>
  <Override PartName="/ppt/notesSlides/notesSlide15.xml" ContentType="application/vnd.openxmlformats-officedocument.presentationml.notesSlide+xml"/>
  <Override PartName="/ppt/tags/tag18.xml" ContentType="application/vnd.openxmlformats-officedocument.presentationml.tags+xml"/>
  <Override PartName="/ppt/notesSlides/notesSlide16.xml" ContentType="application/vnd.openxmlformats-officedocument.presentationml.notesSlide+xml"/>
  <Override PartName="/ppt/tags/tag19.xml" ContentType="application/vnd.openxmlformats-officedocument.presentationml.tags+xml"/>
  <Override PartName="/ppt/notesSlides/notesSlide17.xml" ContentType="application/vnd.openxmlformats-officedocument.presentationml.notesSlide+xml"/>
  <Override PartName="/ppt/tags/tag20.xml" ContentType="application/vnd.openxmlformats-officedocument.presentationml.tags+xml"/>
  <Override PartName="/ppt/notesSlides/notesSlide18.xml" ContentType="application/vnd.openxmlformats-officedocument.presentationml.notesSlide+xml"/>
  <Override PartName="/ppt/tags/tag21.xml" ContentType="application/vnd.openxmlformats-officedocument.presentationml.tags+xml"/>
  <Override PartName="/ppt/notesSlides/notesSlide19.xml" ContentType="application/vnd.openxmlformats-officedocument.presentationml.notesSlide+xml"/>
  <Override PartName="/ppt/tags/tag22.xml" ContentType="application/vnd.openxmlformats-officedocument.presentationml.tags+xml"/>
  <Override PartName="/ppt/notesSlides/notesSlide20.xml" ContentType="application/vnd.openxmlformats-officedocument.presentationml.notesSlide+xml"/>
  <Override PartName="/ppt/tags/tag23.xml" ContentType="application/vnd.openxmlformats-officedocument.presentationml.tags+xml"/>
  <Override PartName="/ppt/notesSlides/notesSlide21.xml" ContentType="application/vnd.openxmlformats-officedocument.presentationml.notesSlide+xml"/>
  <Override PartName="/ppt/tags/tag24.xml" ContentType="application/vnd.openxmlformats-officedocument.presentationml.tags+xml"/>
  <Override PartName="/ppt/notesSlides/notesSlide22.xml" ContentType="application/vnd.openxmlformats-officedocument.presentationml.notesSlide+xml"/>
  <Override PartName="/ppt/tags/tag25.xml" ContentType="application/vnd.openxmlformats-officedocument.presentationml.tags+xml"/>
  <Override PartName="/ppt/notesSlides/notesSlide23.xml" ContentType="application/vnd.openxmlformats-officedocument.presentationml.notesSlide+xml"/>
  <Override PartName="/ppt/tags/tag26.xml" ContentType="application/vnd.openxmlformats-officedocument.presentationml.tags+xml"/>
  <Override PartName="/ppt/notesSlides/notesSlide24.xml" ContentType="application/vnd.openxmlformats-officedocument.presentationml.notesSlide+xml"/>
  <Override PartName="/ppt/tags/tag27.xml" ContentType="application/vnd.openxmlformats-officedocument.presentationml.tags+xml"/>
  <Override PartName="/ppt/tags/tag28.xml" ContentType="application/vnd.openxmlformats-officedocument.presentationml.tags+xml"/>
  <Override PartName="/ppt/notesSlides/notesSlide25.xml" ContentType="application/vnd.openxmlformats-officedocument.presentationml.notesSlide+xml"/>
  <Override PartName="/ppt/tags/tag29.xml" ContentType="application/vnd.openxmlformats-officedocument.presentationml.tags+xml"/>
  <Override PartName="/ppt/notesSlides/notesSlide26.xml" ContentType="application/vnd.openxmlformats-officedocument.presentationml.notesSlide+xml"/>
  <Override PartName="/ppt/tags/tag30.xml" ContentType="application/vnd.openxmlformats-officedocument.presentationml.tags+xml"/>
  <Override PartName="/ppt/notesSlides/notesSlide27.xml" ContentType="application/vnd.openxmlformats-officedocument.presentationml.notesSlide+xml"/>
  <Override PartName="/ppt/tags/tag31.xml" ContentType="application/vnd.openxmlformats-officedocument.presentationml.tags+xml"/>
  <Override PartName="/ppt/notesSlides/notesSlide2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87" r:id="rId1"/>
  </p:sldMasterIdLst>
  <p:notesMasterIdLst>
    <p:notesMasterId r:id="rId30"/>
  </p:notesMasterIdLst>
  <p:sldIdLst>
    <p:sldId id="256" r:id="rId2"/>
    <p:sldId id="360" r:id="rId3"/>
    <p:sldId id="278" r:id="rId4"/>
    <p:sldId id="350" r:id="rId5"/>
    <p:sldId id="351" r:id="rId6"/>
    <p:sldId id="262" r:id="rId7"/>
    <p:sldId id="353" r:id="rId8"/>
    <p:sldId id="361" r:id="rId9"/>
    <p:sldId id="292" r:id="rId10"/>
    <p:sldId id="284" r:id="rId11"/>
    <p:sldId id="280" r:id="rId12"/>
    <p:sldId id="354" r:id="rId13"/>
    <p:sldId id="355" r:id="rId14"/>
    <p:sldId id="320" r:id="rId15"/>
    <p:sldId id="266" r:id="rId16"/>
    <p:sldId id="356" r:id="rId17"/>
    <p:sldId id="357" r:id="rId18"/>
    <p:sldId id="268" r:id="rId19"/>
    <p:sldId id="270" r:id="rId20"/>
    <p:sldId id="358" r:id="rId21"/>
    <p:sldId id="359" r:id="rId22"/>
    <p:sldId id="274" r:id="rId23"/>
    <p:sldId id="282" r:id="rId24"/>
    <p:sldId id="272" r:id="rId25"/>
    <p:sldId id="293" r:id="rId26"/>
    <p:sldId id="276" r:id="rId27"/>
    <p:sldId id="362" r:id="rId28"/>
    <p:sldId id="322" r:id="rId29"/>
  </p:sldIdLst>
  <p:sldSz cx="9144000" cy="5143500" type="screen16x9"/>
  <p:notesSz cx="6858000" cy="9144000"/>
  <p:embeddedFontLst>
    <p:embeddedFont>
      <p:font typeface="Chivo Black" panose="020B0604020202020204" charset="0"/>
      <p:bold r:id="rId31"/>
      <p:boldItalic r:id="rId32"/>
    </p:embeddedFont>
    <p:embeddedFont>
      <p:font typeface="Montserrat" panose="00000500000000000000" pitchFamily="2" charset="0"/>
      <p:regular r:id="rId33"/>
      <p:bold r:id="rId34"/>
      <p:italic r:id="rId35"/>
      <p:boldItalic r:id="rId36"/>
    </p:embeddedFont>
    <p:embeddedFont>
      <p:font typeface="MV Boli" panose="02000500030200090000" pitchFamily="2" charset="0"/>
      <p:regular r:id="rId37"/>
    </p:embeddedFont>
    <p:embeddedFont>
      <p:font typeface="Open Sans" panose="020B0606030504020204" pitchFamily="34" charset="0"/>
      <p:regular r:id="rId38"/>
      <p:bold r:id="rId39"/>
      <p:italic r:id="rId40"/>
      <p:boldItalic r:id="rId41"/>
    </p:embeddedFont>
    <p:embeddedFont>
      <p:font typeface="Raleway" panose="020B0503030101060003" pitchFamily="34" charset="0"/>
      <p:regular r:id="rId42"/>
      <p:bold r:id="rId43"/>
      <p:italic r:id="rId44"/>
      <p:boldItalic r:id="rId45"/>
    </p:embeddedFont>
    <p:embeddedFont>
      <p:font typeface="Roboto Slab ExtraBold" panose="020B0604020202020204" charset="0"/>
      <p:bold r:id="rId46"/>
    </p:embeddedFont>
    <p:embeddedFont>
      <p:font typeface="Scope One" panose="020B0604020202020204" charset="0"/>
      <p:regular r:id="rId47"/>
    </p:embeddedFont>
    <p:embeddedFont>
      <p:font typeface="Segoe UI" panose="020B0502040204020203" pitchFamily="34" charset="0"/>
      <p:regular r:id="rId48"/>
      <p:bold r:id="rId49"/>
      <p:italic r:id="rId50"/>
      <p:boldItalic r:id="rId51"/>
    </p:embeddedFont>
    <p:embeddedFont>
      <p:font typeface="Segoe UI Semibold" panose="020B0702040204020203" pitchFamily="34" charset="0"/>
      <p:bold r:id="rId52"/>
      <p:boldItalic r:id="rId53"/>
    </p:embeddedFont>
    <p:embeddedFont>
      <p:font typeface="Work Sans" panose="020B0604020202020204" charset="0"/>
      <p:regular r:id="rId54"/>
      <p:bold r:id="rId55"/>
      <p:italic r:id="rId56"/>
      <p:boldItalic r:id="rId57"/>
    </p:embeddedFont>
  </p:embeddedFontLst>
  <p:custDataLst>
    <p:tags r:id="rId58"/>
  </p:custData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1620">
          <p15:clr>
            <a:srgbClr val="9AA0A6"/>
          </p15:clr>
        </p15:guide>
        <p15:guide id="2" pos="2880">
          <p15:clr>
            <a:srgbClr val="9AA0A6"/>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9DF6793D-ED4F-4932-A3B5-E05F4EBB4A02}">
  <a:tblStyle styleId="{9DF6793D-ED4F-4932-A3B5-E05F4EBB4A02}" styleName="Table_0">
    <a:wholeTbl>
      <a:tcTxStyle>
        <a:font>
          <a:latin typeface="Arial"/>
          <a:ea typeface="Arial"/>
          <a:cs typeface="Arial"/>
        </a:font>
        <a:srgbClr val="000000"/>
      </a:tcTxStyle>
      <a:tcStyle>
        <a:tcBdr>
          <a:left>
            <a:ln w="9525" cap="flat" cmpd="sng">
              <a:solidFill>
                <a:srgbClr val="9E9E9E"/>
              </a:solidFill>
              <a:prstDash val="solid"/>
              <a:round/>
              <a:headEnd type="none" w="sm" len="sm"/>
              <a:tailEnd type="none" w="sm" len="sm"/>
            </a:ln>
          </a:left>
          <a:right>
            <a:ln w="9525" cap="flat" cmpd="sng">
              <a:solidFill>
                <a:srgbClr val="9E9E9E"/>
              </a:solidFill>
              <a:prstDash val="solid"/>
              <a:round/>
              <a:headEnd type="none" w="sm" len="sm"/>
              <a:tailEnd type="none" w="sm" len="sm"/>
            </a:ln>
          </a:right>
          <a:top>
            <a:ln w="9525" cap="flat" cmpd="sng">
              <a:solidFill>
                <a:srgbClr val="9E9E9E"/>
              </a:solidFill>
              <a:prstDash val="solid"/>
              <a:round/>
              <a:headEnd type="none" w="sm" len="sm"/>
              <a:tailEnd type="none" w="sm" len="sm"/>
            </a:ln>
          </a:top>
          <a:bottom>
            <a:ln w="9525" cap="flat" cmpd="sng">
              <a:solidFill>
                <a:srgbClr val="9E9E9E"/>
              </a:solidFill>
              <a:prstDash val="solid"/>
              <a:round/>
              <a:headEnd type="none" w="sm" len="sm"/>
              <a:tailEnd type="none" w="sm" len="sm"/>
            </a:ln>
          </a:bottom>
          <a:insideH>
            <a:ln w="9525" cap="flat" cmpd="sng">
              <a:solidFill>
                <a:srgbClr val="9E9E9E"/>
              </a:solidFill>
              <a:prstDash val="solid"/>
              <a:round/>
              <a:headEnd type="none" w="sm" len="sm"/>
              <a:tailEnd type="none" w="sm" len="sm"/>
            </a:ln>
          </a:insideH>
          <a:insideV>
            <a:ln w="9525" cap="flat" cmpd="sng">
              <a:solidFill>
                <a:srgbClr val="9E9E9E"/>
              </a:solidFill>
              <a:prstDash val="solid"/>
              <a:round/>
              <a:headEnd type="none" w="sm" len="sm"/>
              <a:tailEnd type="none" w="sm" len="sm"/>
            </a:ln>
          </a:insideV>
        </a:tcBdr>
      </a:tcStyle>
    </a:wholeTbl>
    <a:band1H>
      <a:tcTxStyle/>
      <a:tcStyle>
        <a:tcBdr/>
      </a:tcStyle>
    </a:band1H>
    <a:band2H>
      <a:tcTxStyle/>
      <a:tcStyle>
        <a:tcBdr/>
      </a:tcStyle>
    </a:band2H>
    <a:band1V>
      <a:tcTxStyle/>
      <a:tcStyle>
        <a:tcBdr/>
      </a:tcStyle>
    </a:band1V>
    <a:band2V>
      <a:tcTxStyle/>
      <a:tcStyle>
        <a:tcBdr/>
      </a:tcStyle>
    </a:band2V>
    <a:lastCol>
      <a:tcTxStyle/>
      <a:tcStyle>
        <a:tcBdr/>
      </a:tcStyle>
    </a:lastCol>
    <a:firstCol>
      <a:tcTxStyle/>
      <a:tcStyle>
        <a:tcBdr/>
      </a:tcStyle>
    </a:firstCol>
    <a:lastRow>
      <a:tcTxStyle/>
      <a:tcStyle>
        <a:tcBdr/>
      </a:tcStyle>
    </a:lastRow>
    <a:seCell>
      <a:tcTxStyle/>
      <a:tcStyle>
        <a:tcBdr/>
      </a:tcStyle>
    </a:seCell>
    <a:swCell>
      <a:tcTxStyle/>
      <a:tcStyle>
        <a:tcBdr/>
      </a:tcStyle>
    </a:swCell>
    <a:firstRow>
      <a:tcTxStyle/>
      <a:tcStyle>
        <a:tcBdr/>
      </a:tcStyle>
    </a:firstRow>
    <a:neCell>
      <a:tcTxStyle/>
      <a:tcStyle>
        <a:tcBdr/>
      </a:tcStyle>
    </a:neCell>
    <a:nwCell>
      <a:tcTxStyle/>
      <a:tcStyle>
        <a:tcBdr/>
      </a:tcStyle>
    </a:nwCell>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82" d="100"/>
          <a:sy n="82" d="100"/>
        </p:scale>
        <p:origin x="1566" y="96"/>
      </p:cViewPr>
      <p:guideLst>
        <p:guide orient="horz" pos="162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font" Target="fonts/font9.fntdata"/><Relationship Id="rId21" Type="http://schemas.openxmlformats.org/officeDocument/2006/relationships/slide" Target="slides/slide20.xml"/><Relationship Id="rId34" Type="http://schemas.openxmlformats.org/officeDocument/2006/relationships/font" Target="fonts/font4.fntdata"/><Relationship Id="rId42" Type="http://schemas.openxmlformats.org/officeDocument/2006/relationships/font" Target="fonts/font12.fntdata"/><Relationship Id="rId47" Type="http://schemas.openxmlformats.org/officeDocument/2006/relationships/font" Target="fonts/font17.fntdata"/><Relationship Id="rId50" Type="http://schemas.openxmlformats.org/officeDocument/2006/relationships/font" Target="fonts/font20.fntdata"/><Relationship Id="rId55" Type="http://schemas.openxmlformats.org/officeDocument/2006/relationships/font" Target="fonts/font25.fntdata"/><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font" Target="fonts/font2.fntdata"/><Relationship Id="rId37" Type="http://schemas.openxmlformats.org/officeDocument/2006/relationships/font" Target="fonts/font7.fntdata"/><Relationship Id="rId40" Type="http://schemas.openxmlformats.org/officeDocument/2006/relationships/font" Target="fonts/font10.fntdata"/><Relationship Id="rId45" Type="http://schemas.openxmlformats.org/officeDocument/2006/relationships/font" Target="fonts/font15.fntdata"/><Relationship Id="rId53" Type="http://schemas.openxmlformats.org/officeDocument/2006/relationships/font" Target="fonts/font23.fntdata"/><Relationship Id="rId58" Type="http://schemas.openxmlformats.org/officeDocument/2006/relationships/tags" Target="tags/tag1.xml"/><Relationship Id="rId5" Type="http://schemas.openxmlformats.org/officeDocument/2006/relationships/slide" Target="slides/slide4.xml"/><Relationship Id="rId61" Type="http://schemas.openxmlformats.org/officeDocument/2006/relationships/theme" Target="theme/theme1.xml"/><Relationship Id="rId19" Type="http://schemas.openxmlformats.org/officeDocument/2006/relationships/slide" Target="slides/slide1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notesMaster" Target="notesMasters/notesMaster1.xml"/><Relationship Id="rId35" Type="http://schemas.openxmlformats.org/officeDocument/2006/relationships/font" Target="fonts/font5.fntdata"/><Relationship Id="rId43" Type="http://schemas.openxmlformats.org/officeDocument/2006/relationships/font" Target="fonts/font13.fntdata"/><Relationship Id="rId48" Type="http://schemas.openxmlformats.org/officeDocument/2006/relationships/font" Target="fonts/font18.fntdata"/><Relationship Id="rId56" Type="http://schemas.openxmlformats.org/officeDocument/2006/relationships/font" Target="fonts/font26.fntdata"/><Relationship Id="rId8" Type="http://schemas.openxmlformats.org/officeDocument/2006/relationships/slide" Target="slides/slide7.xml"/><Relationship Id="rId51" Type="http://schemas.openxmlformats.org/officeDocument/2006/relationships/font" Target="fonts/font21.fntdata"/><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font" Target="fonts/font3.fntdata"/><Relationship Id="rId38" Type="http://schemas.openxmlformats.org/officeDocument/2006/relationships/font" Target="fonts/font8.fntdata"/><Relationship Id="rId46" Type="http://schemas.openxmlformats.org/officeDocument/2006/relationships/font" Target="fonts/font16.fntdata"/><Relationship Id="rId59" Type="http://schemas.openxmlformats.org/officeDocument/2006/relationships/presProps" Target="presProps.xml"/><Relationship Id="rId20" Type="http://schemas.openxmlformats.org/officeDocument/2006/relationships/slide" Target="slides/slide19.xml"/><Relationship Id="rId41" Type="http://schemas.openxmlformats.org/officeDocument/2006/relationships/font" Target="fonts/font11.fntdata"/><Relationship Id="rId54" Type="http://schemas.openxmlformats.org/officeDocument/2006/relationships/font" Target="fonts/font24.fntdata"/><Relationship Id="rId62"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font" Target="fonts/font6.fntdata"/><Relationship Id="rId49" Type="http://schemas.openxmlformats.org/officeDocument/2006/relationships/font" Target="fonts/font19.fntdata"/><Relationship Id="rId57" Type="http://schemas.openxmlformats.org/officeDocument/2006/relationships/font" Target="fonts/font27.fntdata"/><Relationship Id="rId10" Type="http://schemas.openxmlformats.org/officeDocument/2006/relationships/slide" Target="slides/slide9.xml"/><Relationship Id="rId31" Type="http://schemas.openxmlformats.org/officeDocument/2006/relationships/font" Target="fonts/font1.fntdata"/><Relationship Id="rId44" Type="http://schemas.openxmlformats.org/officeDocument/2006/relationships/font" Target="fonts/font14.fntdata"/><Relationship Id="rId52" Type="http://schemas.openxmlformats.org/officeDocument/2006/relationships/font" Target="fonts/font22.fntdata"/><Relationship Id="rId6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381300" y="685800"/>
            <a:ext cx="609607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lvl="0" indent="-298450">
              <a:spcBef>
                <a:spcPts val="0"/>
              </a:spcBef>
              <a:spcAft>
                <a:spcPts val="0"/>
              </a:spcAft>
              <a:buSzPts val="1100"/>
              <a:buChar char="●"/>
              <a:defRPr sz="1100"/>
            </a:lvl1pPr>
            <a:lvl2pPr marL="914400" lvl="1" indent="-298450">
              <a:spcBef>
                <a:spcPts val="0"/>
              </a:spcBef>
              <a:spcAft>
                <a:spcPts val="0"/>
              </a:spcAft>
              <a:buSzPts val="1100"/>
              <a:buChar char="○"/>
              <a:defRPr sz="1100"/>
            </a:lvl2pPr>
            <a:lvl3pPr marL="1371600" lvl="2" indent="-298450">
              <a:spcBef>
                <a:spcPts val="0"/>
              </a:spcBef>
              <a:spcAft>
                <a:spcPts val="0"/>
              </a:spcAft>
              <a:buSzPts val="1100"/>
              <a:buChar char="■"/>
              <a:defRPr sz="1100"/>
            </a:lvl3pPr>
            <a:lvl4pPr marL="1828800" lvl="3" indent="-298450">
              <a:spcBef>
                <a:spcPts val="0"/>
              </a:spcBef>
              <a:spcAft>
                <a:spcPts val="0"/>
              </a:spcAft>
              <a:buSzPts val="1100"/>
              <a:buChar char="●"/>
              <a:defRPr sz="1100"/>
            </a:lvl4pPr>
            <a:lvl5pPr marL="2286000" lvl="4" indent="-298450">
              <a:spcBef>
                <a:spcPts val="0"/>
              </a:spcBef>
              <a:spcAft>
                <a:spcPts val="0"/>
              </a:spcAft>
              <a:buSzPts val="1100"/>
              <a:buChar char="○"/>
              <a:defRPr sz="1100"/>
            </a:lvl5pPr>
            <a:lvl6pPr marL="2743200" lvl="5" indent="-298450">
              <a:spcBef>
                <a:spcPts val="0"/>
              </a:spcBef>
              <a:spcAft>
                <a:spcPts val="0"/>
              </a:spcAft>
              <a:buSzPts val="1100"/>
              <a:buChar char="■"/>
              <a:defRPr sz="1100"/>
            </a:lvl6pPr>
            <a:lvl7pPr marL="3200400" lvl="6" indent="-298450">
              <a:spcBef>
                <a:spcPts val="0"/>
              </a:spcBef>
              <a:spcAft>
                <a:spcPts val="0"/>
              </a:spcAft>
              <a:buSzPts val="1100"/>
              <a:buChar char="●"/>
              <a:defRPr sz="1100"/>
            </a:lvl7pPr>
            <a:lvl8pPr marL="3657600" lvl="7" indent="-298450">
              <a:spcBef>
                <a:spcPts val="0"/>
              </a:spcBef>
              <a:spcAft>
                <a:spcPts val="0"/>
              </a:spcAft>
              <a:buSzPts val="1100"/>
              <a:buChar char="○"/>
              <a:defRPr sz="1100"/>
            </a:lvl8pPr>
            <a:lvl9pPr marL="4114800" lvl="8" indent="-298450">
              <a:spcBef>
                <a:spcPts val="0"/>
              </a:spcBef>
              <a:spcAft>
                <a:spcPts val="0"/>
              </a:spcAft>
              <a:buSzPts val="1100"/>
              <a:buChar char="■"/>
              <a:defRPr sz="1100"/>
            </a:lvl9pPr>
          </a:lstStyle>
          <a:p>
            <a:endParaRPr/>
          </a:p>
        </p:txBody>
      </p:sp>
    </p:spTree>
    <p:extLst>
      <p:ext uri="{BB962C8B-B14F-4D97-AF65-F5344CB8AC3E}">
        <p14:creationId xmlns:p14="http://schemas.microsoft.com/office/powerpoint/2010/main" val="3577273290"/>
      </p:ext>
    </p:extLst>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1"/>
        <p:cNvGrpSpPr/>
        <p:nvPr/>
      </p:nvGrpSpPr>
      <p:grpSpPr>
        <a:xfrm>
          <a:off x="0" y="0"/>
          <a:ext cx="0" cy="0"/>
          <a:chOff x="0" y="0"/>
          <a:chExt cx="0" cy="0"/>
        </a:xfrm>
      </p:grpSpPr>
      <p:sp>
        <p:nvSpPr>
          <p:cNvPr id="732" name="Google Shape;732;g101d17047bc_0_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33" name="Google Shape;733;g101d17047bc_0_0: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01"/>
        <p:cNvGrpSpPr/>
        <p:nvPr/>
      </p:nvGrpSpPr>
      <p:grpSpPr>
        <a:xfrm>
          <a:off x="0" y="0"/>
          <a:ext cx="0" cy="0"/>
          <a:chOff x="0" y="0"/>
          <a:chExt cx="0" cy="0"/>
        </a:xfrm>
      </p:grpSpPr>
      <p:sp>
        <p:nvSpPr>
          <p:cNvPr id="1002" name="Google Shape;1002;g101b268851c_0_3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03" name="Google Shape;1003;g101b268851c_0_30: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64"/>
        <p:cNvGrpSpPr/>
        <p:nvPr/>
      </p:nvGrpSpPr>
      <p:grpSpPr>
        <a:xfrm>
          <a:off x="0" y="0"/>
          <a:ext cx="0" cy="0"/>
          <a:chOff x="0" y="0"/>
          <a:chExt cx="0" cy="0"/>
        </a:xfrm>
      </p:grpSpPr>
      <p:sp>
        <p:nvSpPr>
          <p:cNvPr id="965" name="Google Shape;965;g101bfa69d76_1_9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66" name="Google Shape;966;g101bfa69d76_1_9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319187513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114171782"/>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28"/>
        <p:cNvGrpSpPr/>
        <p:nvPr/>
      </p:nvGrpSpPr>
      <p:grpSpPr>
        <a:xfrm>
          <a:off x="0" y="0"/>
          <a:ext cx="0" cy="0"/>
          <a:chOff x="0" y="0"/>
          <a:chExt cx="0" cy="0"/>
        </a:xfrm>
      </p:grpSpPr>
      <p:sp>
        <p:nvSpPr>
          <p:cNvPr id="1429" name="Google Shape;1429;g10258ac13f5_0_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430" name="Google Shape;1430;g10258ac13f5_0_0: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14"/>
        <p:cNvGrpSpPr/>
        <p:nvPr/>
      </p:nvGrpSpPr>
      <p:grpSpPr>
        <a:xfrm>
          <a:off x="0" y="0"/>
          <a:ext cx="0" cy="0"/>
          <a:chOff x="0" y="0"/>
          <a:chExt cx="0" cy="0"/>
        </a:xfrm>
      </p:grpSpPr>
      <p:sp>
        <p:nvSpPr>
          <p:cNvPr id="815" name="Google Shape;815;gcf89730724_0_24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16" name="Google Shape;816;gcf89730724_0_24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76947947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2556487001"/>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56"/>
        <p:cNvGrpSpPr/>
        <p:nvPr/>
      </p:nvGrpSpPr>
      <p:grpSpPr>
        <a:xfrm>
          <a:off x="0" y="0"/>
          <a:ext cx="0" cy="0"/>
          <a:chOff x="0" y="0"/>
          <a:chExt cx="0" cy="0"/>
        </a:xfrm>
      </p:grpSpPr>
      <p:sp>
        <p:nvSpPr>
          <p:cNvPr id="857" name="Google Shape;857;gcf89730724_0_22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58" name="Google Shape;858;gcf89730724_0_22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7"/>
        <p:cNvGrpSpPr/>
        <p:nvPr/>
      </p:nvGrpSpPr>
      <p:grpSpPr>
        <a:xfrm>
          <a:off x="0" y="0"/>
          <a:ext cx="0" cy="0"/>
          <a:chOff x="0" y="0"/>
          <a:chExt cx="0" cy="0"/>
        </a:xfrm>
      </p:grpSpPr>
      <p:sp>
        <p:nvSpPr>
          <p:cNvPr id="868" name="Google Shape;868;g1023f406f66_0_15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69" name="Google Shape;869;g1023f406f66_0_15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388229436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2073571964"/>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2715890214"/>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99"/>
        <p:cNvGrpSpPr/>
        <p:nvPr/>
      </p:nvGrpSpPr>
      <p:grpSpPr>
        <a:xfrm>
          <a:off x="0" y="0"/>
          <a:ext cx="0" cy="0"/>
          <a:chOff x="0" y="0"/>
          <a:chExt cx="0" cy="0"/>
        </a:xfrm>
      </p:grpSpPr>
      <p:sp>
        <p:nvSpPr>
          <p:cNvPr id="900" name="Google Shape;900;g101a7a9c8ce_2_2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01" name="Google Shape;901;g101a7a9c8ce_2_24: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0"/>
        <p:cNvGrpSpPr/>
        <p:nvPr/>
      </p:nvGrpSpPr>
      <p:grpSpPr>
        <a:xfrm>
          <a:off x="0" y="0"/>
          <a:ext cx="0" cy="0"/>
          <a:chOff x="0" y="0"/>
          <a:chExt cx="0" cy="0"/>
        </a:xfrm>
      </p:grpSpPr>
      <p:sp>
        <p:nvSpPr>
          <p:cNvPr id="981" name="Google Shape;981;g101ab0820f9_0_2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82" name="Google Shape;982;g101ab0820f9_0_2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80"/>
        <p:cNvGrpSpPr/>
        <p:nvPr/>
      </p:nvGrpSpPr>
      <p:grpSpPr>
        <a:xfrm>
          <a:off x="0" y="0"/>
          <a:ext cx="0" cy="0"/>
          <a:chOff x="0" y="0"/>
          <a:chExt cx="0" cy="0"/>
        </a:xfrm>
      </p:grpSpPr>
      <p:sp>
        <p:nvSpPr>
          <p:cNvPr id="881" name="Google Shape;881;g101a7a9c8ce_2_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82" name="Google Shape;882;g101a7a9c8ce_2_9: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98"/>
        <p:cNvGrpSpPr/>
        <p:nvPr/>
      </p:nvGrpSpPr>
      <p:grpSpPr>
        <a:xfrm>
          <a:off x="0" y="0"/>
          <a:ext cx="0" cy="0"/>
          <a:chOff x="0" y="0"/>
          <a:chExt cx="0" cy="0"/>
        </a:xfrm>
      </p:grpSpPr>
      <p:sp>
        <p:nvSpPr>
          <p:cNvPr id="1099" name="Google Shape;1099;g101bfa69d76_1_25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100" name="Google Shape;1100;g101bfa69d76_1_25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11"/>
        <p:cNvGrpSpPr/>
        <p:nvPr/>
      </p:nvGrpSpPr>
      <p:grpSpPr>
        <a:xfrm>
          <a:off x="0" y="0"/>
          <a:ext cx="0" cy="0"/>
          <a:chOff x="0" y="0"/>
          <a:chExt cx="0" cy="0"/>
        </a:xfrm>
      </p:grpSpPr>
      <p:sp>
        <p:nvSpPr>
          <p:cNvPr id="912" name="Google Shape;912;g101a7a9c8b8_0_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13" name="Google Shape;913;g101a7a9c8b8_0_0: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en-ID"/>
          </a:p>
        </p:txBody>
      </p:sp>
    </p:spTree>
    <p:extLst>
      <p:ext uri="{BB962C8B-B14F-4D97-AF65-F5344CB8AC3E}">
        <p14:creationId xmlns:p14="http://schemas.microsoft.com/office/powerpoint/2010/main" val="3329820279"/>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59"/>
        <p:cNvGrpSpPr/>
        <p:nvPr/>
      </p:nvGrpSpPr>
      <p:grpSpPr>
        <a:xfrm>
          <a:off x="0" y="0"/>
          <a:ext cx="0" cy="0"/>
          <a:chOff x="0" y="0"/>
          <a:chExt cx="0" cy="0"/>
        </a:xfrm>
      </p:grpSpPr>
      <p:sp>
        <p:nvSpPr>
          <p:cNvPr id="1460" name="Google Shape;1460;g10258ac13f5_0_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461" name="Google Shape;1461;g10258ac13f5_0_3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51"/>
        <p:cNvGrpSpPr/>
        <p:nvPr/>
      </p:nvGrpSpPr>
      <p:grpSpPr>
        <a:xfrm>
          <a:off x="0" y="0"/>
          <a:ext cx="0" cy="0"/>
          <a:chOff x="0" y="0"/>
          <a:chExt cx="0" cy="0"/>
        </a:xfrm>
      </p:grpSpPr>
      <p:sp>
        <p:nvSpPr>
          <p:cNvPr id="952" name="Google Shape;952;gfc639266b1_0_56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53" name="Google Shape;953;gfc639266b1_0_56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103397631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381202006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89"/>
        <p:cNvGrpSpPr/>
        <p:nvPr/>
      </p:nvGrpSpPr>
      <p:grpSpPr>
        <a:xfrm>
          <a:off x="0" y="0"/>
          <a:ext cx="0" cy="0"/>
          <a:chOff x="0" y="0"/>
          <a:chExt cx="0" cy="0"/>
        </a:xfrm>
      </p:grpSpPr>
      <p:sp>
        <p:nvSpPr>
          <p:cNvPr id="790" name="Google Shape;790;g10184b3b33f_0_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91" name="Google Shape;791;g10184b3b33f_0_3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66995124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endParaRPr lang="id-ID"/>
          </a:p>
        </p:txBody>
      </p:sp>
    </p:spTree>
    <p:extLst>
      <p:ext uri="{BB962C8B-B14F-4D97-AF65-F5344CB8AC3E}">
        <p14:creationId xmlns:p14="http://schemas.microsoft.com/office/powerpoint/2010/main" val="36868932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86"/>
        <p:cNvGrpSpPr/>
        <p:nvPr/>
      </p:nvGrpSpPr>
      <p:grpSpPr>
        <a:xfrm>
          <a:off x="0" y="0"/>
          <a:ext cx="0" cy="0"/>
          <a:chOff x="0" y="0"/>
          <a:chExt cx="0" cy="0"/>
        </a:xfrm>
      </p:grpSpPr>
      <p:sp>
        <p:nvSpPr>
          <p:cNvPr id="1087" name="Google Shape;1087;g101bfa69d76_1_2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88" name="Google Shape;1088;g101bfa69d76_1_23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8"/>
        <p:cNvGrpSpPr/>
        <p:nvPr/>
      </p:nvGrpSpPr>
      <p:grpSpPr>
        <a:xfrm>
          <a:off x="0" y="0"/>
          <a:ext cx="0" cy="0"/>
          <a:chOff x="0" y="0"/>
          <a:chExt cx="0" cy="0"/>
        </a:xfrm>
      </p:grpSpPr>
      <p:sp>
        <p:nvSpPr>
          <p:cNvPr id="9" name="Google Shape;9;p2"/>
          <p:cNvSpPr/>
          <p:nvPr/>
        </p:nvSpPr>
        <p:spPr>
          <a:xfrm>
            <a:off x="-726125" y="388570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 name="Google Shape;10;p2"/>
          <p:cNvSpPr/>
          <p:nvPr/>
        </p:nvSpPr>
        <p:spPr>
          <a:xfrm rot="883048">
            <a:off x="-955877" y="-1027118"/>
            <a:ext cx="3388333" cy="3035971"/>
          </a:xfrm>
          <a:custGeom>
            <a:avLst/>
            <a:gdLst/>
            <a:ahLst/>
            <a:cxnLst/>
            <a:rect l="l" t="t" r="r" b="b"/>
            <a:pathLst>
              <a:path w="19886" h="17818" extrusionOk="0">
                <a:moveTo>
                  <a:pt x="19172" y="427"/>
                </a:moveTo>
                <a:cubicBezTo>
                  <a:pt x="19147" y="442"/>
                  <a:pt x="19129" y="454"/>
                  <a:pt x="19116" y="463"/>
                </a:cubicBezTo>
                <a:lnTo>
                  <a:pt x="19116" y="463"/>
                </a:lnTo>
                <a:cubicBezTo>
                  <a:pt x="19131" y="454"/>
                  <a:pt x="19149" y="442"/>
                  <a:pt x="19172" y="427"/>
                </a:cubicBezTo>
                <a:close/>
                <a:moveTo>
                  <a:pt x="16413" y="2210"/>
                </a:moveTo>
                <a:cubicBezTo>
                  <a:pt x="16408" y="2213"/>
                  <a:pt x="16404" y="2217"/>
                  <a:pt x="16399" y="2220"/>
                </a:cubicBezTo>
                <a:lnTo>
                  <a:pt x="16399" y="2220"/>
                </a:lnTo>
                <a:cubicBezTo>
                  <a:pt x="16404" y="2217"/>
                  <a:pt x="16408" y="2213"/>
                  <a:pt x="16413" y="2210"/>
                </a:cubicBezTo>
                <a:close/>
                <a:moveTo>
                  <a:pt x="15986" y="3494"/>
                </a:moveTo>
                <a:cubicBezTo>
                  <a:pt x="15987" y="3497"/>
                  <a:pt x="15988" y="3501"/>
                  <a:pt x="15989" y="3505"/>
                </a:cubicBezTo>
                <a:cubicBezTo>
                  <a:pt x="15988" y="3500"/>
                  <a:pt x="15987" y="3497"/>
                  <a:pt x="15986" y="3494"/>
                </a:cubicBezTo>
                <a:close/>
                <a:moveTo>
                  <a:pt x="16218" y="4281"/>
                </a:moveTo>
                <a:cubicBezTo>
                  <a:pt x="16218" y="4293"/>
                  <a:pt x="16218" y="4305"/>
                  <a:pt x="16218" y="4318"/>
                </a:cubicBezTo>
                <a:cubicBezTo>
                  <a:pt x="16219" y="4306"/>
                  <a:pt x="16219" y="4293"/>
                  <a:pt x="16218" y="4281"/>
                </a:cubicBezTo>
                <a:close/>
                <a:moveTo>
                  <a:pt x="15622" y="5476"/>
                </a:moveTo>
                <a:cubicBezTo>
                  <a:pt x="15607" y="5488"/>
                  <a:pt x="15586" y="5507"/>
                  <a:pt x="15556" y="5534"/>
                </a:cubicBezTo>
                <a:cubicBezTo>
                  <a:pt x="15582" y="5512"/>
                  <a:pt x="15604" y="5493"/>
                  <a:pt x="15622" y="5476"/>
                </a:cubicBezTo>
                <a:close/>
                <a:moveTo>
                  <a:pt x="15584" y="5481"/>
                </a:moveTo>
                <a:cubicBezTo>
                  <a:pt x="15544" y="5518"/>
                  <a:pt x="15504" y="5553"/>
                  <a:pt x="15462" y="5588"/>
                </a:cubicBezTo>
                <a:lnTo>
                  <a:pt x="15462" y="5588"/>
                </a:lnTo>
                <a:cubicBezTo>
                  <a:pt x="15505" y="5554"/>
                  <a:pt x="15544" y="5518"/>
                  <a:pt x="15584" y="5481"/>
                </a:cubicBezTo>
                <a:close/>
                <a:moveTo>
                  <a:pt x="15095" y="5618"/>
                </a:moveTo>
                <a:cubicBezTo>
                  <a:pt x="15094" y="5618"/>
                  <a:pt x="15093" y="5619"/>
                  <a:pt x="15093" y="5619"/>
                </a:cubicBezTo>
                <a:lnTo>
                  <a:pt x="15093" y="5619"/>
                </a:lnTo>
                <a:cubicBezTo>
                  <a:pt x="15093" y="5619"/>
                  <a:pt x="15094" y="5618"/>
                  <a:pt x="15095" y="5618"/>
                </a:cubicBezTo>
                <a:close/>
                <a:moveTo>
                  <a:pt x="12785" y="6164"/>
                </a:moveTo>
                <a:lnTo>
                  <a:pt x="12785" y="6164"/>
                </a:lnTo>
                <a:cubicBezTo>
                  <a:pt x="12806" y="6165"/>
                  <a:pt x="12827" y="6166"/>
                  <a:pt x="12848" y="6167"/>
                </a:cubicBezTo>
                <a:cubicBezTo>
                  <a:pt x="12825" y="6166"/>
                  <a:pt x="12804" y="6165"/>
                  <a:pt x="12785" y="6164"/>
                </a:cubicBezTo>
                <a:close/>
                <a:moveTo>
                  <a:pt x="4559" y="15307"/>
                </a:moveTo>
                <a:cubicBezTo>
                  <a:pt x="4498" y="15308"/>
                  <a:pt x="4447" y="15310"/>
                  <a:pt x="4430" y="15314"/>
                </a:cubicBezTo>
                <a:cubicBezTo>
                  <a:pt x="4461" y="15316"/>
                  <a:pt x="4492" y="15316"/>
                  <a:pt x="4523" y="15317"/>
                </a:cubicBezTo>
                <a:lnTo>
                  <a:pt x="4523" y="15317"/>
                </a:lnTo>
                <a:cubicBezTo>
                  <a:pt x="4533" y="15313"/>
                  <a:pt x="4545" y="15310"/>
                  <a:pt x="4559" y="15307"/>
                </a:cubicBezTo>
                <a:close/>
                <a:moveTo>
                  <a:pt x="1683" y="15330"/>
                </a:moveTo>
                <a:cubicBezTo>
                  <a:pt x="1683" y="15330"/>
                  <a:pt x="1683" y="15330"/>
                  <a:pt x="1683" y="15331"/>
                </a:cubicBezTo>
                <a:cubicBezTo>
                  <a:pt x="1683" y="15330"/>
                  <a:pt x="1683" y="15330"/>
                  <a:pt x="1683" y="15330"/>
                </a:cubicBezTo>
                <a:close/>
                <a:moveTo>
                  <a:pt x="4593" y="15342"/>
                </a:moveTo>
                <a:lnTo>
                  <a:pt x="4513" y="15351"/>
                </a:lnTo>
                <a:lnTo>
                  <a:pt x="4536" y="15354"/>
                </a:lnTo>
                <a:lnTo>
                  <a:pt x="4536" y="15354"/>
                </a:lnTo>
                <a:cubicBezTo>
                  <a:pt x="4553" y="15351"/>
                  <a:pt x="4577" y="15346"/>
                  <a:pt x="4593" y="15342"/>
                </a:cubicBezTo>
                <a:close/>
                <a:moveTo>
                  <a:pt x="4536" y="15354"/>
                </a:moveTo>
                <a:cubicBezTo>
                  <a:pt x="4518" y="15357"/>
                  <a:pt x="4507" y="15358"/>
                  <a:pt x="4517" y="15358"/>
                </a:cubicBezTo>
                <a:cubicBezTo>
                  <a:pt x="4523" y="15358"/>
                  <a:pt x="4537" y="15358"/>
                  <a:pt x="4562" y="15356"/>
                </a:cubicBezTo>
                <a:lnTo>
                  <a:pt x="4536" y="15354"/>
                </a:lnTo>
                <a:close/>
                <a:moveTo>
                  <a:pt x="612" y="15934"/>
                </a:moveTo>
                <a:lnTo>
                  <a:pt x="615" y="15935"/>
                </a:lnTo>
                <a:cubicBezTo>
                  <a:pt x="614" y="15934"/>
                  <a:pt x="614" y="15934"/>
                  <a:pt x="612" y="15934"/>
                </a:cubicBezTo>
                <a:close/>
                <a:moveTo>
                  <a:pt x="499" y="17545"/>
                </a:moveTo>
                <a:lnTo>
                  <a:pt x="499" y="17545"/>
                </a:lnTo>
                <a:cubicBezTo>
                  <a:pt x="503" y="17551"/>
                  <a:pt x="507" y="17556"/>
                  <a:pt x="511" y="17560"/>
                </a:cubicBezTo>
                <a:lnTo>
                  <a:pt x="511" y="17560"/>
                </a:lnTo>
                <a:cubicBezTo>
                  <a:pt x="507" y="17555"/>
                  <a:pt x="503" y="17550"/>
                  <a:pt x="499" y="17545"/>
                </a:cubicBezTo>
                <a:close/>
                <a:moveTo>
                  <a:pt x="511" y="17560"/>
                </a:moveTo>
                <a:cubicBezTo>
                  <a:pt x="514" y="17565"/>
                  <a:pt x="518" y="17570"/>
                  <a:pt x="522" y="17575"/>
                </a:cubicBezTo>
                <a:lnTo>
                  <a:pt x="522" y="17575"/>
                </a:lnTo>
                <a:cubicBezTo>
                  <a:pt x="519" y="17571"/>
                  <a:pt x="515" y="17566"/>
                  <a:pt x="511" y="17560"/>
                </a:cubicBezTo>
                <a:close/>
                <a:moveTo>
                  <a:pt x="19885" y="0"/>
                </a:moveTo>
                <a:cubicBezTo>
                  <a:pt x="19774" y="42"/>
                  <a:pt x="19552" y="193"/>
                  <a:pt x="19334" y="318"/>
                </a:cubicBezTo>
                <a:cubicBezTo>
                  <a:pt x="19349" y="318"/>
                  <a:pt x="19251" y="390"/>
                  <a:pt x="19266" y="390"/>
                </a:cubicBezTo>
                <a:cubicBezTo>
                  <a:pt x="19272" y="390"/>
                  <a:pt x="19299" y="377"/>
                  <a:pt x="19362" y="341"/>
                </a:cubicBezTo>
                <a:lnTo>
                  <a:pt x="19362" y="341"/>
                </a:lnTo>
                <a:cubicBezTo>
                  <a:pt x="19366" y="352"/>
                  <a:pt x="19241" y="431"/>
                  <a:pt x="19160" y="480"/>
                </a:cubicBezTo>
                <a:cubicBezTo>
                  <a:pt x="19166" y="475"/>
                  <a:pt x="19166" y="474"/>
                  <a:pt x="19163" y="474"/>
                </a:cubicBezTo>
                <a:cubicBezTo>
                  <a:pt x="19153" y="474"/>
                  <a:pt x="19112" y="489"/>
                  <a:pt x="19097" y="489"/>
                </a:cubicBezTo>
                <a:cubicBezTo>
                  <a:pt x="19088" y="489"/>
                  <a:pt x="19089" y="483"/>
                  <a:pt x="19116" y="463"/>
                </a:cubicBezTo>
                <a:lnTo>
                  <a:pt x="19116" y="463"/>
                </a:lnTo>
                <a:cubicBezTo>
                  <a:pt x="19011" y="532"/>
                  <a:pt x="19063" y="491"/>
                  <a:pt x="18882" y="600"/>
                </a:cubicBezTo>
                <a:cubicBezTo>
                  <a:pt x="18884" y="599"/>
                  <a:pt x="18884" y="599"/>
                  <a:pt x="18883" y="599"/>
                </a:cubicBezTo>
                <a:cubicBezTo>
                  <a:pt x="18873" y="599"/>
                  <a:pt x="18569" y="780"/>
                  <a:pt x="18533" y="780"/>
                </a:cubicBezTo>
                <a:cubicBezTo>
                  <a:pt x="18531" y="780"/>
                  <a:pt x="18529" y="779"/>
                  <a:pt x="18530" y="776"/>
                </a:cubicBezTo>
                <a:lnTo>
                  <a:pt x="18530" y="776"/>
                </a:lnTo>
                <a:cubicBezTo>
                  <a:pt x="18468" y="823"/>
                  <a:pt x="18551" y="804"/>
                  <a:pt x="18310" y="945"/>
                </a:cubicBezTo>
                <a:cubicBezTo>
                  <a:pt x="18359" y="932"/>
                  <a:pt x="18515" y="847"/>
                  <a:pt x="18531" y="847"/>
                </a:cubicBezTo>
                <a:cubicBezTo>
                  <a:pt x="18538" y="847"/>
                  <a:pt x="18524" y="859"/>
                  <a:pt x="18477" y="892"/>
                </a:cubicBezTo>
                <a:lnTo>
                  <a:pt x="18588" y="816"/>
                </a:lnTo>
                <a:cubicBezTo>
                  <a:pt x="18640" y="789"/>
                  <a:pt x="18658" y="782"/>
                  <a:pt x="18663" y="782"/>
                </a:cubicBezTo>
                <a:cubicBezTo>
                  <a:pt x="18669" y="782"/>
                  <a:pt x="18658" y="791"/>
                  <a:pt x="18664" y="791"/>
                </a:cubicBezTo>
                <a:cubicBezTo>
                  <a:pt x="18670" y="791"/>
                  <a:pt x="18695" y="781"/>
                  <a:pt x="18776" y="737"/>
                </a:cubicBezTo>
                <a:lnTo>
                  <a:pt x="18776" y="737"/>
                </a:lnTo>
                <a:cubicBezTo>
                  <a:pt x="18711" y="772"/>
                  <a:pt x="18583" y="857"/>
                  <a:pt x="18549" y="862"/>
                </a:cubicBezTo>
                <a:cubicBezTo>
                  <a:pt x="18623" y="862"/>
                  <a:pt x="18229" y="1066"/>
                  <a:pt x="18231" y="1096"/>
                </a:cubicBezTo>
                <a:cubicBezTo>
                  <a:pt x="18178" y="1115"/>
                  <a:pt x="18113" y="1152"/>
                  <a:pt x="17993" y="1223"/>
                </a:cubicBezTo>
                <a:cubicBezTo>
                  <a:pt x="18004" y="1205"/>
                  <a:pt x="17933" y="1235"/>
                  <a:pt x="18023" y="1175"/>
                </a:cubicBezTo>
                <a:cubicBezTo>
                  <a:pt x="18104" y="1133"/>
                  <a:pt x="18157" y="1098"/>
                  <a:pt x="18248" y="1054"/>
                </a:cubicBezTo>
                <a:cubicBezTo>
                  <a:pt x="18247" y="1054"/>
                  <a:pt x="18247" y="1054"/>
                  <a:pt x="18246" y="1054"/>
                </a:cubicBezTo>
                <a:cubicBezTo>
                  <a:pt x="18179" y="1054"/>
                  <a:pt x="17927" y="1226"/>
                  <a:pt x="17724" y="1335"/>
                </a:cubicBezTo>
                <a:cubicBezTo>
                  <a:pt x="17735" y="1330"/>
                  <a:pt x="17743" y="1327"/>
                  <a:pt x="17746" y="1327"/>
                </a:cubicBezTo>
                <a:cubicBezTo>
                  <a:pt x="17751" y="1327"/>
                  <a:pt x="17743" y="1335"/>
                  <a:pt x="17710" y="1358"/>
                </a:cubicBezTo>
                <a:cubicBezTo>
                  <a:pt x="17603" y="1413"/>
                  <a:pt x="17391" y="1528"/>
                  <a:pt x="17370" y="1528"/>
                </a:cubicBezTo>
                <a:cubicBezTo>
                  <a:pt x="17366" y="1528"/>
                  <a:pt x="17368" y="1524"/>
                  <a:pt x="17379" y="1515"/>
                </a:cubicBezTo>
                <a:lnTo>
                  <a:pt x="17379" y="1515"/>
                </a:lnTo>
                <a:lnTo>
                  <a:pt x="16756" y="1879"/>
                </a:lnTo>
                <a:cubicBezTo>
                  <a:pt x="16749" y="1872"/>
                  <a:pt x="16842" y="1823"/>
                  <a:pt x="16879" y="1800"/>
                </a:cubicBezTo>
                <a:lnTo>
                  <a:pt x="16879" y="1800"/>
                </a:lnTo>
                <a:lnTo>
                  <a:pt x="16705" y="1900"/>
                </a:lnTo>
                <a:cubicBezTo>
                  <a:pt x="16647" y="1932"/>
                  <a:pt x="16587" y="1967"/>
                  <a:pt x="16529" y="2004"/>
                </a:cubicBezTo>
                <a:cubicBezTo>
                  <a:pt x="16516" y="2011"/>
                  <a:pt x="16509" y="2014"/>
                  <a:pt x="16506" y="2014"/>
                </a:cubicBezTo>
                <a:cubicBezTo>
                  <a:pt x="16501" y="2014"/>
                  <a:pt x="16525" y="1996"/>
                  <a:pt x="16557" y="1974"/>
                </a:cubicBezTo>
                <a:cubicBezTo>
                  <a:pt x="16603" y="1944"/>
                  <a:pt x="16659" y="1907"/>
                  <a:pt x="16672" y="1891"/>
                </a:cubicBezTo>
                <a:lnTo>
                  <a:pt x="16672" y="1891"/>
                </a:lnTo>
                <a:cubicBezTo>
                  <a:pt x="16589" y="1942"/>
                  <a:pt x="16503" y="1992"/>
                  <a:pt x="16418" y="2050"/>
                </a:cubicBezTo>
                <a:lnTo>
                  <a:pt x="16445" y="2018"/>
                </a:lnTo>
                <a:lnTo>
                  <a:pt x="16445" y="2018"/>
                </a:lnTo>
                <a:cubicBezTo>
                  <a:pt x="16418" y="2041"/>
                  <a:pt x="16327" y="2104"/>
                  <a:pt x="16237" y="2173"/>
                </a:cubicBezTo>
                <a:cubicBezTo>
                  <a:pt x="16149" y="2245"/>
                  <a:pt x="16061" y="2328"/>
                  <a:pt x="16022" y="2358"/>
                </a:cubicBezTo>
                <a:cubicBezTo>
                  <a:pt x="15971" y="2416"/>
                  <a:pt x="15927" y="2481"/>
                  <a:pt x="15892" y="2548"/>
                </a:cubicBezTo>
                <a:cubicBezTo>
                  <a:pt x="15878" y="2576"/>
                  <a:pt x="15866" y="2602"/>
                  <a:pt x="15855" y="2630"/>
                </a:cubicBezTo>
                <a:cubicBezTo>
                  <a:pt x="15845" y="2657"/>
                  <a:pt x="15834" y="2683"/>
                  <a:pt x="15827" y="2711"/>
                </a:cubicBezTo>
                <a:cubicBezTo>
                  <a:pt x="15806" y="2773"/>
                  <a:pt x="15790" y="2838"/>
                  <a:pt x="15778" y="2903"/>
                </a:cubicBezTo>
                <a:cubicBezTo>
                  <a:pt x="15769" y="2947"/>
                  <a:pt x="15764" y="2991"/>
                  <a:pt x="15762" y="3035"/>
                </a:cubicBezTo>
                <a:cubicBezTo>
                  <a:pt x="15755" y="3090"/>
                  <a:pt x="15755" y="3148"/>
                  <a:pt x="15755" y="3204"/>
                </a:cubicBezTo>
                <a:cubicBezTo>
                  <a:pt x="15748" y="3188"/>
                  <a:pt x="15744" y="3169"/>
                  <a:pt x="15746" y="3148"/>
                </a:cubicBezTo>
                <a:cubicBezTo>
                  <a:pt x="15746" y="3134"/>
                  <a:pt x="15744" y="3118"/>
                  <a:pt x="15744" y="3100"/>
                </a:cubicBezTo>
                <a:cubicBezTo>
                  <a:pt x="15741" y="3079"/>
                  <a:pt x="15744" y="3058"/>
                  <a:pt x="15746" y="3037"/>
                </a:cubicBezTo>
                <a:cubicBezTo>
                  <a:pt x="15753" y="2954"/>
                  <a:pt x="15764" y="2870"/>
                  <a:pt x="15785" y="2789"/>
                </a:cubicBezTo>
                <a:lnTo>
                  <a:pt x="15785" y="2789"/>
                </a:lnTo>
                <a:cubicBezTo>
                  <a:pt x="15771" y="2824"/>
                  <a:pt x="15762" y="2861"/>
                  <a:pt x="15755" y="2896"/>
                </a:cubicBezTo>
                <a:cubicBezTo>
                  <a:pt x="15753" y="2919"/>
                  <a:pt x="15748" y="2945"/>
                  <a:pt x="15744" y="2968"/>
                </a:cubicBezTo>
                <a:cubicBezTo>
                  <a:pt x="15739" y="2993"/>
                  <a:pt x="15739" y="3016"/>
                  <a:pt x="15737" y="3042"/>
                </a:cubicBezTo>
                <a:cubicBezTo>
                  <a:pt x="15730" y="3139"/>
                  <a:pt x="15737" y="3227"/>
                  <a:pt x="15730" y="3253"/>
                </a:cubicBezTo>
                <a:cubicBezTo>
                  <a:pt x="15734" y="3290"/>
                  <a:pt x="15741" y="3329"/>
                  <a:pt x="15748" y="3366"/>
                </a:cubicBezTo>
                <a:cubicBezTo>
                  <a:pt x="15753" y="3392"/>
                  <a:pt x="15760" y="3419"/>
                  <a:pt x="15769" y="3445"/>
                </a:cubicBezTo>
                <a:cubicBezTo>
                  <a:pt x="15778" y="3480"/>
                  <a:pt x="15790" y="3512"/>
                  <a:pt x="15806" y="3545"/>
                </a:cubicBezTo>
                <a:cubicBezTo>
                  <a:pt x="15832" y="3591"/>
                  <a:pt x="15852" y="3639"/>
                  <a:pt x="15873" y="3688"/>
                </a:cubicBezTo>
                <a:cubicBezTo>
                  <a:pt x="15897" y="3778"/>
                  <a:pt x="15903" y="3806"/>
                  <a:pt x="15900" y="3806"/>
                </a:cubicBezTo>
                <a:cubicBezTo>
                  <a:pt x="15895" y="3806"/>
                  <a:pt x="15867" y="3730"/>
                  <a:pt x="15864" y="3730"/>
                </a:cubicBezTo>
                <a:cubicBezTo>
                  <a:pt x="15864" y="3730"/>
                  <a:pt x="15864" y="3730"/>
                  <a:pt x="15864" y="3730"/>
                </a:cubicBezTo>
                <a:cubicBezTo>
                  <a:pt x="15880" y="3804"/>
                  <a:pt x="15943" y="3911"/>
                  <a:pt x="15934" y="3978"/>
                </a:cubicBezTo>
                <a:cubicBezTo>
                  <a:pt x="15943" y="4015"/>
                  <a:pt x="15957" y="4049"/>
                  <a:pt x="15975" y="4082"/>
                </a:cubicBezTo>
                <a:cubicBezTo>
                  <a:pt x="15976" y="4083"/>
                  <a:pt x="15977" y="4083"/>
                  <a:pt x="15977" y="4083"/>
                </a:cubicBezTo>
                <a:cubicBezTo>
                  <a:pt x="15982" y="4083"/>
                  <a:pt x="15983" y="4055"/>
                  <a:pt x="15968" y="3980"/>
                </a:cubicBezTo>
                <a:lnTo>
                  <a:pt x="15968" y="3980"/>
                </a:lnTo>
                <a:cubicBezTo>
                  <a:pt x="15984" y="4043"/>
                  <a:pt x="15998" y="4114"/>
                  <a:pt x="16010" y="4177"/>
                </a:cubicBezTo>
                <a:cubicBezTo>
                  <a:pt x="16015" y="4207"/>
                  <a:pt x="16019" y="4235"/>
                  <a:pt x="16024" y="4258"/>
                </a:cubicBezTo>
                <a:cubicBezTo>
                  <a:pt x="16026" y="4277"/>
                  <a:pt x="16028" y="4293"/>
                  <a:pt x="16030" y="4300"/>
                </a:cubicBezTo>
                <a:lnTo>
                  <a:pt x="16030" y="4300"/>
                </a:lnTo>
                <a:cubicBezTo>
                  <a:pt x="16026" y="4286"/>
                  <a:pt x="16023" y="4280"/>
                  <a:pt x="16020" y="4280"/>
                </a:cubicBezTo>
                <a:cubicBezTo>
                  <a:pt x="16016" y="4280"/>
                  <a:pt x="16015" y="4305"/>
                  <a:pt x="16015" y="4337"/>
                </a:cubicBezTo>
                <a:cubicBezTo>
                  <a:pt x="16015" y="4360"/>
                  <a:pt x="16012" y="4385"/>
                  <a:pt x="16008" y="4409"/>
                </a:cubicBezTo>
                <a:cubicBezTo>
                  <a:pt x="16005" y="4429"/>
                  <a:pt x="16001" y="4446"/>
                  <a:pt x="15996" y="4450"/>
                </a:cubicBezTo>
                <a:cubicBezTo>
                  <a:pt x="15980" y="4571"/>
                  <a:pt x="15950" y="4691"/>
                  <a:pt x="15901" y="4805"/>
                </a:cubicBezTo>
                <a:cubicBezTo>
                  <a:pt x="15852" y="4918"/>
                  <a:pt x="15795" y="5027"/>
                  <a:pt x="15732" y="5134"/>
                </a:cubicBezTo>
                <a:lnTo>
                  <a:pt x="15737" y="5076"/>
                </a:lnTo>
                <a:lnTo>
                  <a:pt x="15706" y="5117"/>
                </a:lnTo>
                <a:lnTo>
                  <a:pt x="15674" y="5159"/>
                </a:lnTo>
                <a:cubicBezTo>
                  <a:pt x="15653" y="5189"/>
                  <a:pt x="15628" y="5212"/>
                  <a:pt x="15605" y="5240"/>
                </a:cubicBezTo>
                <a:cubicBezTo>
                  <a:pt x="15585" y="5257"/>
                  <a:pt x="15574" y="5264"/>
                  <a:pt x="15571" y="5264"/>
                </a:cubicBezTo>
                <a:cubicBezTo>
                  <a:pt x="15569" y="5264"/>
                  <a:pt x="15570" y="5262"/>
                  <a:pt x="15572" y="5259"/>
                </a:cubicBezTo>
                <a:cubicBezTo>
                  <a:pt x="15579" y="5249"/>
                  <a:pt x="15598" y="5224"/>
                  <a:pt x="15623" y="5194"/>
                </a:cubicBezTo>
                <a:cubicBezTo>
                  <a:pt x="15676" y="5134"/>
                  <a:pt x="15725" y="5069"/>
                  <a:pt x="15769" y="4999"/>
                </a:cubicBezTo>
                <a:lnTo>
                  <a:pt x="15769" y="4999"/>
                </a:lnTo>
                <a:cubicBezTo>
                  <a:pt x="15700" y="5103"/>
                  <a:pt x="15618" y="5201"/>
                  <a:pt x="15528" y="5286"/>
                </a:cubicBezTo>
                <a:cubicBezTo>
                  <a:pt x="15440" y="5370"/>
                  <a:pt x="15345" y="5446"/>
                  <a:pt x="15243" y="5513"/>
                </a:cubicBezTo>
                <a:cubicBezTo>
                  <a:pt x="15271" y="5497"/>
                  <a:pt x="15282" y="5493"/>
                  <a:pt x="15287" y="5493"/>
                </a:cubicBezTo>
                <a:cubicBezTo>
                  <a:pt x="15291" y="5493"/>
                  <a:pt x="15292" y="5496"/>
                  <a:pt x="15298" y="5496"/>
                </a:cubicBezTo>
                <a:cubicBezTo>
                  <a:pt x="15301" y="5496"/>
                  <a:pt x="15305" y="5495"/>
                  <a:pt x="15313" y="5493"/>
                </a:cubicBezTo>
                <a:lnTo>
                  <a:pt x="15313" y="5493"/>
                </a:lnTo>
                <a:cubicBezTo>
                  <a:pt x="15243" y="5555"/>
                  <a:pt x="15130" y="5615"/>
                  <a:pt x="15046" y="5664"/>
                </a:cubicBezTo>
                <a:cubicBezTo>
                  <a:pt x="15044" y="5664"/>
                  <a:pt x="15042" y="5664"/>
                  <a:pt x="15041" y="5664"/>
                </a:cubicBezTo>
                <a:cubicBezTo>
                  <a:pt x="15025" y="5664"/>
                  <a:pt x="15036" y="5654"/>
                  <a:pt x="15093" y="5619"/>
                </a:cubicBezTo>
                <a:lnTo>
                  <a:pt x="15093" y="5619"/>
                </a:lnTo>
                <a:cubicBezTo>
                  <a:pt x="15040" y="5651"/>
                  <a:pt x="14988" y="5681"/>
                  <a:pt x="14933" y="5706"/>
                </a:cubicBezTo>
                <a:cubicBezTo>
                  <a:pt x="14937" y="5683"/>
                  <a:pt x="14859" y="5722"/>
                  <a:pt x="15016" y="5632"/>
                </a:cubicBezTo>
                <a:lnTo>
                  <a:pt x="15016" y="5632"/>
                </a:lnTo>
                <a:cubicBezTo>
                  <a:pt x="14991" y="5646"/>
                  <a:pt x="14965" y="5659"/>
                  <a:pt x="14942" y="5671"/>
                </a:cubicBezTo>
                <a:cubicBezTo>
                  <a:pt x="14917" y="5683"/>
                  <a:pt x="14891" y="5699"/>
                  <a:pt x="14866" y="5710"/>
                </a:cubicBezTo>
                <a:cubicBezTo>
                  <a:pt x="14817" y="5730"/>
                  <a:pt x="14796" y="5737"/>
                  <a:pt x="14791" y="5737"/>
                </a:cubicBezTo>
                <a:cubicBezTo>
                  <a:pt x="14779" y="5737"/>
                  <a:pt x="14878" y="5687"/>
                  <a:pt x="14905" y="5669"/>
                </a:cubicBezTo>
                <a:lnTo>
                  <a:pt x="14905" y="5669"/>
                </a:lnTo>
                <a:cubicBezTo>
                  <a:pt x="14817" y="5710"/>
                  <a:pt x="14727" y="5745"/>
                  <a:pt x="14632" y="5775"/>
                </a:cubicBezTo>
                <a:cubicBezTo>
                  <a:pt x="14534" y="5819"/>
                  <a:pt x="14697" y="5775"/>
                  <a:pt x="14502" y="5840"/>
                </a:cubicBezTo>
                <a:cubicBezTo>
                  <a:pt x="14356" y="5873"/>
                  <a:pt x="14208" y="5900"/>
                  <a:pt x="14059" y="5917"/>
                </a:cubicBezTo>
                <a:cubicBezTo>
                  <a:pt x="13981" y="5924"/>
                  <a:pt x="13897" y="5928"/>
                  <a:pt x="13814" y="5933"/>
                </a:cubicBezTo>
                <a:cubicBezTo>
                  <a:pt x="13794" y="5934"/>
                  <a:pt x="13774" y="5934"/>
                  <a:pt x="13753" y="5934"/>
                </a:cubicBezTo>
                <a:cubicBezTo>
                  <a:pt x="13733" y="5934"/>
                  <a:pt x="13712" y="5934"/>
                  <a:pt x="13691" y="5935"/>
                </a:cubicBezTo>
                <a:lnTo>
                  <a:pt x="13568" y="5935"/>
                </a:lnTo>
                <a:cubicBezTo>
                  <a:pt x="13645" y="5940"/>
                  <a:pt x="13719" y="5944"/>
                  <a:pt x="13795" y="5949"/>
                </a:cubicBezTo>
                <a:cubicBezTo>
                  <a:pt x="13788" y="5949"/>
                  <a:pt x="13780" y="5949"/>
                  <a:pt x="13773" y="5949"/>
                </a:cubicBezTo>
                <a:cubicBezTo>
                  <a:pt x="13604" y="5949"/>
                  <a:pt x="13638" y="5975"/>
                  <a:pt x="13580" y="5988"/>
                </a:cubicBezTo>
                <a:cubicBezTo>
                  <a:pt x="13399" y="5984"/>
                  <a:pt x="13154" y="5972"/>
                  <a:pt x="13001" y="5951"/>
                </a:cubicBezTo>
                <a:cubicBezTo>
                  <a:pt x="13177" y="5949"/>
                  <a:pt x="13107" y="5926"/>
                  <a:pt x="12943" y="5900"/>
                </a:cubicBezTo>
                <a:cubicBezTo>
                  <a:pt x="12819" y="5889"/>
                  <a:pt x="12747" y="5885"/>
                  <a:pt x="12697" y="5885"/>
                </a:cubicBezTo>
                <a:cubicBezTo>
                  <a:pt x="12615" y="5885"/>
                  <a:pt x="12596" y="5895"/>
                  <a:pt x="12513" y="5895"/>
                </a:cubicBezTo>
                <a:cubicBezTo>
                  <a:pt x="12495" y="5895"/>
                  <a:pt x="12474" y="5894"/>
                  <a:pt x="12450" y="5893"/>
                </a:cubicBezTo>
                <a:cubicBezTo>
                  <a:pt x="12616" y="5873"/>
                  <a:pt x="12185" y="5859"/>
                  <a:pt x="12225" y="5842"/>
                </a:cubicBezTo>
                <a:cubicBezTo>
                  <a:pt x="11991" y="5822"/>
                  <a:pt x="11752" y="5809"/>
                  <a:pt x="11508" y="5809"/>
                </a:cubicBezTo>
                <a:cubicBezTo>
                  <a:pt x="11250" y="5809"/>
                  <a:pt x="10986" y="5824"/>
                  <a:pt x="10719" y="5863"/>
                </a:cubicBezTo>
                <a:cubicBezTo>
                  <a:pt x="10720" y="5864"/>
                  <a:pt x="10723" y="5864"/>
                  <a:pt x="10726" y="5864"/>
                </a:cubicBezTo>
                <a:cubicBezTo>
                  <a:pt x="10740" y="5864"/>
                  <a:pt x="10771" y="5861"/>
                  <a:pt x="10791" y="5861"/>
                </a:cubicBezTo>
                <a:cubicBezTo>
                  <a:pt x="10819" y="5861"/>
                  <a:pt x="10835" y="5861"/>
                  <a:pt x="10789" y="5870"/>
                </a:cubicBezTo>
                <a:cubicBezTo>
                  <a:pt x="10622" y="5899"/>
                  <a:pt x="10531" y="5908"/>
                  <a:pt x="10494" y="5908"/>
                </a:cubicBezTo>
                <a:cubicBezTo>
                  <a:pt x="10490" y="5908"/>
                  <a:pt x="10486" y="5908"/>
                  <a:pt x="10483" y="5907"/>
                </a:cubicBezTo>
                <a:cubicBezTo>
                  <a:pt x="10386" y="5928"/>
                  <a:pt x="10288" y="5956"/>
                  <a:pt x="10196" y="5991"/>
                </a:cubicBezTo>
                <a:cubicBezTo>
                  <a:pt x="10140" y="6009"/>
                  <a:pt x="10087" y="6030"/>
                  <a:pt x="10034" y="6056"/>
                </a:cubicBezTo>
                <a:cubicBezTo>
                  <a:pt x="10092" y="6034"/>
                  <a:pt x="10120" y="6027"/>
                  <a:pt x="10131" y="6027"/>
                </a:cubicBezTo>
                <a:cubicBezTo>
                  <a:pt x="10140" y="6027"/>
                  <a:pt x="10138" y="6031"/>
                  <a:pt x="10131" y="6037"/>
                </a:cubicBezTo>
                <a:cubicBezTo>
                  <a:pt x="10015" y="6076"/>
                  <a:pt x="9971" y="6086"/>
                  <a:pt x="9929" y="6097"/>
                </a:cubicBezTo>
                <a:cubicBezTo>
                  <a:pt x="9908" y="6104"/>
                  <a:pt x="9888" y="6109"/>
                  <a:pt x="9860" y="6120"/>
                </a:cubicBezTo>
                <a:cubicBezTo>
                  <a:pt x="9820" y="6137"/>
                  <a:pt x="9781" y="6153"/>
                  <a:pt x="9744" y="6174"/>
                </a:cubicBezTo>
                <a:cubicBezTo>
                  <a:pt x="9743" y="6174"/>
                  <a:pt x="9742" y="6174"/>
                  <a:pt x="9741" y="6174"/>
                </a:cubicBezTo>
                <a:cubicBezTo>
                  <a:pt x="9716" y="6174"/>
                  <a:pt x="9772" y="6147"/>
                  <a:pt x="9834" y="6120"/>
                </a:cubicBezTo>
                <a:cubicBezTo>
                  <a:pt x="9899" y="6095"/>
                  <a:pt x="9969" y="6065"/>
                  <a:pt x="9955" y="6060"/>
                </a:cubicBezTo>
                <a:lnTo>
                  <a:pt x="9955" y="6060"/>
                </a:lnTo>
                <a:cubicBezTo>
                  <a:pt x="9795" y="6118"/>
                  <a:pt x="9640" y="6190"/>
                  <a:pt x="9491" y="6273"/>
                </a:cubicBezTo>
                <a:cubicBezTo>
                  <a:pt x="9490" y="6273"/>
                  <a:pt x="9489" y="6274"/>
                  <a:pt x="9488" y="6274"/>
                </a:cubicBezTo>
                <a:cubicBezTo>
                  <a:pt x="9469" y="6274"/>
                  <a:pt x="9554" y="6238"/>
                  <a:pt x="9547" y="6238"/>
                </a:cubicBezTo>
                <a:cubicBezTo>
                  <a:pt x="9545" y="6238"/>
                  <a:pt x="9534" y="6241"/>
                  <a:pt x="9508" y="6250"/>
                </a:cubicBezTo>
                <a:cubicBezTo>
                  <a:pt x="9359" y="6327"/>
                  <a:pt x="9200" y="6419"/>
                  <a:pt x="9054" y="6514"/>
                </a:cubicBezTo>
                <a:cubicBezTo>
                  <a:pt x="8908" y="6607"/>
                  <a:pt x="8778" y="6702"/>
                  <a:pt x="8678" y="6776"/>
                </a:cubicBezTo>
                <a:cubicBezTo>
                  <a:pt x="8658" y="6785"/>
                  <a:pt x="8634" y="6794"/>
                  <a:pt x="8614" y="6801"/>
                </a:cubicBezTo>
                <a:cubicBezTo>
                  <a:pt x="8523" y="6869"/>
                  <a:pt x="8435" y="6940"/>
                  <a:pt x="8354" y="7017"/>
                </a:cubicBezTo>
                <a:cubicBezTo>
                  <a:pt x="8333" y="7031"/>
                  <a:pt x="8323" y="7037"/>
                  <a:pt x="8320" y="7037"/>
                </a:cubicBezTo>
                <a:cubicBezTo>
                  <a:pt x="8314" y="7037"/>
                  <a:pt x="8350" y="7003"/>
                  <a:pt x="8396" y="6966"/>
                </a:cubicBezTo>
                <a:lnTo>
                  <a:pt x="8396" y="6966"/>
                </a:lnTo>
                <a:cubicBezTo>
                  <a:pt x="8227" y="7096"/>
                  <a:pt x="8039" y="7276"/>
                  <a:pt x="7951" y="7357"/>
                </a:cubicBezTo>
                <a:cubicBezTo>
                  <a:pt x="7958" y="7339"/>
                  <a:pt x="8041" y="7276"/>
                  <a:pt x="8062" y="7249"/>
                </a:cubicBezTo>
                <a:lnTo>
                  <a:pt x="8062" y="7249"/>
                </a:lnTo>
                <a:cubicBezTo>
                  <a:pt x="7858" y="7420"/>
                  <a:pt x="7638" y="7672"/>
                  <a:pt x="7504" y="7781"/>
                </a:cubicBezTo>
                <a:cubicBezTo>
                  <a:pt x="7518" y="7763"/>
                  <a:pt x="7536" y="7747"/>
                  <a:pt x="7553" y="7728"/>
                </a:cubicBezTo>
                <a:lnTo>
                  <a:pt x="7553" y="7728"/>
                </a:lnTo>
                <a:cubicBezTo>
                  <a:pt x="7275" y="8004"/>
                  <a:pt x="7052" y="8261"/>
                  <a:pt x="6772" y="8576"/>
                </a:cubicBezTo>
                <a:cubicBezTo>
                  <a:pt x="6503" y="8851"/>
                  <a:pt x="6707" y="8685"/>
                  <a:pt x="6457" y="8967"/>
                </a:cubicBezTo>
                <a:cubicBezTo>
                  <a:pt x="6456" y="8966"/>
                  <a:pt x="6455" y="8966"/>
                  <a:pt x="6453" y="8966"/>
                </a:cubicBezTo>
                <a:cubicBezTo>
                  <a:pt x="6429" y="8966"/>
                  <a:pt x="6347" y="9058"/>
                  <a:pt x="6260" y="9171"/>
                </a:cubicBezTo>
                <a:cubicBezTo>
                  <a:pt x="6211" y="9231"/>
                  <a:pt x="6165" y="9301"/>
                  <a:pt x="6123" y="9361"/>
                </a:cubicBezTo>
                <a:cubicBezTo>
                  <a:pt x="6082" y="9424"/>
                  <a:pt x="6047" y="9482"/>
                  <a:pt x="6024" y="9516"/>
                </a:cubicBezTo>
                <a:lnTo>
                  <a:pt x="6056" y="9472"/>
                </a:lnTo>
                <a:lnTo>
                  <a:pt x="6056" y="9472"/>
                </a:lnTo>
                <a:cubicBezTo>
                  <a:pt x="6010" y="9563"/>
                  <a:pt x="5954" y="9667"/>
                  <a:pt x="5910" y="9773"/>
                </a:cubicBezTo>
                <a:cubicBezTo>
                  <a:pt x="5871" y="9864"/>
                  <a:pt x="5838" y="9959"/>
                  <a:pt x="5813" y="10056"/>
                </a:cubicBezTo>
                <a:cubicBezTo>
                  <a:pt x="5799" y="10139"/>
                  <a:pt x="5792" y="10227"/>
                  <a:pt x="5792" y="10313"/>
                </a:cubicBezTo>
                <a:cubicBezTo>
                  <a:pt x="5792" y="10406"/>
                  <a:pt x="5799" y="10498"/>
                  <a:pt x="5813" y="10591"/>
                </a:cubicBezTo>
                <a:cubicBezTo>
                  <a:pt x="5838" y="10758"/>
                  <a:pt x="5873" y="10922"/>
                  <a:pt x="5917" y="11085"/>
                </a:cubicBezTo>
                <a:lnTo>
                  <a:pt x="5899" y="11031"/>
                </a:lnTo>
                <a:lnTo>
                  <a:pt x="5899" y="11031"/>
                </a:lnTo>
                <a:cubicBezTo>
                  <a:pt x="5924" y="11129"/>
                  <a:pt x="5945" y="11226"/>
                  <a:pt x="5959" y="11325"/>
                </a:cubicBezTo>
                <a:cubicBezTo>
                  <a:pt x="5968" y="11369"/>
                  <a:pt x="5975" y="11416"/>
                  <a:pt x="5982" y="11464"/>
                </a:cubicBezTo>
                <a:cubicBezTo>
                  <a:pt x="5991" y="11511"/>
                  <a:pt x="5996" y="11562"/>
                  <a:pt x="6008" y="11617"/>
                </a:cubicBezTo>
                <a:cubicBezTo>
                  <a:pt x="6004" y="11614"/>
                  <a:pt x="5996" y="11577"/>
                  <a:pt x="5994" y="11577"/>
                </a:cubicBezTo>
                <a:cubicBezTo>
                  <a:pt x="5993" y="11577"/>
                  <a:pt x="5993" y="11587"/>
                  <a:pt x="5996" y="11617"/>
                </a:cubicBezTo>
                <a:cubicBezTo>
                  <a:pt x="6024" y="11888"/>
                  <a:pt x="6033" y="12162"/>
                  <a:pt x="6026" y="12435"/>
                </a:cubicBezTo>
                <a:cubicBezTo>
                  <a:pt x="6017" y="12711"/>
                  <a:pt x="5987" y="12984"/>
                  <a:pt x="5938" y="13255"/>
                </a:cubicBezTo>
                <a:cubicBezTo>
                  <a:pt x="5843" y="13797"/>
                  <a:pt x="5665" y="14321"/>
                  <a:pt x="5405" y="14805"/>
                </a:cubicBezTo>
                <a:lnTo>
                  <a:pt x="5340" y="14921"/>
                </a:lnTo>
                <a:lnTo>
                  <a:pt x="5285" y="14930"/>
                </a:lnTo>
                <a:lnTo>
                  <a:pt x="5257" y="14937"/>
                </a:lnTo>
                <a:lnTo>
                  <a:pt x="5208" y="14941"/>
                </a:lnTo>
                <a:lnTo>
                  <a:pt x="5111" y="14955"/>
                </a:lnTo>
                <a:cubicBezTo>
                  <a:pt x="5079" y="14960"/>
                  <a:pt x="5044" y="14962"/>
                  <a:pt x="5011" y="14967"/>
                </a:cubicBezTo>
                <a:cubicBezTo>
                  <a:pt x="4944" y="14974"/>
                  <a:pt x="4877" y="14976"/>
                  <a:pt x="4808" y="14981"/>
                </a:cubicBezTo>
                <a:cubicBezTo>
                  <a:pt x="4719" y="14984"/>
                  <a:pt x="4630" y="14985"/>
                  <a:pt x="4541" y="14985"/>
                </a:cubicBezTo>
                <a:cubicBezTo>
                  <a:pt x="4349" y="14985"/>
                  <a:pt x="4156" y="14978"/>
                  <a:pt x="3964" y="14962"/>
                </a:cubicBezTo>
                <a:cubicBezTo>
                  <a:pt x="3675" y="14944"/>
                  <a:pt x="3381" y="14916"/>
                  <a:pt x="3080" y="14897"/>
                </a:cubicBezTo>
                <a:cubicBezTo>
                  <a:pt x="2957" y="14890"/>
                  <a:pt x="2835" y="14886"/>
                  <a:pt x="2712" y="14886"/>
                </a:cubicBezTo>
                <a:cubicBezTo>
                  <a:pt x="2528" y="14886"/>
                  <a:pt x="2343" y="14895"/>
                  <a:pt x="2160" y="14911"/>
                </a:cubicBezTo>
                <a:cubicBezTo>
                  <a:pt x="1850" y="14941"/>
                  <a:pt x="1544" y="15011"/>
                  <a:pt x="1252" y="15122"/>
                </a:cubicBezTo>
                <a:cubicBezTo>
                  <a:pt x="1180" y="15155"/>
                  <a:pt x="1106" y="15182"/>
                  <a:pt x="1036" y="15219"/>
                </a:cubicBezTo>
                <a:lnTo>
                  <a:pt x="985" y="15247"/>
                </a:lnTo>
                <a:lnTo>
                  <a:pt x="958" y="15261"/>
                </a:lnTo>
                <a:lnTo>
                  <a:pt x="932" y="15277"/>
                </a:lnTo>
                <a:lnTo>
                  <a:pt x="833" y="15338"/>
                </a:lnTo>
                <a:cubicBezTo>
                  <a:pt x="798" y="15358"/>
                  <a:pt x="768" y="15382"/>
                  <a:pt x="735" y="15405"/>
                </a:cubicBezTo>
                <a:lnTo>
                  <a:pt x="687" y="15439"/>
                </a:lnTo>
                <a:cubicBezTo>
                  <a:pt x="670" y="15451"/>
                  <a:pt x="659" y="15465"/>
                  <a:pt x="643" y="15477"/>
                </a:cubicBezTo>
                <a:cubicBezTo>
                  <a:pt x="613" y="15502"/>
                  <a:pt x="582" y="15527"/>
                  <a:pt x="552" y="15553"/>
                </a:cubicBezTo>
                <a:lnTo>
                  <a:pt x="469" y="15636"/>
                </a:lnTo>
                <a:cubicBezTo>
                  <a:pt x="455" y="15650"/>
                  <a:pt x="441" y="15664"/>
                  <a:pt x="427" y="15678"/>
                </a:cubicBezTo>
                <a:lnTo>
                  <a:pt x="388" y="15724"/>
                </a:lnTo>
                <a:cubicBezTo>
                  <a:pt x="376" y="15738"/>
                  <a:pt x="362" y="15755"/>
                  <a:pt x="351" y="15771"/>
                </a:cubicBezTo>
                <a:cubicBezTo>
                  <a:pt x="339" y="15787"/>
                  <a:pt x="328" y="15803"/>
                  <a:pt x="316" y="15819"/>
                </a:cubicBezTo>
                <a:cubicBezTo>
                  <a:pt x="272" y="15884"/>
                  <a:pt x="230" y="15954"/>
                  <a:pt x="196" y="16023"/>
                </a:cubicBezTo>
                <a:cubicBezTo>
                  <a:pt x="131" y="16162"/>
                  <a:pt x="82" y="16310"/>
                  <a:pt x="57" y="16461"/>
                </a:cubicBezTo>
                <a:cubicBezTo>
                  <a:pt x="1" y="16753"/>
                  <a:pt x="26" y="17054"/>
                  <a:pt x="131" y="17334"/>
                </a:cubicBezTo>
                <a:cubicBezTo>
                  <a:pt x="131" y="17334"/>
                  <a:pt x="138" y="17351"/>
                  <a:pt x="154" y="17376"/>
                </a:cubicBezTo>
                <a:cubicBezTo>
                  <a:pt x="161" y="17388"/>
                  <a:pt x="172" y="17404"/>
                  <a:pt x="182" y="17420"/>
                </a:cubicBezTo>
                <a:cubicBezTo>
                  <a:pt x="193" y="17436"/>
                  <a:pt x="207" y="17457"/>
                  <a:pt x="223" y="17476"/>
                </a:cubicBezTo>
                <a:cubicBezTo>
                  <a:pt x="295" y="17571"/>
                  <a:pt x="383" y="17652"/>
                  <a:pt x="483" y="17714"/>
                </a:cubicBezTo>
                <a:cubicBezTo>
                  <a:pt x="569" y="17770"/>
                  <a:pt x="666" y="17805"/>
                  <a:pt x="768" y="17816"/>
                </a:cubicBezTo>
                <a:cubicBezTo>
                  <a:pt x="776" y="17817"/>
                  <a:pt x="784" y="17818"/>
                  <a:pt x="792" y="17818"/>
                </a:cubicBezTo>
                <a:cubicBezTo>
                  <a:pt x="800" y="17818"/>
                  <a:pt x="808" y="17817"/>
                  <a:pt x="816" y="17816"/>
                </a:cubicBezTo>
                <a:cubicBezTo>
                  <a:pt x="826" y="17816"/>
                  <a:pt x="837" y="17814"/>
                  <a:pt x="849" y="17809"/>
                </a:cubicBezTo>
                <a:cubicBezTo>
                  <a:pt x="863" y="17805"/>
                  <a:pt x="865" y="17793"/>
                  <a:pt x="853" y="17777"/>
                </a:cubicBezTo>
                <a:cubicBezTo>
                  <a:pt x="841" y="17772"/>
                  <a:pt x="841" y="17769"/>
                  <a:pt x="846" y="17769"/>
                </a:cubicBezTo>
                <a:cubicBezTo>
                  <a:pt x="848" y="17769"/>
                  <a:pt x="851" y="17769"/>
                  <a:pt x="853" y="17770"/>
                </a:cubicBezTo>
                <a:cubicBezTo>
                  <a:pt x="867" y="17770"/>
                  <a:pt x="884" y="17774"/>
                  <a:pt x="904" y="17779"/>
                </a:cubicBezTo>
                <a:cubicBezTo>
                  <a:pt x="921" y="17783"/>
                  <a:pt x="936" y="17786"/>
                  <a:pt x="941" y="17786"/>
                </a:cubicBezTo>
                <a:cubicBezTo>
                  <a:pt x="948" y="17786"/>
                  <a:pt x="937" y="17780"/>
                  <a:pt x="890" y="17763"/>
                </a:cubicBezTo>
                <a:cubicBezTo>
                  <a:pt x="867" y="17756"/>
                  <a:pt x="844" y="17751"/>
                  <a:pt x="821" y="17744"/>
                </a:cubicBezTo>
                <a:cubicBezTo>
                  <a:pt x="798" y="17737"/>
                  <a:pt x="775" y="17730"/>
                  <a:pt x="752" y="17719"/>
                </a:cubicBezTo>
                <a:lnTo>
                  <a:pt x="752" y="17719"/>
                </a:lnTo>
                <a:cubicBezTo>
                  <a:pt x="753" y="17719"/>
                  <a:pt x="753" y="17719"/>
                  <a:pt x="754" y="17719"/>
                </a:cubicBezTo>
                <a:cubicBezTo>
                  <a:pt x="761" y="17719"/>
                  <a:pt x="753" y="17708"/>
                  <a:pt x="740" y="17696"/>
                </a:cubicBezTo>
                <a:cubicBezTo>
                  <a:pt x="733" y="17686"/>
                  <a:pt x="726" y="17679"/>
                  <a:pt x="719" y="17673"/>
                </a:cubicBezTo>
                <a:cubicBezTo>
                  <a:pt x="714" y="17666"/>
                  <a:pt x="710" y="17661"/>
                  <a:pt x="705" y="17654"/>
                </a:cubicBezTo>
                <a:cubicBezTo>
                  <a:pt x="702" y="17653"/>
                  <a:pt x="700" y="17653"/>
                  <a:pt x="698" y="17653"/>
                </a:cubicBezTo>
                <a:cubicBezTo>
                  <a:pt x="692" y="17653"/>
                  <a:pt x="693" y="17658"/>
                  <a:pt x="698" y="17666"/>
                </a:cubicBezTo>
                <a:cubicBezTo>
                  <a:pt x="703" y="17670"/>
                  <a:pt x="707" y="17677"/>
                  <a:pt x="714" y="17684"/>
                </a:cubicBezTo>
                <a:lnTo>
                  <a:pt x="731" y="17703"/>
                </a:lnTo>
                <a:cubicBezTo>
                  <a:pt x="744" y="17718"/>
                  <a:pt x="755" y="17730"/>
                  <a:pt x="744" y="17730"/>
                </a:cubicBezTo>
                <a:cubicBezTo>
                  <a:pt x="736" y="17730"/>
                  <a:pt x="718" y="17725"/>
                  <a:pt x="684" y="17710"/>
                </a:cubicBezTo>
                <a:cubicBezTo>
                  <a:pt x="670" y="17705"/>
                  <a:pt x="657" y="17696"/>
                  <a:pt x="643" y="17689"/>
                </a:cubicBezTo>
                <a:cubicBezTo>
                  <a:pt x="624" y="17675"/>
                  <a:pt x="608" y="17661"/>
                  <a:pt x="589" y="17647"/>
                </a:cubicBezTo>
                <a:cubicBezTo>
                  <a:pt x="571" y="17631"/>
                  <a:pt x="555" y="17612"/>
                  <a:pt x="538" y="17594"/>
                </a:cubicBezTo>
                <a:cubicBezTo>
                  <a:pt x="532" y="17588"/>
                  <a:pt x="527" y="17582"/>
                  <a:pt x="522" y="17575"/>
                </a:cubicBezTo>
                <a:lnTo>
                  <a:pt x="522" y="17575"/>
                </a:lnTo>
                <a:cubicBezTo>
                  <a:pt x="536" y="17594"/>
                  <a:pt x="540" y="17601"/>
                  <a:pt x="537" y="17601"/>
                </a:cubicBezTo>
                <a:cubicBezTo>
                  <a:pt x="535" y="17601"/>
                  <a:pt x="530" y="17597"/>
                  <a:pt x="522" y="17591"/>
                </a:cubicBezTo>
                <a:cubicBezTo>
                  <a:pt x="511" y="17582"/>
                  <a:pt x="497" y="17566"/>
                  <a:pt x="480" y="17552"/>
                </a:cubicBezTo>
                <a:lnTo>
                  <a:pt x="439" y="17506"/>
                </a:lnTo>
                <a:cubicBezTo>
                  <a:pt x="427" y="17485"/>
                  <a:pt x="413" y="17459"/>
                  <a:pt x="399" y="17434"/>
                </a:cubicBezTo>
                <a:cubicBezTo>
                  <a:pt x="383" y="17408"/>
                  <a:pt x="369" y="17381"/>
                  <a:pt x="360" y="17353"/>
                </a:cubicBezTo>
                <a:cubicBezTo>
                  <a:pt x="355" y="17339"/>
                  <a:pt x="348" y="17327"/>
                  <a:pt x="344" y="17313"/>
                </a:cubicBezTo>
                <a:cubicBezTo>
                  <a:pt x="339" y="17302"/>
                  <a:pt x="337" y="17290"/>
                  <a:pt x="332" y="17279"/>
                </a:cubicBezTo>
                <a:cubicBezTo>
                  <a:pt x="325" y="17263"/>
                  <a:pt x="323" y="17244"/>
                  <a:pt x="321" y="17228"/>
                </a:cubicBezTo>
                <a:cubicBezTo>
                  <a:pt x="311" y="17209"/>
                  <a:pt x="304" y="17191"/>
                  <a:pt x="300" y="17172"/>
                </a:cubicBezTo>
                <a:cubicBezTo>
                  <a:pt x="291" y="17144"/>
                  <a:pt x="284" y="17117"/>
                  <a:pt x="279" y="17086"/>
                </a:cubicBezTo>
                <a:lnTo>
                  <a:pt x="284" y="17082"/>
                </a:lnTo>
                <a:cubicBezTo>
                  <a:pt x="275" y="17050"/>
                  <a:pt x="272" y="17038"/>
                  <a:pt x="271" y="17038"/>
                </a:cubicBezTo>
                <a:lnTo>
                  <a:pt x="271" y="17038"/>
                </a:lnTo>
                <a:cubicBezTo>
                  <a:pt x="268" y="17038"/>
                  <a:pt x="279" y="17097"/>
                  <a:pt x="275" y="17097"/>
                </a:cubicBezTo>
                <a:cubicBezTo>
                  <a:pt x="274" y="17097"/>
                  <a:pt x="273" y="17096"/>
                  <a:pt x="272" y="17093"/>
                </a:cubicBezTo>
                <a:cubicBezTo>
                  <a:pt x="252" y="17011"/>
                  <a:pt x="249" y="16881"/>
                  <a:pt x="253" y="16745"/>
                </a:cubicBezTo>
                <a:lnTo>
                  <a:pt x="253" y="16745"/>
                </a:lnTo>
                <a:cubicBezTo>
                  <a:pt x="250" y="16860"/>
                  <a:pt x="267" y="16973"/>
                  <a:pt x="300" y="17084"/>
                </a:cubicBezTo>
                <a:cubicBezTo>
                  <a:pt x="291" y="17052"/>
                  <a:pt x="288" y="17017"/>
                  <a:pt x="293" y="16985"/>
                </a:cubicBezTo>
                <a:cubicBezTo>
                  <a:pt x="293" y="16983"/>
                  <a:pt x="294" y="16983"/>
                  <a:pt x="294" y="16983"/>
                </a:cubicBezTo>
                <a:cubicBezTo>
                  <a:pt x="298" y="16983"/>
                  <a:pt x="303" y="16996"/>
                  <a:pt x="309" y="17017"/>
                </a:cubicBezTo>
                <a:cubicBezTo>
                  <a:pt x="318" y="17040"/>
                  <a:pt x="330" y="17073"/>
                  <a:pt x="341" y="17103"/>
                </a:cubicBezTo>
                <a:cubicBezTo>
                  <a:pt x="348" y="17126"/>
                  <a:pt x="360" y="17149"/>
                  <a:pt x="372" y="17170"/>
                </a:cubicBezTo>
                <a:cubicBezTo>
                  <a:pt x="348" y="17096"/>
                  <a:pt x="328" y="17022"/>
                  <a:pt x="314" y="16947"/>
                </a:cubicBezTo>
                <a:cubicBezTo>
                  <a:pt x="300" y="16878"/>
                  <a:pt x="293" y="16808"/>
                  <a:pt x="291" y="16739"/>
                </a:cubicBezTo>
                <a:cubicBezTo>
                  <a:pt x="298" y="16679"/>
                  <a:pt x="305" y="16657"/>
                  <a:pt x="312" y="16657"/>
                </a:cubicBezTo>
                <a:cubicBezTo>
                  <a:pt x="316" y="16657"/>
                  <a:pt x="320" y="16666"/>
                  <a:pt x="323" y="16681"/>
                </a:cubicBezTo>
                <a:cubicBezTo>
                  <a:pt x="328" y="16704"/>
                  <a:pt x="330" y="16725"/>
                  <a:pt x="332" y="16748"/>
                </a:cubicBezTo>
                <a:cubicBezTo>
                  <a:pt x="337" y="16767"/>
                  <a:pt x="337" y="16788"/>
                  <a:pt x="339" y="16806"/>
                </a:cubicBezTo>
                <a:cubicBezTo>
                  <a:pt x="328" y="16651"/>
                  <a:pt x="339" y="16493"/>
                  <a:pt x="372" y="16341"/>
                </a:cubicBezTo>
                <a:lnTo>
                  <a:pt x="372" y="16341"/>
                </a:lnTo>
                <a:cubicBezTo>
                  <a:pt x="369" y="16368"/>
                  <a:pt x="367" y="16394"/>
                  <a:pt x="367" y="16419"/>
                </a:cubicBezTo>
                <a:cubicBezTo>
                  <a:pt x="365" y="16436"/>
                  <a:pt x="365" y="16452"/>
                  <a:pt x="367" y="16466"/>
                </a:cubicBezTo>
                <a:cubicBezTo>
                  <a:pt x="369" y="16493"/>
                  <a:pt x="369" y="16519"/>
                  <a:pt x="369" y="16579"/>
                </a:cubicBezTo>
                <a:cubicBezTo>
                  <a:pt x="379" y="16544"/>
                  <a:pt x="386" y="16517"/>
                  <a:pt x="392" y="16493"/>
                </a:cubicBezTo>
                <a:cubicBezTo>
                  <a:pt x="397" y="16470"/>
                  <a:pt x="399" y="16452"/>
                  <a:pt x="402" y="16436"/>
                </a:cubicBezTo>
                <a:cubicBezTo>
                  <a:pt x="406" y="16419"/>
                  <a:pt x="406" y="16405"/>
                  <a:pt x="406" y="16389"/>
                </a:cubicBezTo>
                <a:cubicBezTo>
                  <a:pt x="406" y="16375"/>
                  <a:pt x="411" y="16361"/>
                  <a:pt x="413" y="16345"/>
                </a:cubicBezTo>
                <a:lnTo>
                  <a:pt x="413" y="16345"/>
                </a:lnTo>
                <a:cubicBezTo>
                  <a:pt x="404" y="16382"/>
                  <a:pt x="392" y="16419"/>
                  <a:pt x="381" y="16454"/>
                </a:cubicBezTo>
                <a:cubicBezTo>
                  <a:pt x="427" y="16292"/>
                  <a:pt x="386" y="16310"/>
                  <a:pt x="402" y="16218"/>
                </a:cubicBezTo>
                <a:cubicBezTo>
                  <a:pt x="436" y="16148"/>
                  <a:pt x="478" y="16081"/>
                  <a:pt x="524" y="16021"/>
                </a:cubicBezTo>
                <a:cubicBezTo>
                  <a:pt x="536" y="16005"/>
                  <a:pt x="545" y="15991"/>
                  <a:pt x="557" y="15979"/>
                </a:cubicBezTo>
                <a:cubicBezTo>
                  <a:pt x="566" y="15970"/>
                  <a:pt x="575" y="15958"/>
                  <a:pt x="585" y="15951"/>
                </a:cubicBezTo>
                <a:cubicBezTo>
                  <a:pt x="597" y="15939"/>
                  <a:pt x="607" y="15933"/>
                  <a:pt x="612" y="15933"/>
                </a:cubicBezTo>
                <a:cubicBezTo>
                  <a:pt x="612" y="15933"/>
                  <a:pt x="612" y="15933"/>
                  <a:pt x="612" y="15934"/>
                </a:cubicBezTo>
                <a:lnTo>
                  <a:pt x="612" y="15934"/>
                </a:lnTo>
                <a:lnTo>
                  <a:pt x="594" y="15921"/>
                </a:lnTo>
                <a:cubicBezTo>
                  <a:pt x="608" y="15900"/>
                  <a:pt x="624" y="15882"/>
                  <a:pt x="643" y="15866"/>
                </a:cubicBezTo>
                <a:cubicBezTo>
                  <a:pt x="654" y="15856"/>
                  <a:pt x="659" y="15852"/>
                  <a:pt x="661" y="15852"/>
                </a:cubicBezTo>
                <a:cubicBezTo>
                  <a:pt x="665" y="15854"/>
                  <a:pt x="664" y="15863"/>
                  <a:pt x="670" y="15863"/>
                </a:cubicBezTo>
                <a:cubicBezTo>
                  <a:pt x="671" y="15863"/>
                  <a:pt x="673" y="15862"/>
                  <a:pt x="675" y="15861"/>
                </a:cubicBezTo>
                <a:cubicBezTo>
                  <a:pt x="689" y="15836"/>
                  <a:pt x="680" y="15831"/>
                  <a:pt x="689" y="15810"/>
                </a:cubicBezTo>
                <a:cubicBezTo>
                  <a:pt x="698" y="15792"/>
                  <a:pt x="707" y="15775"/>
                  <a:pt x="721" y="15759"/>
                </a:cubicBezTo>
                <a:cubicBezTo>
                  <a:pt x="754" y="15724"/>
                  <a:pt x="789" y="15692"/>
                  <a:pt x="826" y="15662"/>
                </a:cubicBezTo>
                <a:lnTo>
                  <a:pt x="826" y="15662"/>
                </a:lnTo>
                <a:cubicBezTo>
                  <a:pt x="825" y="15668"/>
                  <a:pt x="826" y="15671"/>
                  <a:pt x="830" y="15671"/>
                </a:cubicBezTo>
                <a:cubicBezTo>
                  <a:pt x="834" y="15671"/>
                  <a:pt x="841" y="15668"/>
                  <a:pt x="851" y="15662"/>
                </a:cubicBezTo>
                <a:cubicBezTo>
                  <a:pt x="874" y="15650"/>
                  <a:pt x="897" y="15634"/>
                  <a:pt x="918" y="15618"/>
                </a:cubicBezTo>
                <a:cubicBezTo>
                  <a:pt x="957" y="15588"/>
                  <a:pt x="1004" y="15561"/>
                  <a:pt x="1023" y="15561"/>
                </a:cubicBezTo>
                <a:cubicBezTo>
                  <a:pt x="1028" y="15561"/>
                  <a:pt x="1031" y="15563"/>
                  <a:pt x="1032" y="15567"/>
                </a:cubicBezTo>
                <a:cubicBezTo>
                  <a:pt x="1057" y="15551"/>
                  <a:pt x="1080" y="15534"/>
                  <a:pt x="1099" y="15521"/>
                </a:cubicBezTo>
                <a:lnTo>
                  <a:pt x="1157" y="15483"/>
                </a:lnTo>
                <a:cubicBezTo>
                  <a:pt x="1175" y="15472"/>
                  <a:pt x="1196" y="15458"/>
                  <a:pt x="1217" y="15446"/>
                </a:cubicBezTo>
                <a:cubicBezTo>
                  <a:pt x="1243" y="15433"/>
                  <a:pt x="1268" y="15421"/>
                  <a:pt x="1294" y="15412"/>
                </a:cubicBezTo>
                <a:cubicBezTo>
                  <a:pt x="1308" y="15408"/>
                  <a:pt x="1318" y="15406"/>
                  <a:pt x="1324" y="15406"/>
                </a:cubicBezTo>
                <a:cubicBezTo>
                  <a:pt x="1346" y="15406"/>
                  <a:pt x="1310" y="15431"/>
                  <a:pt x="1259" y="15463"/>
                </a:cubicBezTo>
                <a:cubicBezTo>
                  <a:pt x="1226" y="15479"/>
                  <a:pt x="1189" y="15504"/>
                  <a:pt x="1155" y="15523"/>
                </a:cubicBezTo>
                <a:cubicBezTo>
                  <a:pt x="1138" y="15534"/>
                  <a:pt x="1122" y="15541"/>
                  <a:pt x="1108" y="15551"/>
                </a:cubicBezTo>
                <a:cubicBezTo>
                  <a:pt x="1097" y="15558"/>
                  <a:pt x="1087" y="15562"/>
                  <a:pt x="1076" y="15569"/>
                </a:cubicBezTo>
                <a:cubicBezTo>
                  <a:pt x="1032" y="15596"/>
                  <a:pt x="1015" y="15604"/>
                  <a:pt x="1011" y="15604"/>
                </a:cubicBezTo>
                <a:cubicBezTo>
                  <a:pt x="1003" y="15604"/>
                  <a:pt x="1045" y="15572"/>
                  <a:pt x="1040" y="15572"/>
                </a:cubicBezTo>
                <a:cubicBezTo>
                  <a:pt x="1039" y="15572"/>
                  <a:pt x="1035" y="15574"/>
                  <a:pt x="1027" y="15578"/>
                </a:cubicBezTo>
                <a:cubicBezTo>
                  <a:pt x="981" y="15609"/>
                  <a:pt x="939" y="15646"/>
                  <a:pt x="895" y="15680"/>
                </a:cubicBezTo>
                <a:cubicBezTo>
                  <a:pt x="964" y="15636"/>
                  <a:pt x="1093" y="15569"/>
                  <a:pt x="1118" y="15569"/>
                </a:cubicBezTo>
                <a:cubicBezTo>
                  <a:pt x="1122" y="15569"/>
                  <a:pt x="1124" y="15570"/>
                  <a:pt x="1122" y="15574"/>
                </a:cubicBezTo>
                <a:cubicBezTo>
                  <a:pt x="1161" y="15551"/>
                  <a:pt x="1170" y="15544"/>
                  <a:pt x="1164" y="15544"/>
                </a:cubicBezTo>
                <a:cubicBezTo>
                  <a:pt x="1159" y="15544"/>
                  <a:pt x="1145" y="15549"/>
                  <a:pt x="1131" y="15553"/>
                </a:cubicBezTo>
                <a:cubicBezTo>
                  <a:pt x="1119" y="15557"/>
                  <a:pt x="1107" y="15563"/>
                  <a:pt x="1103" y="15563"/>
                </a:cubicBezTo>
                <a:cubicBezTo>
                  <a:pt x="1102" y="15563"/>
                  <a:pt x="1102" y="15563"/>
                  <a:pt x="1101" y="15562"/>
                </a:cubicBezTo>
                <a:cubicBezTo>
                  <a:pt x="1099" y="15560"/>
                  <a:pt x="1113" y="15551"/>
                  <a:pt x="1152" y="15527"/>
                </a:cubicBezTo>
                <a:cubicBezTo>
                  <a:pt x="1187" y="15514"/>
                  <a:pt x="1222" y="15497"/>
                  <a:pt x="1256" y="15486"/>
                </a:cubicBezTo>
                <a:cubicBezTo>
                  <a:pt x="1340" y="15446"/>
                  <a:pt x="1328" y="15442"/>
                  <a:pt x="1324" y="15437"/>
                </a:cubicBezTo>
                <a:cubicBezTo>
                  <a:pt x="1319" y="15433"/>
                  <a:pt x="1319" y="15433"/>
                  <a:pt x="1333" y="15423"/>
                </a:cubicBezTo>
                <a:cubicBezTo>
                  <a:pt x="1340" y="15419"/>
                  <a:pt x="1351" y="15414"/>
                  <a:pt x="1368" y="15407"/>
                </a:cubicBezTo>
                <a:cubicBezTo>
                  <a:pt x="1384" y="15398"/>
                  <a:pt x="1405" y="15391"/>
                  <a:pt x="1433" y="15379"/>
                </a:cubicBezTo>
                <a:lnTo>
                  <a:pt x="1433" y="15379"/>
                </a:lnTo>
                <a:cubicBezTo>
                  <a:pt x="1405" y="15393"/>
                  <a:pt x="1396" y="15398"/>
                  <a:pt x="1400" y="15398"/>
                </a:cubicBezTo>
                <a:cubicBezTo>
                  <a:pt x="1407" y="15398"/>
                  <a:pt x="1451" y="15383"/>
                  <a:pt x="1502" y="15365"/>
                </a:cubicBezTo>
                <a:cubicBezTo>
                  <a:pt x="1565" y="15344"/>
                  <a:pt x="1639" y="15325"/>
                  <a:pt x="1669" y="15325"/>
                </a:cubicBezTo>
                <a:cubicBezTo>
                  <a:pt x="1678" y="15325"/>
                  <a:pt x="1683" y="15327"/>
                  <a:pt x="1683" y="15330"/>
                </a:cubicBezTo>
                <a:lnTo>
                  <a:pt x="1683" y="15330"/>
                </a:lnTo>
                <a:cubicBezTo>
                  <a:pt x="1685" y="15314"/>
                  <a:pt x="1791" y="15284"/>
                  <a:pt x="1905" y="15266"/>
                </a:cubicBezTo>
                <a:cubicBezTo>
                  <a:pt x="2021" y="15245"/>
                  <a:pt x="2141" y="15229"/>
                  <a:pt x="2167" y="15215"/>
                </a:cubicBezTo>
                <a:lnTo>
                  <a:pt x="2167" y="15215"/>
                </a:lnTo>
                <a:lnTo>
                  <a:pt x="2100" y="15217"/>
                </a:lnTo>
                <a:lnTo>
                  <a:pt x="2035" y="15224"/>
                </a:lnTo>
                <a:lnTo>
                  <a:pt x="2065" y="15233"/>
                </a:lnTo>
                <a:lnTo>
                  <a:pt x="1963" y="15250"/>
                </a:lnTo>
                <a:cubicBezTo>
                  <a:pt x="1928" y="15256"/>
                  <a:pt x="1896" y="15263"/>
                  <a:pt x="1863" y="15270"/>
                </a:cubicBezTo>
                <a:cubicBezTo>
                  <a:pt x="1799" y="15284"/>
                  <a:pt x="1736" y="15300"/>
                  <a:pt x="1662" y="15314"/>
                </a:cubicBezTo>
                <a:cubicBezTo>
                  <a:pt x="1771" y="15277"/>
                  <a:pt x="1616" y="15298"/>
                  <a:pt x="1745" y="15256"/>
                </a:cubicBezTo>
                <a:cubicBezTo>
                  <a:pt x="1782" y="15245"/>
                  <a:pt x="1822" y="15236"/>
                  <a:pt x="1861" y="15229"/>
                </a:cubicBezTo>
                <a:cubicBezTo>
                  <a:pt x="1866" y="15228"/>
                  <a:pt x="1870" y="15228"/>
                  <a:pt x="1873" y="15228"/>
                </a:cubicBezTo>
                <a:cubicBezTo>
                  <a:pt x="1880" y="15228"/>
                  <a:pt x="1881" y="15230"/>
                  <a:pt x="1877" y="15233"/>
                </a:cubicBezTo>
                <a:cubicBezTo>
                  <a:pt x="1873" y="15235"/>
                  <a:pt x="1837" y="15254"/>
                  <a:pt x="1849" y="15254"/>
                </a:cubicBezTo>
                <a:cubicBezTo>
                  <a:pt x="1850" y="15254"/>
                  <a:pt x="1851" y="15254"/>
                  <a:pt x="1852" y="15254"/>
                </a:cubicBezTo>
                <a:lnTo>
                  <a:pt x="1949" y="15226"/>
                </a:lnTo>
                <a:lnTo>
                  <a:pt x="2051" y="15203"/>
                </a:lnTo>
                <a:lnTo>
                  <a:pt x="2051" y="15203"/>
                </a:lnTo>
                <a:cubicBezTo>
                  <a:pt x="2005" y="15206"/>
                  <a:pt x="1956" y="15206"/>
                  <a:pt x="1910" y="15210"/>
                </a:cubicBezTo>
                <a:cubicBezTo>
                  <a:pt x="2107" y="15171"/>
                  <a:pt x="2308" y="15150"/>
                  <a:pt x="2510" y="15145"/>
                </a:cubicBezTo>
                <a:cubicBezTo>
                  <a:pt x="2556" y="15145"/>
                  <a:pt x="2602" y="15150"/>
                  <a:pt x="2646" y="15155"/>
                </a:cubicBezTo>
                <a:cubicBezTo>
                  <a:pt x="2663" y="15157"/>
                  <a:pt x="2656" y="15159"/>
                  <a:pt x="2644" y="15161"/>
                </a:cubicBezTo>
                <a:cubicBezTo>
                  <a:pt x="2621" y="15166"/>
                  <a:pt x="2588" y="15171"/>
                  <a:pt x="2707" y="15180"/>
                </a:cubicBezTo>
                <a:cubicBezTo>
                  <a:pt x="2760" y="15175"/>
                  <a:pt x="2778" y="15173"/>
                  <a:pt x="2804" y="15171"/>
                </a:cubicBezTo>
                <a:cubicBezTo>
                  <a:pt x="2826" y="15170"/>
                  <a:pt x="2848" y="15169"/>
                  <a:pt x="2870" y="15169"/>
                </a:cubicBezTo>
                <a:cubicBezTo>
                  <a:pt x="2892" y="15169"/>
                  <a:pt x="2914" y="15170"/>
                  <a:pt x="2936" y="15171"/>
                </a:cubicBezTo>
                <a:cubicBezTo>
                  <a:pt x="2908" y="15166"/>
                  <a:pt x="2882" y="15164"/>
                  <a:pt x="2858" y="15164"/>
                </a:cubicBezTo>
                <a:cubicBezTo>
                  <a:pt x="2818" y="15164"/>
                  <a:pt x="2783" y="15169"/>
                  <a:pt x="2750" y="15169"/>
                </a:cubicBezTo>
                <a:cubicBezTo>
                  <a:pt x="2746" y="15169"/>
                  <a:pt x="2741" y="15169"/>
                  <a:pt x="2737" y="15168"/>
                </a:cubicBezTo>
                <a:cubicBezTo>
                  <a:pt x="2700" y="15157"/>
                  <a:pt x="2767" y="15157"/>
                  <a:pt x="2841" y="15157"/>
                </a:cubicBezTo>
                <a:cubicBezTo>
                  <a:pt x="2917" y="15155"/>
                  <a:pt x="2998" y="15157"/>
                  <a:pt x="2992" y="15148"/>
                </a:cubicBezTo>
                <a:lnTo>
                  <a:pt x="2992" y="15148"/>
                </a:lnTo>
                <a:cubicBezTo>
                  <a:pt x="3054" y="15157"/>
                  <a:pt x="3040" y="15166"/>
                  <a:pt x="2992" y="15171"/>
                </a:cubicBezTo>
                <a:cubicBezTo>
                  <a:pt x="3246" y="15175"/>
                  <a:pt x="3494" y="15201"/>
                  <a:pt x="3589" y="15233"/>
                </a:cubicBezTo>
                <a:lnTo>
                  <a:pt x="3700" y="15215"/>
                </a:lnTo>
                <a:lnTo>
                  <a:pt x="3700" y="15215"/>
                </a:lnTo>
                <a:cubicBezTo>
                  <a:pt x="4143" y="15256"/>
                  <a:pt x="3397" y="15215"/>
                  <a:pt x="3768" y="15259"/>
                </a:cubicBezTo>
                <a:cubicBezTo>
                  <a:pt x="3862" y="15271"/>
                  <a:pt x="3957" y="15277"/>
                  <a:pt x="4052" y="15277"/>
                </a:cubicBezTo>
                <a:cubicBezTo>
                  <a:pt x="4082" y="15277"/>
                  <a:pt x="4112" y="15276"/>
                  <a:pt x="4143" y="15275"/>
                </a:cubicBezTo>
                <a:lnTo>
                  <a:pt x="4008" y="15266"/>
                </a:lnTo>
                <a:cubicBezTo>
                  <a:pt x="4094" y="15254"/>
                  <a:pt x="4182" y="15247"/>
                  <a:pt x="4268" y="15247"/>
                </a:cubicBezTo>
                <a:cubicBezTo>
                  <a:pt x="4352" y="15252"/>
                  <a:pt x="4343" y="15261"/>
                  <a:pt x="4386" y="15261"/>
                </a:cubicBezTo>
                <a:cubicBezTo>
                  <a:pt x="4402" y="15261"/>
                  <a:pt x="4426" y="15260"/>
                  <a:pt x="4465" y="15256"/>
                </a:cubicBezTo>
                <a:cubicBezTo>
                  <a:pt x="4762" y="15268"/>
                  <a:pt x="4643" y="15287"/>
                  <a:pt x="4559" y="15307"/>
                </a:cubicBezTo>
                <a:lnTo>
                  <a:pt x="4559" y="15307"/>
                </a:lnTo>
                <a:cubicBezTo>
                  <a:pt x="4589" y="15306"/>
                  <a:pt x="4622" y="15306"/>
                  <a:pt x="4655" y="15305"/>
                </a:cubicBezTo>
                <a:cubicBezTo>
                  <a:pt x="4752" y="15303"/>
                  <a:pt x="4849" y="15296"/>
                  <a:pt x="4866" y="15284"/>
                </a:cubicBezTo>
                <a:lnTo>
                  <a:pt x="4866" y="15284"/>
                </a:lnTo>
                <a:cubicBezTo>
                  <a:pt x="4867" y="15291"/>
                  <a:pt x="4849" y="15305"/>
                  <a:pt x="4780" y="15314"/>
                </a:cubicBezTo>
                <a:lnTo>
                  <a:pt x="4780" y="15314"/>
                </a:lnTo>
                <a:cubicBezTo>
                  <a:pt x="4735" y="15310"/>
                  <a:pt x="4703" y="15308"/>
                  <a:pt x="4680" y="15308"/>
                </a:cubicBezTo>
                <a:cubicBezTo>
                  <a:pt x="4642" y="15308"/>
                  <a:pt x="4631" y="15312"/>
                  <a:pt x="4627" y="15317"/>
                </a:cubicBezTo>
                <a:cubicBezTo>
                  <a:pt x="4624" y="15321"/>
                  <a:pt x="4627" y="15325"/>
                  <a:pt x="4620" y="15325"/>
                </a:cubicBezTo>
                <a:cubicBezTo>
                  <a:pt x="4615" y="15325"/>
                  <a:pt x="4604" y="15323"/>
                  <a:pt x="4583" y="15317"/>
                </a:cubicBezTo>
                <a:cubicBezTo>
                  <a:pt x="4563" y="15317"/>
                  <a:pt x="4543" y="15317"/>
                  <a:pt x="4523" y="15317"/>
                </a:cubicBezTo>
                <a:lnTo>
                  <a:pt x="4523" y="15317"/>
                </a:lnTo>
                <a:cubicBezTo>
                  <a:pt x="4520" y="15317"/>
                  <a:pt x="4518" y="15318"/>
                  <a:pt x="4516" y="15319"/>
                </a:cubicBezTo>
                <a:cubicBezTo>
                  <a:pt x="4625" y="15325"/>
                  <a:pt x="4622" y="15334"/>
                  <a:pt x="4593" y="15342"/>
                </a:cubicBezTo>
                <a:lnTo>
                  <a:pt x="4593" y="15342"/>
                </a:lnTo>
                <a:lnTo>
                  <a:pt x="4650" y="15335"/>
                </a:lnTo>
                <a:lnTo>
                  <a:pt x="4694" y="15329"/>
                </a:lnTo>
                <a:lnTo>
                  <a:pt x="4694" y="15329"/>
                </a:lnTo>
                <a:lnTo>
                  <a:pt x="4768" y="15351"/>
                </a:lnTo>
                <a:cubicBezTo>
                  <a:pt x="4845" y="15351"/>
                  <a:pt x="4899" y="15332"/>
                  <a:pt x="4946" y="15332"/>
                </a:cubicBezTo>
                <a:cubicBezTo>
                  <a:pt x="4956" y="15332"/>
                  <a:pt x="4965" y="15333"/>
                  <a:pt x="4974" y="15335"/>
                </a:cubicBezTo>
                <a:cubicBezTo>
                  <a:pt x="5085" y="15341"/>
                  <a:pt x="4901" y="15369"/>
                  <a:pt x="4977" y="15369"/>
                </a:cubicBezTo>
                <a:cubicBezTo>
                  <a:pt x="4999" y="15369"/>
                  <a:pt x="5042" y="15366"/>
                  <a:pt x="5118" y="15361"/>
                </a:cubicBezTo>
                <a:cubicBezTo>
                  <a:pt x="5164" y="15358"/>
                  <a:pt x="5204" y="15351"/>
                  <a:pt x="5241" y="15344"/>
                </a:cubicBezTo>
                <a:lnTo>
                  <a:pt x="5289" y="15338"/>
                </a:lnTo>
                <a:lnTo>
                  <a:pt x="5313" y="15333"/>
                </a:lnTo>
                <a:lnTo>
                  <a:pt x="5324" y="15331"/>
                </a:lnTo>
                <a:lnTo>
                  <a:pt x="5343" y="15326"/>
                </a:lnTo>
                <a:cubicBezTo>
                  <a:pt x="5431" y="15307"/>
                  <a:pt x="5493" y="15291"/>
                  <a:pt x="5549" y="15275"/>
                </a:cubicBezTo>
                <a:lnTo>
                  <a:pt x="5570" y="15270"/>
                </a:lnTo>
                <a:lnTo>
                  <a:pt x="5581" y="15268"/>
                </a:lnTo>
                <a:lnTo>
                  <a:pt x="5586" y="15268"/>
                </a:lnTo>
                <a:cubicBezTo>
                  <a:pt x="5586" y="15266"/>
                  <a:pt x="5586" y="15263"/>
                  <a:pt x="5588" y="15263"/>
                </a:cubicBezTo>
                <a:lnTo>
                  <a:pt x="5609" y="15219"/>
                </a:lnTo>
                <a:lnTo>
                  <a:pt x="5653" y="15129"/>
                </a:lnTo>
                <a:lnTo>
                  <a:pt x="5697" y="15041"/>
                </a:lnTo>
                <a:cubicBezTo>
                  <a:pt x="5709" y="15020"/>
                  <a:pt x="5723" y="14997"/>
                  <a:pt x="5737" y="14969"/>
                </a:cubicBezTo>
                <a:lnTo>
                  <a:pt x="5737" y="14969"/>
                </a:lnTo>
                <a:cubicBezTo>
                  <a:pt x="5723" y="14985"/>
                  <a:pt x="5711" y="15004"/>
                  <a:pt x="5702" y="15023"/>
                </a:cubicBezTo>
                <a:lnTo>
                  <a:pt x="5674" y="15069"/>
                </a:lnTo>
                <a:cubicBezTo>
                  <a:pt x="5660" y="15094"/>
                  <a:pt x="5646" y="15122"/>
                  <a:pt x="5628" y="15152"/>
                </a:cubicBezTo>
                <a:cubicBezTo>
                  <a:pt x="5644" y="15117"/>
                  <a:pt x="5647" y="15107"/>
                  <a:pt x="5644" y="15107"/>
                </a:cubicBezTo>
                <a:cubicBezTo>
                  <a:pt x="5641" y="15107"/>
                  <a:pt x="5635" y="15113"/>
                  <a:pt x="5630" y="15117"/>
                </a:cubicBezTo>
                <a:cubicBezTo>
                  <a:pt x="5628" y="15120"/>
                  <a:pt x="5626" y="15121"/>
                  <a:pt x="5624" y="15121"/>
                </a:cubicBezTo>
                <a:cubicBezTo>
                  <a:pt x="5623" y="15121"/>
                  <a:pt x="5623" y="15119"/>
                  <a:pt x="5625" y="15113"/>
                </a:cubicBezTo>
                <a:cubicBezTo>
                  <a:pt x="5630" y="15104"/>
                  <a:pt x="5632" y="15094"/>
                  <a:pt x="5639" y="15085"/>
                </a:cubicBezTo>
                <a:lnTo>
                  <a:pt x="5662" y="15032"/>
                </a:lnTo>
                <a:cubicBezTo>
                  <a:pt x="5711" y="14976"/>
                  <a:pt x="5750" y="14911"/>
                  <a:pt x="5783" y="14844"/>
                </a:cubicBezTo>
                <a:cubicBezTo>
                  <a:pt x="5806" y="14800"/>
                  <a:pt x="5829" y="14751"/>
                  <a:pt x="5852" y="14705"/>
                </a:cubicBezTo>
                <a:cubicBezTo>
                  <a:pt x="5878" y="14657"/>
                  <a:pt x="5896" y="14606"/>
                  <a:pt x="5917" y="14559"/>
                </a:cubicBezTo>
                <a:lnTo>
                  <a:pt x="5917" y="14559"/>
                </a:lnTo>
                <a:cubicBezTo>
                  <a:pt x="5915" y="14570"/>
                  <a:pt x="5916" y="14574"/>
                  <a:pt x="5918" y="14574"/>
                </a:cubicBezTo>
                <a:cubicBezTo>
                  <a:pt x="5925" y="14574"/>
                  <a:pt x="5946" y="14541"/>
                  <a:pt x="5952" y="14541"/>
                </a:cubicBezTo>
                <a:cubicBezTo>
                  <a:pt x="5954" y="14541"/>
                  <a:pt x="5954" y="14546"/>
                  <a:pt x="5950" y="14559"/>
                </a:cubicBezTo>
                <a:cubicBezTo>
                  <a:pt x="5980" y="14487"/>
                  <a:pt x="6005" y="14411"/>
                  <a:pt x="6024" y="14332"/>
                </a:cubicBezTo>
                <a:lnTo>
                  <a:pt x="6024" y="14332"/>
                </a:lnTo>
                <a:cubicBezTo>
                  <a:pt x="5990" y="14410"/>
                  <a:pt x="5976" y="14439"/>
                  <a:pt x="5973" y="14439"/>
                </a:cubicBezTo>
                <a:cubicBezTo>
                  <a:pt x="5970" y="14439"/>
                  <a:pt x="5990" y="14382"/>
                  <a:pt x="6010" y="14323"/>
                </a:cubicBezTo>
                <a:cubicBezTo>
                  <a:pt x="6024" y="14279"/>
                  <a:pt x="6038" y="14235"/>
                  <a:pt x="6049" y="14191"/>
                </a:cubicBezTo>
                <a:cubicBezTo>
                  <a:pt x="6050" y="14183"/>
                  <a:pt x="6050" y="14179"/>
                  <a:pt x="6049" y="14179"/>
                </a:cubicBezTo>
                <a:cubicBezTo>
                  <a:pt x="6047" y="14179"/>
                  <a:pt x="6038" y="14198"/>
                  <a:pt x="6014" y="14246"/>
                </a:cubicBezTo>
                <a:cubicBezTo>
                  <a:pt x="6119" y="13952"/>
                  <a:pt x="6151" y="13897"/>
                  <a:pt x="6214" y="13711"/>
                </a:cubicBezTo>
                <a:lnTo>
                  <a:pt x="6214" y="13711"/>
                </a:lnTo>
                <a:cubicBezTo>
                  <a:pt x="6217" y="13721"/>
                  <a:pt x="6171" y="13901"/>
                  <a:pt x="6177" y="13901"/>
                </a:cubicBezTo>
                <a:cubicBezTo>
                  <a:pt x="6180" y="13901"/>
                  <a:pt x="6190" y="13874"/>
                  <a:pt x="6214" y="13799"/>
                </a:cubicBezTo>
                <a:cubicBezTo>
                  <a:pt x="6221" y="13769"/>
                  <a:pt x="6225" y="13739"/>
                  <a:pt x="6230" y="13709"/>
                </a:cubicBezTo>
                <a:cubicBezTo>
                  <a:pt x="6232" y="13695"/>
                  <a:pt x="6232" y="13681"/>
                  <a:pt x="6232" y="13667"/>
                </a:cubicBezTo>
                <a:cubicBezTo>
                  <a:pt x="6232" y="13662"/>
                  <a:pt x="6231" y="13660"/>
                  <a:pt x="6230" y="13660"/>
                </a:cubicBezTo>
                <a:cubicBezTo>
                  <a:pt x="6227" y="13660"/>
                  <a:pt x="6223" y="13666"/>
                  <a:pt x="6218" y="13672"/>
                </a:cubicBezTo>
                <a:cubicBezTo>
                  <a:pt x="6213" y="13681"/>
                  <a:pt x="6208" y="13691"/>
                  <a:pt x="6204" y="13691"/>
                </a:cubicBezTo>
                <a:cubicBezTo>
                  <a:pt x="6199" y="13691"/>
                  <a:pt x="6197" y="13671"/>
                  <a:pt x="6207" y="13598"/>
                </a:cubicBezTo>
                <a:lnTo>
                  <a:pt x="6207" y="13598"/>
                </a:lnTo>
                <a:cubicBezTo>
                  <a:pt x="6188" y="13663"/>
                  <a:pt x="6172" y="13728"/>
                  <a:pt x="6149" y="13790"/>
                </a:cubicBezTo>
                <a:cubicBezTo>
                  <a:pt x="6148" y="13791"/>
                  <a:pt x="6147" y="13791"/>
                  <a:pt x="6146" y="13791"/>
                </a:cubicBezTo>
                <a:cubicBezTo>
                  <a:pt x="6140" y="13791"/>
                  <a:pt x="6143" y="13773"/>
                  <a:pt x="6149" y="13744"/>
                </a:cubicBezTo>
                <a:cubicBezTo>
                  <a:pt x="6156" y="13714"/>
                  <a:pt x="6165" y="13670"/>
                  <a:pt x="6177" y="13621"/>
                </a:cubicBezTo>
                <a:cubicBezTo>
                  <a:pt x="6191" y="13575"/>
                  <a:pt x="6202" y="13526"/>
                  <a:pt x="6211" y="13487"/>
                </a:cubicBezTo>
                <a:cubicBezTo>
                  <a:pt x="6218" y="13457"/>
                  <a:pt x="6225" y="13429"/>
                  <a:pt x="6228" y="13399"/>
                </a:cubicBezTo>
                <a:cubicBezTo>
                  <a:pt x="6233" y="13377"/>
                  <a:pt x="6236" y="13369"/>
                  <a:pt x="6237" y="13369"/>
                </a:cubicBezTo>
                <a:lnTo>
                  <a:pt x="6237" y="13369"/>
                </a:lnTo>
                <a:cubicBezTo>
                  <a:pt x="6240" y="13369"/>
                  <a:pt x="6221" y="13482"/>
                  <a:pt x="6230" y="13482"/>
                </a:cubicBezTo>
                <a:cubicBezTo>
                  <a:pt x="6232" y="13482"/>
                  <a:pt x="6237" y="13474"/>
                  <a:pt x="6244" y="13454"/>
                </a:cubicBezTo>
                <a:cubicBezTo>
                  <a:pt x="6265" y="13364"/>
                  <a:pt x="6274" y="13294"/>
                  <a:pt x="6285" y="13234"/>
                </a:cubicBezTo>
                <a:cubicBezTo>
                  <a:pt x="6290" y="13176"/>
                  <a:pt x="6299" y="13121"/>
                  <a:pt x="6311" y="13063"/>
                </a:cubicBezTo>
                <a:cubicBezTo>
                  <a:pt x="6311" y="13179"/>
                  <a:pt x="6316" y="13107"/>
                  <a:pt x="6311" y="13239"/>
                </a:cubicBezTo>
                <a:cubicBezTo>
                  <a:pt x="6335" y="13077"/>
                  <a:pt x="6344" y="13040"/>
                  <a:pt x="6349" y="13040"/>
                </a:cubicBezTo>
                <a:cubicBezTo>
                  <a:pt x="6350" y="13040"/>
                  <a:pt x="6352" y="13044"/>
                  <a:pt x="6353" y="13049"/>
                </a:cubicBezTo>
                <a:cubicBezTo>
                  <a:pt x="6353" y="13056"/>
                  <a:pt x="6354" y="13065"/>
                  <a:pt x="6356" y="13065"/>
                </a:cubicBezTo>
                <a:cubicBezTo>
                  <a:pt x="6357" y="13065"/>
                  <a:pt x="6358" y="13064"/>
                  <a:pt x="6360" y="13060"/>
                </a:cubicBezTo>
                <a:cubicBezTo>
                  <a:pt x="6364" y="13049"/>
                  <a:pt x="6369" y="13037"/>
                  <a:pt x="6371" y="13026"/>
                </a:cubicBezTo>
                <a:cubicBezTo>
                  <a:pt x="6378" y="12996"/>
                  <a:pt x="6383" y="12965"/>
                  <a:pt x="6387" y="12935"/>
                </a:cubicBezTo>
                <a:cubicBezTo>
                  <a:pt x="6394" y="12829"/>
                  <a:pt x="6371" y="12894"/>
                  <a:pt x="6394" y="12725"/>
                </a:cubicBezTo>
                <a:lnTo>
                  <a:pt x="6394" y="12725"/>
                </a:lnTo>
                <a:cubicBezTo>
                  <a:pt x="6380" y="12762"/>
                  <a:pt x="6369" y="12799"/>
                  <a:pt x="6362" y="12838"/>
                </a:cubicBezTo>
                <a:cubicBezTo>
                  <a:pt x="6357" y="12859"/>
                  <a:pt x="6353" y="12887"/>
                  <a:pt x="6348" y="12924"/>
                </a:cubicBezTo>
                <a:cubicBezTo>
                  <a:pt x="6343" y="12963"/>
                  <a:pt x="6336" y="13014"/>
                  <a:pt x="6325" y="13081"/>
                </a:cubicBezTo>
                <a:cubicBezTo>
                  <a:pt x="6323" y="13049"/>
                  <a:pt x="6323" y="13014"/>
                  <a:pt x="6330" y="12982"/>
                </a:cubicBezTo>
                <a:cubicBezTo>
                  <a:pt x="6332" y="12940"/>
                  <a:pt x="6339" y="12891"/>
                  <a:pt x="6346" y="12840"/>
                </a:cubicBezTo>
                <a:cubicBezTo>
                  <a:pt x="6353" y="12789"/>
                  <a:pt x="6362" y="12736"/>
                  <a:pt x="6364" y="12683"/>
                </a:cubicBezTo>
                <a:cubicBezTo>
                  <a:pt x="6367" y="12630"/>
                  <a:pt x="6369" y="12576"/>
                  <a:pt x="6369" y="12528"/>
                </a:cubicBezTo>
                <a:lnTo>
                  <a:pt x="6369" y="12528"/>
                </a:lnTo>
                <a:cubicBezTo>
                  <a:pt x="6357" y="12683"/>
                  <a:pt x="6360" y="12576"/>
                  <a:pt x="6353" y="12743"/>
                </a:cubicBezTo>
                <a:cubicBezTo>
                  <a:pt x="6342" y="12752"/>
                  <a:pt x="6333" y="12771"/>
                  <a:pt x="6326" y="12771"/>
                </a:cubicBezTo>
                <a:cubicBezTo>
                  <a:pt x="6326" y="12771"/>
                  <a:pt x="6325" y="12771"/>
                  <a:pt x="6325" y="12771"/>
                </a:cubicBezTo>
                <a:cubicBezTo>
                  <a:pt x="6318" y="12771"/>
                  <a:pt x="6318" y="12766"/>
                  <a:pt x="6316" y="12750"/>
                </a:cubicBezTo>
                <a:cubicBezTo>
                  <a:pt x="6313" y="12734"/>
                  <a:pt x="6311" y="12711"/>
                  <a:pt x="6309" y="12671"/>
                </a:cubicBezTo>
                <a:cubicBezTo>
                  <a:pt x="6309" y="12715"/>
                  <a:pt x="6306" y="12755"/>
                  <a:pt x="6306" y="12789"/>
                </a:cubicBezTo>
                <a:cubicBezTo>
                  <a:pt x="6304" y="12827"/>
                  <a:pt x="6306" y="12861"/>
                  <a:pt x="6306" y="12898"/>
                </a:cubicBezTo>
                <a:cubicBezTo>
                  <a:pt x="6304" y="12993"/>
                  <a:pt x="6292" y="13088"/>
                  <a:pt x="6274" y="13181"/>
                </a:cubicBezTo>
                <a:cubicBezTo>
                  <a:pt x="6271" y="13186"/>
                  <a:pt x="6269" y="13188"/>
                  <a:pt x="6268" y="13188"/>
                </a:cubicBezTo>
                <a:cubicBezTo>
                  <a:pt x="6260" y="13188"/>
                  <a:pt x="6266" y="13121"/>
                  <a:pt x="6272" y="13049"/>
                </a:cubicBezTo>
                <a:cubicBezTo>
                  <a:pt x="6279" y="12961"/>
                  <a:pt x="6281" y="12866"/>
                  <a:pt x="6267" y="12861"/>
                </a:cubicBezTo>
                <a:cubicBezTo>
                  <a:pt x="6267" y="12831"/>
                  <a:pt x="6267" y="12787"/>
                  <a:pt x="6272" y="12738"/>
                </a:cubicBezTo>
                <a:cubicBezTo>
                  <a:pt x="6276" y="12690"/>
                  <a:pt x="6279" y="12637"/>
                  <a:pt x="6283" y="12581"/>
                </a:cubicBezTo>
                <a:cubicBezTo>
                  <a:pt x="6295" y="12472"/>
                  <a:pt x="6302" y="12361"/>
                  <a:pt x="6309" y="12291"/>
                </a:cubicBezTo>
                <a:cubicBezTo>
                  <a:pt x="6290" y="12046"/>
                  <a:pt x="6274" y="11747"/>
                  <a:pt x="6218" y="11564"/>
                </a:cubicBezTo>
                <a:cubicBezTo>
                  <a:pt x="6214" y="11478"/>
                  <a:pt x="6184" y="11323"/>
                  <a:pt x="6149" y="11154"/>
                </a:cubicBezTo>
                <a:cubicBezTo>
                  <a:pt x="6112" y="10985"/>
                  <a:pt x="6063" y="10802"/>
                  <a:pt x="6045" y="10642"/>
                </a:cubicBezTo>
                <a:cubicBezTo>
                  <a:pt x="6047" y="10617"/>
                  <a:pt x="6038" y="10519"/>
                  <a:pt x="6033" y="10454"/>
                </a:cubicBezTo>
                <a:cubicBezTo>
                  <a:pt x="6032" y="10417"/>
                  <a:pt x="6032" y="10388"/>
                  <a:pt x="6035" y="10388"/>
                </a:cubicBezTo>
                <a:cubicBezTo>
                  <a:pt x="6037" y="10388"/>
                  <a:pt x="6041" y="10405"/>
                  <a:pt x="6047" y="10448"/>
                </a:cubicBezTo>
                <a:cubicBezTo>
                  <a:pt x="6047" y="10441"/>
                  <a:pt x="6042" y="10417"/>
                  <a:pt x="6040" y="10392"/>
                </a:cubicBezTo>
                <a:cubicBezTo>
                  <a:pt x="6038" y="10366"/>
                  <a:pt x="6035" y="10332"/>
                  <a:pt x="6035" y="10302"/>
                </a:cubicBezTo>
                <a:cubicBezTo>
                  <a:pt x="6034" y="10257"/>
                  <a:pt x="6035" y="10217"/>
                  <a:pt x="6030" y="10217"/>
                </a:cubicBezTo>
                <a:cubicBezTo>
                  <a:pt x="6028" y="10217"/>
                  <a:pt x="6026" y="10220"/>
                  <a:pt x="6024" y="10227"/>
                </a:cubicBezTo>
                <a:cubicBezTo>
                  <a:pt x="6026" y="10244"/>
                  <a:pt x="6026" y="10258"/>
                  <a:pt x="6024" y="10274"/>
                </a:cubicBezTo>
                <a:cubicBezTo>
                  <a:pt x="6024" y="10295"/>
                  <a:pt x="6024" y="10318"/>
                  <a:pt x="6024" y="10341"/>
                </a:cubicBezTo>
                <a:cubicBezTo>
                  <a:pt x="6019" y="10325"/>
                  <a:pt x="6012" y="10306"/>
                  <a:pt x="6008" y="10290"/>
                </a:cubicBezTo>
                <a:cubicBezTo>
                  <a:pt x="6010" y="10211"/>
                  <a:pt x="6017" y="10132"/>
                  <a:pt x="6028" y="10056"/>
                </a:cubicBezTo>
                <a:cubicBezTo>
                  <a:pt x="6040" y="9977"/>
                  <a:pt x="6061" y="9903"/>
                  <a:pt x="6096" y="9834"/>
                </a:cubicBezTo>
                <a:cubicBezTo>
                  <a:pt x="6097" y="9831"/>
                  <a:pt x="6098" y="9830"/>
                  <a:pt x="6099" y="9830"/>
                </a:cubicBezTo>
                <a:cubicBezTo>
                  <a:pt x="6101" y="9830"/>
                  <a:pt x="6099" y="9841"/>
                  <a:pt x="6096" y="9857"/>
                </a:cubicBezTo>
                <a:cubicBezTo>
                  <a:pt x="6091" y="9866"/>
                  <a:pt x="6086" y="9880"/>
                  <a:pt x="6084" y="9894"/>
                </a:cubicBezTo>
                <a:cubicBezTo>
                  <a:pt x="6079" y="9908"/>
                  <a:pt x="6075" y="9924"/>
                  <a:pt x="6070" y="9938"/>
                </a:cubicBezTo>
                <a:cubicBezTo>
                  <a:pt x="6058" y="9983"/>
                  <a:pt x="6050" y="10024"/>
                  <a:pt x="6055" y="10024"/>
                </a:cubicBezTo>
                <a:cubicBezTo>
                  <a:pt x="6057" y="10024"/>
                  <a:pt x="6060" y="10019"/>
                  <a:pt x="6065" y="10007"/>
                </a:cubicBezTo>
                <a:cubicBezTo>
                  <a:pt x="6070" y="9949"/>
                  <a:pt x="6084" y="9894"/>
                  <a:pt x="6102" y="9841"/>
                </a:cubicBezTo>
                <a:cubicBezTo>
                  <a:pt x="6130" y="9757"/>
                  <a:pt x="6167" y="9678"/>
                  <a:pt x="6211" y="9604"/>
                </a:cubicBezTo>
                <a:cubicBezTo>
                  <a:pt x="6292" y="9468"/>
                  <a:pt x="6387" y="9343"/>
                  <a:pt x="6496" y="9227"/>
                </a:cubicBezTo>
                <a:cubicBezTo>
                  <a:pt x="6580" y="9132"/>
                  <a:pt x="6607" y="9136"/>
                  <a:pt x="6645" y="9097"/>
                </a:cubicBezTo>
                <a:lnTo>
                  <a:pt x="6784" y="8935"/>
                </a:lnTo>
                <a:cubicBezTo>
                  <a:pt x="6804" y="8926"/>
                  <a:pt x="6825" y="8914"/>
                  <a:pt x="6846" y="8900"/>
                </a:cubicBezTo>
                <a:cubicBezTo>
                  <a:pt x="6902" y="8842"/>
                  <a:pt x="6953" y="8782"/>
                  <a:pt x="7001" y="8717"/>
                </a:cubicBezTo>
                <a:cubicBezTo>
                  <a:pt x="7077" y="8641"/>
                  <a:pt x="7111" y="8612"/>
                  <a:pt x="7119" y="8612"/>
                </a:cubicBezTo>
                <a:cubicBezTo>
                  <a:pt x="7131" y="8612"/>
                  <a:pt x="7078" y="8685"/>
                  <a:pt x="7027" y="8757"/>
                </a:cubicBezTo>
                <a:lnTo>
                  <a:pt x="6918" y="8870"/>
                </a:lnTo>
                <a:cubicBezTo>
                  <a:pt x="6861" y="8944"/>
                  <a:pt x="6776" y="9038"/>
                  <a:pt x="6790" y="9038"/>
                </a:cubicBezTo>
                <a:cubicBezTo>
                  <a:pt x="6794" y="9038"/>
                  <a:pt x="6802" y="9033"/>
                  <a:pt x="6816" y="9023"/>
                </a:cubicBezTo>
                <a:cubicBezTo>
                  <a:pt x="6839" y="8995"/>
                  <a:pt x="6860" y="8967"/>
                  <a:pt x="6874" y="8935"/>
                </a:cubicBezTo>
                <a:lnTo>
                  <a:pt x="6943" y="8872"/>
                </a:lnTo>
                <a:cubicBezTo>
                  <a:pt x="6997" y="8800"/>
                  <a:pt x="7156" y="8615"/>
                  <a:pt x="7138" y="8615"/>
                </a:cubicBezTo>
                <a:cubicBezTo>
                  <a:pt x="7137" y="8615"/>
                  <a:pt x="7137" y="8615"/>
                  <a:pt x="7136" y="8615"/>
                </a:cubicBezTo>
                <a:cubicBezTo>
                  <a:pt x="7270" y="8483"/>
                  <a:pt x="7407" y="8316"/>
                  <a:pt x="7532" y="8205"/>
                </a:cubicBezTo>
                <a:lnTo>
                  <a:pt x="7532" y="8205"/>
                </a:lnTo>
                <a:cubicBezTo>
                  <a:pt x="7509" y="8225"/>
                  <a:pt x="7499" y="8232"/>
                  <a:pt x="7496" y="8232"/>
                </a:cubicBezTo>
                <a:cubicBezTo>
                  <a:pt x="7488" y="8232"/>
                  <a:pt x="7525" y="8185"/>
                  <a:pt x="7513" y="8185"/>
                </a:cubicBezTo>
                <a:cubicBezTo>
                  <a:pt x="7512" y="8185"/>
                  <a:pt x="7511" y="8186"/>
                  <a:pt x="7509" y="8187"/>
                </a:cubicBezTo>
                <a:cubicBezTo>
                  <a:pt x="7462" y="8235"/>
                  <a:pt x="7416" y="8282"/>
                  <a:pt x="7367" y="8330"/>
                </a:cubicBezTo>
                <a:cubicBezTo>
                  <a:pt x="7474" y="8210"/>
                  <a:pt x="7627" y="8036"/>
                  <a:pt x="7743" y="7936"/>
                </a:cubicBezTo>
                <a:lnTo>
                  <a:pt x="7743" y="7936"/>
                </a:lnTo>
                <a:cubicBezTo>
                  <a:pt x="7739" y="7946"/>
                  <a:pt x="7737" y="7952"/>
                  <a:pt x="7741" y="7952"/>
                </a:cubicBezTo>
                <a:cubicBezTo>
                  <a:pt x="7746" y="7952"/>
                  <a:pt x="7760" y="7942"/>
                  <a:pt x="7794" y="7916"/>
                </a:cubicBezTo>
                <a:lnTo>
                  <a:pt x="7794" y="7916"/>
                </a:lnTo>
                <a:cubicBezTo>
                  <a:pt x="7784" y="7923"/>
                  <a:pt x="7779" y="7926"/>
                  <a:pt x="7777" y="7926"/>
                </a:cubicBezTo>
                <a:cubicBezTo>
                  <a:pt x="7767" y="7926"/>
                  <a:pt x="7878" y="7813"/>
                  <a:pt x="7864" y="7813"/>
                </a:cubicBezTo>
                <a:cubicBezTo>
                  <a:pt x="7860" y="7813"/>
                  <a:pt x="7842" y="7825"/>
                  <a:pt x="7803" y="7858"/>
                </a:cubicBezTo>
                <a:cubicBezTo>
                  <a:pt x="7745" y="7923"/>
                  <a:pt x="7692" y="7981"/>
                  <a:pt x="7611" y="8059"/>
                </a:cubicBezTo>
                <a:cubicBezTo>
                  <a:pt x="7603" y="8064"/>
                  <a:pt x="7597" y="8066"/>
                  <a:pt x="7595" y="8066"/>
                </a:cubicBezTo>
                <a:cubicBezTo>
                  <a:pt x="7574" y="8066"/>
                  <a:pt x="7673" y="7960"/>
                  <a:pt x="7726" y="7892"/>
                </a:cubicBezTo>
                <a:cubicBezTo>
                  <a:pt x="7812" y="7802"/>
                  <a:pt x="7981" y="7631"/>
                  <a:pt x="8099" y="7515"/>
                </a:cubicBezTo>
                <a:cubicBezTo>
                  <a:pt x="8183" y="7450"/>
                  <a:pt x="8220" y="7445"/>
                  <a:pt x="8347" y="7320"/>
                </a:cubicBezTo>
                <a:lnTo>
                  <a:pt x="8347" y="7320"/>
                </a:lnTo>
                <a:cubicBezTo>
                  <a:pt x="8314" y="7344"/>
                  <a:pt x="8297" y="7355"/>
                  <a:pt x="8292" y="7355"/>
                </a:cubicBezTo>
                <a:cubicBezTo>
                  <a:pt x="8283" y="7355"/>
                  <a:pt x="8313" y="7322"/>
                  <a:pt x="8354" y="7281"/>
                </a:cubicBezTo>
                <a:cubicBezTo>
                  <a:pt x="8417" y="7216"/>
                  <a:pt x="8509" y="7130"/>
                  <a:pt x="8528" y="7107"/>
                </a:cubicBezTo>
                <a:cubicBezTo>
                  <a:pt x="8669" y="7008"/>
                  <a:pt x="8741" y="6924"/>
                  <a:pt x="8866" y="6857"/>
                </a:cubicBezTo>
                <a:lnTo>
                  <a:pt x="8866" y="6857"/>
                </a:lnTo>
                <a:cubicBezTo>
                  <a:pt x="8810" y="6903"/>
                  <a:pt x="8595" y="7059"/>
                  <a:pt x="8553" y="7114"/>
                </a:cubicBezTo>
                <a:cubicBezTo>
                  <a:pt x="8553" y="7123"/>
                  <a:pt x="8570" y="7123"/>
                  <a:pt x="8563" y="7140"/>
                </a:cubicBezTo>
                <a:cubicBezTo>
                  <a:pt x="8553" y="7158"/>
                  <a:pt x="8521" y="7193"/>
                  <a:pt x="8421" y="7279"/>
                </a:cubicBezTo>
                <a:cubicBezTo>
                  <a:pt x="8546" y="7181"/>
                  <a:pt x="8581" y="7154"/>
                  <a:pt x="8597" y="7133"/>
                </a:cubicBezTo>
                <a:cubicBezTo>
                  <a:pt x="8618" y="7105"/>
                  <a:pt x="8641" y="7082"/>
                  <a:pt x="8669" y="7061"/>
                </a:cubicBezTo>
                <a:lnTo>
                  <a:pt x="8669" y="7061"/>
                </a:lnTo>
                <a:cubicBezTo>
                  <a:pt x="8641" y="7082"/>
                  <a:pt x="8611" y="7105"/>
                  <a:pt x="8586" y="7128"/>
                </a:cubicBezTo>
                <a:cubicBezTo>
                  <a:pt x="8598" y="7116"/>
                  <a:pt x="8596" y="7114"/>
                  <a:pt x="8591" y="7114"/>
                </a:cubicBezTo>
                <a:cubicBezTo>
                  <a:pt x="8589" y="7114"/>
                  <a:pt x="8586" y="7114"/>
                  <a:pt x="8584" y="7114"/>
                </a:cubicBezTo>
                <a:cubicBezTo>
                  <a:pt x="8579" y="7114"/>
                  <a:pt x="8579" y="7111"/>
                  <a:pt x="8616" y="7082"/>
                </a:cubicBezTo>
                <a:cubicBezTo>
                  <a:pt x="8720" y="7005"/>
                  <a:pt x="8827" y="6933"/>
                  <a:pt x="8940" y="6869"/>
                </a:cubicBezTo>
                <a:cubicBezTo>
                  <a:pt x="9021" y="6822"/>
                  <a:pt x="9091" y="6788"/>
                  <a:pt x="9202" y="6732"/>
                </a:cubicBezTo>
                <a:lnTo>
                  <a:pt x="9202" y="6732"/>
                </a:lnTo>
                <a:cubicBezTo>
                  <a:pt x="9196" y="6734"/>
                  <a:pt x="9191" y="6735"/>
                  <a:pt x="9189" y="6735"/>
                </a:cubicBezTo>
                <a:cubicBezTo>
                  <a:pt x="9170" y="6735"/>
                  <a:pt x="9247" y="6680"/>
                  <a:pt x="9292" y="6653"/>
                </a:cubicBezTo>
                <a:cubicBezTo>
                  <a:pt x="9356" y="6623"/>
                  <a:pt x="9383" y="6613"/>
                  <a:pt x="9393" y="6613"/>
                </a:cubicBezTo>
                <a:cubicBezTo>
                  <a:pt x="9411" y="6613"/>
                  <a:pt x="9375" y="6645"/>
                  <a:pt x="9397" y="6645"/>
                </a:cubicBezTo>
                <a:cubicBezTo>
                  <a:pt x="9405" y="6645"/>
                  <a:pt x="9419" y="6641"/>
                  <a:pt x="9443" y="6632"/>
                </a:cubicBezTo>
                <a:cubicBezTo>
                  <a:pt x="9502" y="6586"/>
                  <a:pt x="9630" y="6526"/>
                  <a:pt x="9611" y="6526"/>
                </a:cubicBezTo>
                <a:cubicBezTo>
                  <a:pt x="9609" y="6526"/>
                  <a:pt x="9605" y="6527"/>
                  <a:pt x="9600" y="6528"/>
                </a:cubicBezTo>
                <a:cubicBezTo>
                  <a:pt x="9686" y="6486"/>
                  <a:pt x="9644" y="6514"/>
                  <a:pt x="9707" y="6489"/>
                </a:cubicBezTo>
                <a:cubicBezTo>
                  <a:pt x="9735" y="6468"/>
                  <a:pt x="9765" y="6449"/>
                  <a:pt x="9797" y="6433"/>
                </a:cubicBezTo>
                <a:cubicBezTo>
                  <a:pt x="9844" y="6410"/>
                  <a:pt x="9892" y="6389"/>
                  <a:pt x="9941" y="6371"/>
                </a:cubicBezTo>
                <a:lnTo>
                  <a:pt x="9941" y="6371"/>
                </a:lnTo>
                <a:cubicBezTo>
                  <a:pt x="9934" y="6380"/>
                  <a:pt x="9920" y="6394"/>
                  <a:pt x="9804" y="6440"/>
                </a:cubicBezTo>
                <a:cubicBezTo>
                  <a:pt x="9871" y="6414"/>
                  <a:pt x="9919" y="6403"/>
                  <a:pt x="9942" y="6403"/>
                </a:cubicBezTo>
                <a:cubicBezTo>
                  <a:pt x="9964" y="6403"/>
                  <a:pt x="9964" y="6413"/>
                  <a:pt x="9939" y="6428"/>
                </a:cubicBezTo>
                <a:cubicBezTo>
                  <a:pt x="9904" y="6440"/>
                  <a:pt x="9869" y="6454"/>
                  <a:pt x="9832" y="6468"/>
                </a:cubicBezTo>
                <a:cubicBezTo>
                  <a:pt x="9797" y="6479"/>
                  <a:pt x="9762" y="6493"/>
                  <a:pt x="9728" y="6507"/>
                </a:cubicBezTo>
                <a:cubicBezTo>
                  <a:pt x="9713" y="6518"/>
                  <a:pt x="9709" y="6522"/>
                  <a:pt x="9712" y="6522"/>
                </a:cubicBezTo>
                <a:cubicBezTo>
                  <a:pt x="9718" y="6522"/>
                  <a:pt x="9753" y="6506"/>
                  <a:pt x="9793" y="6491"/>
                </a:cubicBezTo>
                <a:cubicBezTo>
                  <a:pt x="9843" y="6471"/>
                  <a:pt x="9903" y="6448"/>
                  <a:pt x="9917" y="6448"/>
                </a:cubicBezTo>
                <a:cubicBezTo>
                  <a:pt x="9919" y="6448"/>
                  <a:pt x="9920" y="6448"/>
                  <a:pt x="9920" y="6449"/>
                </a:cubicBezTo>
                <a:cubicBezTo>
                  <a:pt x="9832" y="6489"/>
                  <a:pt x="9758" y="6510"/>
                  <a:pt x="9702" y="6542"/>
                </a:cubicBezTo>
                <a:cubicBezTo>
                  <a:pt x="9767" y="6528"/>
                  <a:pt x="9939" y="6438"/>
                  <a:pt x="10045" y="6398"/>
                </a:cubicBezTo>
                <a:cubicBezTo>
                  <a:pt x="10116" y="6375"/>
                  <a:pt x="10148" y="6368"/>
                  <a:pt x="10161" y="6368"/>
                </a:cubicBezTo>
                <a:cubicBezTo>
                  <a:pt x="10180" y="6368"/>
                  <a:pt x="10161" y="6383"/>
                  <a:pt x="10166" y="6387"/>
                </a:cubicBezTo>
                <a:cubicBezTo>
                  <a:pt x="10235" y="6354"/>
                  <a:pt x="10249" y="6347"/>
                  <a:pt x="10235" y="6347"/>
                </a:cubicBezTo>
                <a:cubicBezTo>
                  <a:pt x="10200" y="6352"/>
                  <a:pt x="10166" y="6359"/>
                  <a:pt x="10131" y="6368"/>
                </a:cubicBezTo>
                <a:lnTo>
                  <a:pt x="10068" y="6384"/>
                </a:lnTo>
                <a:cubicBezTo>
                  <a:pt x="10050" y="6389"/>
                  <a:pt x="10034" y="6394"/>
                  <a:pt x="10024" y="6394"/>
                </a:cubicBezTo>
                <a:cubicBezTo>
                  <a:pt x="10023" y="6394"/>
                  <a:pt x="10021" y="6394"/>
                  <a:pt x="10020" y="6394"/>
                </a:cubicBezTo>
                <a:cubicBezTo>
                  <a:pt x="10010" y="6394"/>
                  <a:pt x="10024" y="6384"/>
                  <a:pt x="10082" y="6357"/>
                </a:cubicBezTo>
                <a:cubicBezTo>
                  <a:pt x="10115" y="6340"/>
                  <a:pt x="10149" y="6327"/>
                  <a:pt x="10182" y="6313"/>
                </a:cubicBezTo>
                <a:cubicBezTo>
                  <a:pt x="10223" y="6296"/>
                  <a:pt x="10272" y="6283"/>
                  <a:pt x="10323" y="6266"/>
                </a:cubicBezTo>
                <a:cubicBezTo>
                  <a:pt x="10374" y="6250"/>
                  <a:pt x="10430" y="6239"/>
                  <a:pt x="10481" y="6225"/>
                </a:cubicBezTo>
                <a:cubicBezTo>
                  <a:pt x="10534" y="6211"/>
                  <a:pt x="10587" y="6201"/>
                  <a:pt x="10633" y="6190"/>
                </a:cubicBezTo>
                <a:lnTo>
                  <a:pt x="10633" y="6190"/>
                </a:lnTo>
                <a:cubicBezTo>
                  <a:pt x="10614" y="6191"/>
                  <a:pt x="10600" y="6192"/>
                  <a:pt x="10589" y="6192"/>
                </a:cubicBezTo>
                <a:cubicBezTo>
                  <a:pt x="10508" y="6192"/>
                  <a:pt x="10668" y="6149"/>
                  <a:pt x="10844" y="6118"/>
                </a:cubicBezTo>
                <a:lnTo>
                  <a:pt x="10844" y="6118"/>
                </a:lnTo>
                <a:cubicBezTo>
                  <a:pt x="10740" y="6133"/>
                  <a:pt x="10709" y="6134"/>
                  <a:pt x="10689" y="6134"/>
                </a:cubicBezTo>
                <a:cubicBezTo>
                  <a:pt x="10684" y="6134"/>
                  <a:pt x="10680" y="6134"/>
                  <a:pt x="10675" y="6134"/>
                </a:cubicBezTo>
                <a:cubicBezTo>
                  <a:pt x="10657" y="6134"/>
                  <a:pt x="10638" y="6137"/>
                  <a:pt x="10622" y="6139"/>
                </a:cubicBezTo>
                <a:cubicBezTo>
                  <a:pt x="10592" y="6146"/>
                  <a:pt x="10548" y="6155"/>
                  <a:pt x="10474" y="6176"/>
                </a:cubicBezTo>
                <a:lnTo>
                  <a:pt x="10462" y="6160"/>
                </a:lnTo>
                <a:cubicBezTo>
                  <a:pt x="10494" y="6153"/>
                  <a:pt x="10529" y="6146"/>
                  <a:pt x="10564" y="6139"/>
                </a:cubicBezTo>
                <a:cubicBezTo>
                  <a:pt x="10599" y="6134"/>
                  <a:pt x="10633" y="6127"/>
                  <a:pt x="10671" y="6123"/>
                </a:cubicBezTo>
                <a:cubicBezTo>
                  <a:pt x="10742" y="6113"/>
                  <a:pt x="10814" y="6102"/>
                  <a:pt x="10879" y="6095"/>
                </a:cubicBezTo>
                <a:lnTo>
                  <a:pt x="10879" y="6095"/>
                </a:lnTo>
                <a:cubicBezTo>
                  <a:pt x="10851" y="6104"/>
                  <a:pt x="10884" y="6104"/>
                  <a:pt x="10840" y="6111"/>
                </a:cubicBezTo>
                <a:cubicBezTo>
                  <a:pt x="10904" y="6104"/>
                  <a:pt x="10969" y="6093"/>
                  <a:pt x="11034" y="6088"/>
                </a:cubicBezTo>
                <a:cubicBezTo>
                  <a:pt x="11101" y="6081"/>
                  <a:pt x="11166" y="6076"/>
                  <a:pt x="11231" y="6072"/>
                </a:cubicBezTo>
                <a:lnTo>
                  <a:pt x="11231" y="6072"/>
                </a:lnTo>
                <a:cubicBezTo>
                  <a:pt x="11217" y="6076"/>
                  <a:pt x="11206" y="6079"/>
                  <a:pt x="11192" y="6086"/>
                </a:cubicBezTo>
                <a:cubicBezTo>
                  <a:pt x="11222" y="6084"/>
                  <a:pt x="11253" y="6084"/>
                  <a:pt x="11285" y="6084"/>
                </a:cubicBezTo>
                <a:cubicBezTo>
                  <a:pt x="11317" y="6084"/>
                  <a:pt x="11349" y="6084"/>
                  <a:pt x="11382" y="6083"/>
                </a:cubicBezTo>
                <a:cubicBezTo>
                  <a:pt x="11391" y="6083"/>
                  <a:pt x="11400" y="6083"/>
                  <a:pt x="11409" y="6083"/>
                </a:cubicBezTo>
                <a:cubicBezTo>
                  <a:pt x="11463" y="6083"/>
                  <a:pt x="11518" y="6088"/>
                  <a:pt x="11572" y="6088"/>
                </a:cubicBezTo>
                <a:cubicBezTo>
                  <a:pt x="11694" y="6095"/>
                  <a:pt x="11803" y="6102"/>
                  <a:pt x="11877" y="6104"/>
                </a:cubicBezTo>
                <a:cubicBezTo>
                  <a:pt x="11831" y="6102"/>
                  <a:pt x="11785" y="6097"/>
                  <a:pt x="11738" y="6088"/>
                </a:cubicBezTo>
                <a:cubicBezTo>
                  <a:pt x="11715" y="6083"/>
                  <a:pt x="11720" y="6079"/>
                  <a:pt x="11782" y="6079"/>
                </a:cubicBezTo>
                <a:cubicBezTo>
                  <a:pt x="11817" y="6077"/>
                  <a:pt x="11852" y="6076"/>
                  <a:pt x="11887" y="6076"/>
                </a:cubicBezTo>
                <a:cubicBezTo>
                  <a:pt x="11956" y="6076"/>
                  <a:pt x="12026" y="6079"/>
                  <a:pt x="12095" y="6086"/>
                </a:cubicBezTo>
                <a:cubicBezTo>
                  <a:pt x="12150" y="6108"/>
                  <a:pt x="12525" y="6144"/>
                  <a:pt x="12341" y="6144"/>
                </a:cubicBezTo>
                <a:cubicBezTo>
                  <a:pt x="12331" y="6144"/>
                  <a:pt x="12318" y="6144"/>
                  <a:pt x="12304" y="6144"/>
                </a:cubicBezTo>
                <a:lnTo>
                  <a:pt x="12304" y="6144"/>
                </a:lnTo>
                <a:cubicBezTo>
                  <a:pt x="12622" y="6163"/>
                  <a:pt x="12537" y="6152"/>
                  <a:pt x="12785" y="6164"/>
                </a:cubicBezTo>
                <a:lnTo>
                  <a:pt x="12785" y="6164"/>
                </a:lnTo>
                <a:cubicBezTo>
                  <a:pt x="12733" y="6161"/>
                  <a:pt x="12681" y="6156"/>
                  <a:pt x="12630" y="6153"/>
                </a:cubicBezTo>
                <a:cubicBezTo>
                  <a:pt x="12602" y="6134"/>
                  <a:pt x="12788" y="6127"/>
                  <a:pt x="12579" y="6097"/>
                </a:cubicBezTo>
                <a:lnTo>
                  <a:pt x="12579" y="6097"/>
                </a:lnTo>
                <a:cubicBezTo>
                  <a:pt x="12616" y="6099"/>
                  <a:pt x="12644" y="6100"/>
                  <a:pt x="12666" y="6100"/>
                </a:cubicBezTo>
                <a:cubicBezTo>
                  <a:pt x="12754" y="6100"/>
                  <a:pt x="12745" y="6086"/>
                  <a:pt x="12833" y="6086"/>
                </a:cubicBezTo>
                <a:cubicBezTo>
                  <a:pt x="12869" y="6086"/>
                  <a:pt x="12921" y="6089"/>
                  <a:pt x="13001" y="6095"/>
                </a:cubicBezTo>
                <a:cubicBezTo>
                  <a:pt x="13068" y="6104"/>
                  <a:pt x="13056" y="6111"/>
                  <a:pt x="13008" y="6113"/>
                </a:cubicBezTo>
                <a:cubicBezTo>
                  <a:pt x="12975" y="6114"/>
                  <a:pt x="12943" y="6115"/>
                  <a:pt x="12910" y="6115"/>
                </a:cubicBezTo>
                <a:cubicBezTo>
                  <a:pt x="12864" y="6115"/>
                  <a:pt x="12819" y="6114"/>
                  <a:pt x="12774" y="6111"/>
                </a:cubicBezTo>
                <a:lnTo>
                  <a:pt x="12774" y="6111"/>
                </a:lnTo>
                <a:cubicBezTo>
                  <a:pt x="12864" y="6123"/>
                  <a:pt x="12957" y="6130"/>
                  <a:pt x="13047" y="6132"/>
                </a:cubicBezTo>
                <a:cubicBezTo>
                  <a:pt x="13082" y="6141"/>
                  <a:pt x="13038" y="6144"/>
                  <a:pt x="12987" y="6144"/>
                </a:cubicBezTo>
                <a:cubicBezTo>
                  <a:pt x="12976" y="6143"/>
                  <a:pt x="12965" y="6143"/>
                  <a:pt x="12955" y="6143"/>
                </a:cubicBezTo>
                <a:cubicBezTo>
                  <a:pt x="12929" y="6143"/>
                  <a:pt x="12904" y="6144"/>
                  <a:pt x="12878" y="6146"/>
                </a:cubicBezTo>
                <a:cubicBezTo>
                  <a:pt x="12920" y="6149"/>
                  <a:pt x="12941" y="6150"/>
                  <a:pt x="12952" y="6150"/>
                </a:cubicBezTo>
                <a:cubicBezTo>
                  <a:pt x="12977" y="6150"/>
                  <a:pt x="12942" y="6144"/>
                  <a:pt x="12980" y="6144"/>
                </a:cubicBezTo>
                <a:cubicBezTo>
                  <a:pt x="12991" y="6144"/>
                  <a:pt x="13009" y="6144"/>
                  <a:pt x="13038" y="6146"/>
                </a:cubicBezTo>
                <a:cubicBezTo>
                  <a:pt x="13048" y="6146"/>
                  <a:pt x="13057" y="6145"/>
                  <a:pt x="13067" y="6145"/>
                </a:cubicBezTo>
                <a:cubicBezTo>
                  <a:pt x="13134" y="6145"/>
                  <a:pt x="13200" y="6152"/>
                  <a:pt x="13265" y="6164"/>
                </a:cubicBezTo>
                <a:cubicBezTo>
                  <a:pt x="13290" y="6171"/>
                  <a:pt x="13316" y="6174"/>
                  <a:pt x="13341" y="6178"/>
                </a:cubicBezTo>
                <a:cubicBezTo>
                  <a:pt x="13377" y="6182"/>
                  <a:pt x="13413" y="6184"/>
                  <a:pt x="13447" y="6184"/>
                </a:cubicBezTo>
                <a:cubicBezTo>
                  <a:pt x="13460" y="6184"/>
                  <a:pt x="13473" y="6184"/>
                  <a:pt x="13485" y="6183"/>
                </a:cubicBezTo>
                <a:cubicBezTo>
                  <a:pt x="13457" y="6183"/>
                  <a:pt x="13416" y="6181"/>
                  <a:pt x="13390" y="6178"/>
                </a:cubicBezTo>
                <a:cubicBezTo>
                  <a:pt x="13367" y="6176"/>
                  <a:pt x="13358" y="6171"/>
                  <a:pt x="13392" y="6169"/>
                </a:cubicBezTo>
                <a:cubicBezTo>
                  <a:pt x="13438" y="6170"/>
                  <a:pt x="13475" y="6171"/>
                  <a:pt x="13506" y="6171"/>
                </a:cubicBezTo>
                <a:cubicBezTo>
                  <a:pt x="13537" y="6171"/>
                  <a:pt x="13561" y="6170"/>
                  <a:pt x="13582" y="6169"/>
                </a:cubicBezTo>
                <a:cubicBezTo>
                  <a:pt x="13608" y="6169"/>
                  <a:pt x="13636" y="6167"/>
                  <a:pt x="13663" y="6162"/>
                </a:cubicBezTo>
                <a:cubicBezTo>
                  <a:pt x="13682" y="6160"/>
                  <a:pt x="13698" y="6157"/>
                  <a:pt x="13726" y="6153"/>
                </a:cubicBezTo>
                <a:cubicBezTo>
                  <a:pt x="13751" y="6151"/>
                  <a:pt x="13791" y="6148"/>
                  <a:pt x="13858" y="6144"/>
                </a:cubicBezTo>
                <a:cubicBezTo>
                  <a:pt x="13900" y="6146"/>
                  <a:pt x="13944" y="6155"/>
                  <a:pt x="13985" y="6167"/>
                </a:cubicBezTo>
                <a:cubicBezTo>
                  <a:pt x="14009" y="6171"/>
                  <a:pt x="14029" y="6174"/>
                  <a:pt x="14053" y="6174"/>
                </a:cubicBezTo>
                <a:cubicBezTo>
                  <a:pt x="14097" y="6174"/>
                  <a:pt x="14138" y="6171"/>
                  <a:pt x="14182" y="6164"/>
                </a:cubicBezTo>
                <a:lnTo>
                  <a:pt x="14182" y="6164"/>
                </a:lnTo>
                <a:cubicBezTo>
                  <a:pt x="14138" y="6171"/>
                  <a:pt x="14094" y="6176"/>
                  <a:pt x="14050" y="6181"/>
                </a:cubicBezTo>
                <a:cubicBezTo>
                  <a:pt x="14059" y="6181"/>
                  <a:pt x="14067" y="6181"/>
                  <a:pt x="14076" y="6181"/>
                </a:cubicBezTo>
                <a:cubicBezTo>
                  <a:pt x="14167" y="6181"/>
                  <a:pt x="14258" y="6170"/>
                  <a:pt x="14347" y="6153"/>
                </a:cubicBezTo>
                <a:cubicBezTo>
                  <a:pt x="14758" y="6048"/>
                  <a:pt x="15137" y="5856"/>
                  <a:pt x="15462" y="5588"/>
                </a:cubicBezTo>
                <a:lnTo>
                  <a:pt x="15462" y="5588"/>
                </a:lnTo>
                <a:cubicBezTo>
                  <a:pt x="15457" y="5591"/>
                  <a:pt x="15452" y="5595"/>
                  <a:pt x="15447" y="5599"/>
                </a:cubicBezTo>
                <a:cubicBezTo>
                  <a:pt x="15442" y="5603"/>
                  <a:pt x="15439" y="5604"/>
                  <a:pt x="15438" y="5604"/>
                </a:cubicBezTo>
                <a:cubicBezTo>
                  <a:pt x="15434" y="5604"/>
                  <a:pt x="15457" y="5584"/>
                  <a:pt x="15484" y="5562"/>
                </a:cubicBezTo>
                <a:cubicBezTo>
                  <a:pt x="15510" y="5541"/>
                  <a:pt x="15533" y="5520"/>
                  <a:pt x="15551" y="5495"/>
                </a:cubicBezTo>
                <a:cubicBezTo>
                  <a:pt x="15581" y="5472"/>
                  <a:pt x="15612" y="5451"/>
                  <a:pt x="15642" y="5428"/>
                </a:cubicBezTo>
                <a:cubicBezTo>
                  <a:pt x="15643" y="5425"/>
                  <a:pt x="15642" y="5424"/>
                  <a:pt x="15641" y="5424"/>
                </a:cubicBezTo>
                <a:cubicBezTo>
                  <a:pt x="15633" y="5424"/>
                  <a:pt x="15593" y="5456"/>
                  <a:pt x="15554" y="5486"/>
                </a:cubicBezTo>
                <a:cubicBezTo>
                  <a:pt x="15520" y="5509"/>
                  <a:pt x="15486" y="5533"/>
                  <a:pt x="15478" y="5533"/>
                </a:cubicBezTo>
                <a:cubicBezTo>
                  <a:pt x="15475" y="5533"/>
                  <a:pt x="15476" y="5530"/>
                  <a:pt x="15482" y="5523"/>
                </a:cubicBezTo>
                <a:cubicBezTo>
                  <a:pt x="15503" y="5509"/>
                  <a:pt x="15521" y="5495"/>
                  <a:pt x="15540" y="5479"/>
                </a:cubicBezTo>
                <a:lnTo>
                  <a:pt x="15540" y="5479"/>
                </a:lnTo>
                <a:cubicBezTo>
                  <a:pt x="15512" y="5497"/>
                  <a:pt x="15486" y="5520"/>
                  <a:pt x="15456" y="5539"/>
                </a:cubicBezTo>
                <a:cubicBezTo>
                  <a:pt x="15542" y="5474"/>
                  <a:pt x="15618" y="5402"/>
                  <a:pt x="15688" y="5324"/>
                </a:cubicBezTo>
                <a:cubicBezTo>
                  <a:pt x="15753" y="5252"/>
                  <a:pt x="15806" y="5182"/>
                  <a:pt x="15866" y="5117"/>
                </a:cubicBezTo>
                <a:lnTo>
                  <a:pt x="15866" y="5117"/>
                </a:lnTo>
                <a:cubicBezTo>
                  <a:pt x="15804" y="5210"/>
                  <a:pt x="15764" y="5259"/>
                  <a:pt x="15746" y="5286"/>
                </a:cubicBezTo>
                <a:cubicBezTo>
                  <a:pt x="15734" y="5300"/>
                  <a:pt x="15725" y="5317"/>
                  <a:pt x="15723" y="5335"/>
                </a:cubicBezTo>
                <a:cubicBezTo>
                  <a:pt x="15723" y="5354"/>
                  <a:pt x="15713" y="5372"/>
                  <a:pt x="15702" y="5384"/>
                </a:cubicBezTo>
                <a:cubicBezTo>
                  <a:pt x="15693" y="5398"/>
                  <a:pt x="15676" y="5416"/>
                  <a:pt x="15653" y="5442"/>
                </a:cubicBezTo>
                <a:cubicBezTo>
                  <a:pt x="15644" y="5453"/>
                  <a:pt x="15634" y="5464"/>
                  <a:pt x="15622" y="5476"/>
                </a:cubicBezTo>
                <a:lnTo>
                  <a:pt x="15622" y="5476"/>
                </a:lnTo>
                <a:cubicBezTo>
                  <a:pt x="15638" y="5462"/>
                  <a:pt x="15646" y="5456"/>
                  <a:pt x="15649" y="5456"/>
                </a:cubicBezTo>
                <a:cubicBezTo>
                  <a:pt x="15657" y="5456"/>
                  <a:pt x="15613" y="5509"/>
                  <a:pt x="15621" y="5509"/>
                </a:cubicBezTo>
                <a:cubicBezTo>
                  <a:pt x="15622" y="5509"/>
                  <a:pt x="15622" y="5509"/>
                  <a:pt x="15623" y="5509"/>
                </a:cubicBezTo>
                <a:cubicBezTo>
                  <a:pt x="15651" y="5488"/>
                  <a:pt x="15672" y="5465"/>
                  <a:pt x="15693" y="5439"/>
                </a:cubicBezTo>
                <a:cubicBezTo>
                  <a:pt x="15700" y="5430"/>
                  <a:pt x="15706" y="5421"/>
                  <a:pt x="15713" y="5414"/>
                </a:cubicBezTo>
                <a:lnTo>
                  <a:pt x="15767" y="5358"/>
                </a:lnTo>
                <a:lnTo>
                  <a:pt x="15767" y="5358"/>
                </a:lnTo>
                <a:cubicBezTo>
                  <a:pt x="15760" y="5375"/>
                  <a:pt x="15751" y="5388"/>
                  <a:pt x="15739" y="5400"/>
                </a:cubicBezTo>
                <a:lnTo>
                  <a:pt x="15679" y="5472"/>
                </a:lnTo>
                <a:cubicBezTo>
                  <a:pt x="15651" y="5501"/>
                  <a:pt x="15629" y="5525"/>
                  <a:pt x="15634" y="5525"/>
                </a:cubicBezTo>
                <a:cubicBezTo>
                  <a:pt x="15636" y="5525"/>
                  <a:pt x="15645" y="5519"/>
                  <a:pt x="15662" y="5504"/>
                </a:cubicBezTo>
                <a:cubicBezTo>
                  <a:pt x="15662" y="5483"/>
                  <a:pt x="15757" y="5395"/>
                  <a:pt x="15790" y="5340"/>
                </a:cubicBezTo>
                <a:cubicBezTo>
                  <a:pt x="15814" y="5314"/>
                  <a:pt x="15823" y="5306"/>
                  <a:pt x="15826" y="5306"/>
                </a:cubicBezTo>
                <a:cubicBezTo>
                  <a:pt x="15830" y="5306"/>
                  <a:pt x="15818" y="5324"/>
                  <a:pt x="15822" y="5324"/>
                </a:cubicBezTo>
                <a:cubicBezTo>
                  <a:pt x="15823" y="5324"/>
                  <a:pt x="15826" y="5322"/>
                  <a:pt x="15832" y="5317"/>
                </a:cubicBezTo>
                <a:cubicBezTo>
                  <a:pt x="15850" y="5293"/>
                  <a:pt x="15864" y="5275"/>
                  <a:pt x="15878" y="5256"/>
                </a:cubicBezTo>
                <a:cubicBezTo>
                  <a:pt x="15889" y="5236"/>
                  <a:pt x="15903" y="5217"/>
                  <a:pt x="15920" y="5198"/>
                </a:cubicBezTo>
                <a:lnTo>
                  <a:pt x="15920" y="5198"/>
                </a:lnTo>
                <a:lnTo>
                  <a:pt x="15903" y="5238"/>
                </a:lnTo>
                <a:cubicBezTo>
                  <a:pt x="15936" y="5201"/>
                  <a:pt x="15964" y="5161"/>
                  <a:pt x="15991" y="5120"/>
                </a:cubicBezTo>
                <a:cubicBezTo>
                  <a:pt x="16001" y="5103"/>
                  <a:pt x="16008" y="5087"/>
                  <a:pt x="16015" y="5069"/>
                </a:cubicBezTo>
                <a:cubicBezTo>
                  <a:pt x="16022" y="5039"/>
                  <a:pt x="16038" y="5011"/>
                  <a:pt x="16107" y="4856"/>
                </a:cubicBezTo>
                <a:cubicBezTo>
                  <a:pt x="16107" y="4855"/>
                  <a:pt x="16106" y="4854"/>
                  <a:pt x="16105" y="4854"/>
                </a:cubicBezTo>
                <a:cubicBezTo>
                  <a:pt x="16092" y="4854"/>
                  <a:pt x="16061" y="4949"/>
                  <a:pt x="15996" y="5064"/>
                </a:cubicBezTo>
                <a:cubicBezTo>
                  <a:pt x="15993" y="5066"/>
                  <a:pt x="15991" y="5067"/>
                  <a:pt x="15989" y="5067"/>
                </a:cubicBezTo>
                <a:cubicBezTo>
                  <a:pt x="15973" y="5067"/>
                  <a:pt x="16016" y="4980"/>
                  <a:pt x="16049" y="4883"/>
                </a:cubicBezTo>
                <a:cubicBezTo>
                  <a:pt x="16066" y="4835"/>
                  <a:pt x="16079" y="4784"/>
                  <a:pt x="16089" y="4733"/>
                </a:cubicBezTo>
                <a:cubicBezTo>
                  <a:pt x="16093" y="4694"/>
                  <a:pt x="16093" y="4670"/>
                  <a:pt x="16086" y="4670"/>
                </a:cubicBezTo>
                <a:cubicBezTo>
                  <a:pt x="16085" y="4670"/>
                  <a:pt x="16085" y="4670"/>
                  <a:pt x="16084" y="4670"/>
                </a:cubicBezTo>
                <a:cubicBezTo>
                  <a:pt x="16093" y="4633"/>
                  <a:pt x="16096" y="4605"/>
                  <a:pt x="16100" y="4587"/>
                </a:cubicBezTo>
                <a:cubicBezTo>
                  <a:pt x="16105" y="4568"/>
                  <a:pt x="16107" y="4559"/>
                  <a:pt x="16107" y="4552"/>
                </a:cubicBezTo>
                <a:cubicBezTo>
                  <a:pt x="16109" y="4550"/>
                  <a:pt x="16109" y="4548"/>
                  <a:pt x="16110" y="4548"/>
                </a:cubicBezTo>
                <a:cubicBezTo>
                  <a:pt x="16112" y="4548"/>
                  <a:pt x="16112" y="4557"/>
                  <a:pt x="16112" y="4568"/>
                </a:cubicBezTo>
                <a:cubicBezTo>
                  <a:pt x="16112" y="4580"/>
                  <a:pt x="16112" y="4592"/>
                  <a:pt x="16115" y="4592"/>
                </a:cubicBezTo>
                <a:cubicBezTo>
                  <a:pt x="16115" y="4592"/>
                  <a:pt x="16116" y="4592"/>
                  <a:pt x="16117" y="4592"/>
                </a:cubicBezTo>
                <a:cubicBezTo>
                  <a:pt x="16128" y="4561"/>
                  <a:pt x="16135" y="4529"/>
                  <a:pt x="16137" y="4497"/>
                </a:cubicBezTo>
                <a:cubicBezTo>
                  <a:pt x="16145" y="4472"/>
                  <a:pt x="16149" y="4461"/>
                  <a:pt x="16152" y="4461"/>
                </a:cubicBezTo>
                <a:cubicBezTo>
                  <a:pt x="16158" y="4461"/>
                  <a:pt x="16157" y="4500"/>
                  <a:pt x="16154" y="4550"/>
                </a:cubicBezTo>
                <a:cubicBezTo>
                  <a:pt x="16151" y="4571"/>
                  <a:pt x="16149" y="4592"/>
                  <a:pt x="16147" y="4612"/>
                </a:cubicBezTo>
                <a:cubicBezTo>
                  <a:pt x="16144" y="4633"/>
                  <a:pt x="16142" y="4654"/>
                  <a:pt x="16137" y="4673"/>
                </a:cubicBezTo>
                <a:cubicBezTo>
                  <a:pt x="16128" y="4712"/>
                  <a:pt x="16123" y="4747"/>
                  <a:pt x="16121" y="4763"/>
                </a:cubicBezTo>
                <a:cubicBezTo>
                  <a:pt x="16154" y="4675"/>
                  <a:pt x="16179" y="4585"/>
                  <a:pt x="16193" y="4490"/>
                </a:cubicBezTo>
                <a:cubicBezTo>
                  <a:pt x="16198" y="4517"/>
                  <a:pt x="16198" y="4548"/>
                  <a:pt x="16198" y="4575"/>
                </a:cubicBezTo>
                <a:cubicBezTo>
                  <a:pt x="16195" y="4605"/>
                  <a:pt x="16191" y="4640"/>
                  <a:pt x="16186" y="4670"/>
                </a:cubicBezTo>
                <a:cubicBezTo>
                  <a:pt x="16181" y="4703"/>
                  <a:pt x="16174" y="4733"/>
                  <a:pt x="16170" y="4758"/>
                </a:cubicBezTo>
                <a:cubicBezTo>
                  <a:pt x="16165" y="4777"/>
                  <a:pt x="16163" y="4798"/>
                  <a:pt x="16165" y="4819"/>
                </a:cubicBezTo>
                <a:cubicBezTo>
                  <a:pt x="16174" y="4793"/>
                  <a:pt x="16181" y="4772"/>
                  <a:pt x="16188" y="4751"/>
                </a:cubicBezTo>
                <a:cubicBezTo>
                  <a:pt x="16193" y="4731"/>
                  <a:pt x="16198" y="4714"/>
                  <a:pt x="16200" y="4698"/>
                </a:cubicBezTo>
                <a:cubicBezTo>
                  <a:pt x="16207" y="4673"/>
                  <a:pt x="16211" y="4647"/>
                  <a:pt x="16216" y="4619"/>
                </a:cubicBezTo>
                <a:cubicBezTo>
                  <a:pt x="16218" y="4594"/>
                  <a:pt x="16221" y="4566"/>
                  <a:pt x="16223" y="4541"/>
                </a:cubicBezTo>
                <a:cubicBezTo>
                  <a:pt x="16223" y="4508"/>
                  <a:pt x="16228" y="4469"/>
                  <a:pt x="16228" y="4413"/>
                </a:cubicBezTo>
                <a:lnTo>
                  <a:pt x="16228" y="4413"/>
                </a:lnTo>
                <a:cubicBezTo>
                  <a:pt x="16225" y="4434"/>
                  <a:pt x="16223" y="4453"/>
                  <a:pt x="16221" y="4469"/>
                </a:cubicBezTo>
                <a:cubicBezTo>
                  <a:pt x="16218" y="4485"/>
                  <a:pt x="16216" y="4499"/>
                  <a:pt x="16214" y="4508"/>
                </a:cubicBezTo>
                <a:cubicBezTo>
                  <a:pt x="16211" y="4517"/>
                  <a:pt x="16207" y="4529"/>
                  <a:pt x="16205" y="4538"/>
                </a:cubicBezTo>
                <a:cubicBezTo>
                  <a:pt x="16204" y="4539"/>
                  <a:pt x="16204" y="4539"/>
                  <a:pt x="16203" y="4539"/>
                </a:cubicBezTo>
                <a:cubicBezTo>
                  <a:pt x="16200" y="4539"/>
                  <a:pt x="16200" y="4517"/>
                  <a:pt x="16202" y="4492"/>
                </a:cubicBezTo>
                <a:cubicBezTo>
                  <a:pt x="16202" y="4466"/>
                  <a:pt x="16202" y="4441"/>
                  <a:pt x="16198" y="4415"/>
                </a:cubicBezTo>
                <a:cubicBezTo>
                  <a:pt x="16197" y="4412"/>
                  <a:pt x="16196" y="4410"/>
                  <a:pt x="16194" y="4410"/>
                </a:cubicBezTo>
                <a:cubicBezTo>
                  <a:pt x="16191" y="4410"/>
                  <a:pt x="16186" y="4422"/>
                  <a:pt x="16179" y="4457"/>
                </a:cubicBezTo>
                <a:cubicBezTo>
                  <a:pt x="16184" y="4418"/>
                  <a:pt x="16186" y="4392"/>
                  <a:pt x="16188" y="4371"/>
                </a:cubicBezTo>
                <a:cubicBezTo>
                  <a:pt x="16191" y="4351"/>
                  <a:pt x="16191" y="4334"/>
                  <a:pt x="16193" y="4316"/>
                </a:cubicBezTo>
                <a:cubicBezTo>
                  <a:pt x="16195" y="4249"/>
                  <a:pt x="16188" y="4182"/>
                  <a:pt x="16177" y="4117"/>
                </a:cubicBezTo>
                <a:lnTo>
                  <a:pt x="16177" y="4117"/>
                </a:lnTo>
                <a:cubicBezTo>
                  <a:pt x="16193" y="4191"/>
                  <a:pt x="16195" y="4191"/>
                  <a:pt x="16202" y="4198"/>
                </a:cubicBezTo>
                <a:cubicBezTo>
                  <a:pt x="16207" y="4205"/>
                  <a:pt x="16211" y="4214"/>
                  <a:pt x="16211" y="4223"/>
                </a:cubicBezTo>
                <a:cubicBezTo>
                  <a:pt x="16214" y="4242"/>
                  <a:pt x="16217" y="4261"/>
                  <a:pt x="16218" y="4281"/>
                </a:cubicBezTo>
                <a:lnTo>
                  <a:pt x="16218" y="4281"/>
                </a:lnTo>
                <a:cubicBezTo>
                  <a:pt x="16218" y="4275"/>
                  <a:pt x="16218" y="4268"/>
                  <a:pt x="16218" y="4263"/>
                </a:cubicBezTo>
                <a:cubicBezTo>
                  <a:pt x="16216" y="4244"/>
                  <a:pt x="16214" y="4230"/>
                  <a:pt x="16211" y="4214"/>
                </a:cubicBezTo>
                <a:cubicBezTo>
                  <a:pt x="16209" y="4186"/>
                  <a:pt x="16207" y="4163"/>
                  <a:pt x="16202" y="4142"/>
                </a:cubicBezTo>
                <a:cubicBezTo>
                  <a:pt x="16195" y="4100"/>
                  <a:pt x="16191" y="4073"/>
                  <a:pt x="16184" y="4045"/>
                </a:cubicBezTo>
                <a:cubicBezTo>
                  <a:pt x="16172" y="3989"/>
                  <a:pt x="16158" y="3934"/>
                  <a:pt x="16119" y="3783"/>
                </a:cubicBezTo>
                <a:cubicBezTo>
                  <a:pt x="16114" y="3773"/>
                  <a:pt x="16111" y="3769"/>
                  <a:pt x="16109" y="3769"/>
                </a:cubicBezTo>
                <a:cubicBezTo>
                  <a:pt x="16099" y="3769"/>
                  <a:pt x="16122" y="3887"/>
                  <a:pt x="16116" y="3887"/>
                </a:cubicBezTo>
                <a:cubicBezTo>
                  <a:pt x="16112" y="3887"/>
                  <a:pt x="16099" y="3850"/>
                  <a:pt x="16066" y="3734"/>
                </a:cubicBezTo>
                <a:cubicBezTo>
                  <a:pt x="16055" y="3695"/>
                  <a:pt x="16053" y="3679"/>
                  <a:pt x="16055" y="3679"/>
                </a:cubicBezTo>
                <a:cubicBezTo>
                  <a:pt x="16057" y="3679"/>
                  <a:pt x="16062" y="3693"/>
                  <a:pt x="16068" y="3716"/>
                </a:cubicBezTo>
                <a:cubicBezTo>
                  <a:pt x="16050" y="3634"/>
                  <a:pt x="16042" y="3610"/>
                  <a:pt x="16038" y="3610"/>
                </a:cubicBezTo>
                <a:cubicBezTo>
                  <a:pt x="16032" y="3610"/>
                  <a:pt x="16035" y="3663"/>
                  <a:pt x="16027" y="3663"/>
                </a:cubicBezTo>
                <a:cubicBezTo>
                  <a:pt x="16023" y="3663"/>
                  <a:pt x="16016" y="3651"/>
                  <a:pt x="16005" y="3616"/>
                </a:cubicBezTo>
                <a:cubicBezTo>
                  <a:pt x="15985" y="3533"/>
                  <a:pt x="15979" y="3487"/>
                  <a:pt x="15983" y="3487"/>
                </a:cubicBezTo>
                <a:lnTo>
                  <a:pt x="15983" y="3487"/>
                </a:lnTo>
                <a:cubicBezTo>
                  <a:pt x="15983" y="3487"/>
                  <a:pt x="15984" y="3489"/>
                  <a:pt x="15986" y="3494"/>
                </a:cubicBezTo>
                <a:lnTo>
                  <a:pt x="15986" y="3494"/>
                </a:lnTo>
                <a:cubicBezTo>
                  <a:pt x="15965" y="3420"/>
                  <a:pt x="15959" y="3400"/>
                  <a:pt x="15950" y="3389"/>
                </a:cubicBezTo>
                <a:cubicBezTo>
                  <a:pt x="15943" y="3378"/>
                  <a:pt x="15938" y="3375"/>
                  <a:pt x="15927" y="3315"/>
                </a:cubicBezTo>
                <a:lnTo>
                  <a:pt x="15927" y="3315"/>
                </a:lnTo>
                <a:lnTo>
                  <a:pt x="15931" y="3371"/>
                </a:lnTo>
                <a:cubicBezTo>
                  <a:pt x="15929" y="3362"/>
                  <a:pt x="15926" y="3359"/>
                  <a:pt x="15924" y="3359"/>
                </a:cubicBezTo>
                <a:cubicBezTo>
                  <a:pt x="15921" y="3359"/>
                  <a:pt x="15917" y="3366"/>
                  <a:pt x="15912" y="3366"/>
                </a:cubicBezTo>
                <a:cubicBezTo>
                  <a:pt x="15911" y="3366"/>
                  <a:pt x="15911" y="3366"/>
                  <a:pt x="15910" y="3366"/>
                </a:cubicBezTo>
                <a:cubicBezTo>
                  <a:pt x="15903" y="3364"/>
                  <a:pt x="15901" y="3357"/>
                  <a:pt x="15896" y="3334"/>
                </a:cubicBezTo>
                <a:cubicBezTo>
                  <a:pt x="15892" y="3322"/>
                  <a:pt x="15889" y="3304"/>
                  <a:pt x="15885" y="3285"/>
                </a:cubicBezTo>
                <a:cubicBezTo>
                  <a:pt x="15883" y="3264"/>
                  <a:pt x="15880" y="3236"/>
                  <a:pt x="15878" y="3202"/>
                </a:cubicBezTo>
                <a:cubicBezTo>
                  <a:pt x="15876" y="3153"/>
                  <a:pt x="15878" y="3121"/>
                  <a:pt x="15878" y="3097"/>
                </a:cubicBezTo>
                <a:cubicBezTo>
                  <a:pt x="15878" y="3086"/>
                  <a:pt x="15880" y="3072"/>
                  <a:pt x="15885" y="3060"/>
                </a:cubicBezTo>
                <a:cubicBezTo>
                  <a:pt x="15886" y="3058"/>
                  <a:pt x="15887" y="3057"/>
                  <a:pt x="15888" y="3057"/>
                </a:cubicBezTo>
                <a:cubicBezTo>
                  <a:pt x="15891" y="3057"/>
                  <a:pt x="15893" y="3063"/>
                  <a:pt x="15895" y="3063"/>
                </a:cubicBezTo>
                <a:cubicBezTo>
                  <a:pt x="15896" y="3063"/>
                  <a:pt x="15896" y="3063"/>
                  <a:pt x="15896" y="3063"/>
                </a:cubicBezTo>
                <a:cubicBezTo>
                  <a:pt x="15896" y="3044"/>
                  <a:pt x="15896" y="3026"/>
                  <a:pt x="15896" y="3007"/>
                </a:cubicBezTo>
                <a:cubicBezTo>
                  <a:pt x="15901" y="2991"/>
                  <a:pt x="15903" y="2972"/>
                  <a:pt x="15906" y="2956"/>
                </a:cubicBezTo>
                <a:cubicBezTo>
                  <a:pt x="15908" y="2938"/>
                  <a:pt x="15910" y="2921"/>
                  <a:pt x="15915" y="2905"/>
                </a:cubicBezTo>
                <a:cubicBezTo>
                  <a:pt x="15920" y="2889"/>
                  <a:pt x="15924" y="2875"/>
                  <a:pt x="15927" y="2859"/>
                </a:cubicBezTo>
                <a:cubicBezTo>
                  <a:pt x="15931" y="2845"/>
                  <a:pt x="15936" y="2831"/>
                  <a:pt x="15940" y="2817"/>
                </a:cubicBezTo>
                <a:lnTo>
                  <a:pt x="15959" y="2775"/>
                </a:lnTo>
                <a:cubicBezTo>
                  <a:pt x="15971" y="2750"/>
                  <a:pt x="15982" y="2727"/>
                  <a:pt x="15996" y="2704"/>
                </a:cubicBezTo>
                <a:lnTo>
                  <a:pt x="15996" y="2704"/>
                </a:lnTo>
                <a:cubicBezTo>
                  <a:pt x="15994" y="2705"/>
                  <a:pt x="15993" y="2706"/>
                  <a:pt x="15992" y="2706"/>
                </a:cubicBezTo>
                <a:cubicBezTo>
                  <a:pt x="15990" y="2706"/>
                  <a:pt x="15990" y="2703"/>
                  <a:pt x="15991" y="2699"/>
                </a:cubicBezTo>
                <a:cubicBezTo>
                  <a:pt x="15996" y="2685"/>
                  <a:pt x="16003" y="2671"/>
                  <a:pt x="16012" y="2657"/>
                </a:cubicBezTo>
                <a:cubicBezTo>
                  <a:pt x="16075" y="2541"/>
                  <a:pt x="16107" y="2521"/>
                  <a:pt x="16121" y="2509"/>
                </a:cubicBezTo>
                <a:cubicBezTo>
                  <a:pt x="16140" y="2502"/>
                  <a:pt x="16158" y="2488"/>
                  <a:pt x="16170" y="2474"/>
                </a:cubicBezTo>
                <a:cubicBezTo>
                  <a:pt x="16232" y="2409"/>
                  <a:pt x="16265" y="2382"/>
                  <a:pt x="16276" y="2368"/>
                </a:cubicBezTo>
                <a:cubicBezTo>
                  <a:pt x="16288" y="2352"/>
                  <a:pt x="16281" y="2352"/>
                  <a:pt x="16276" y="2349"/>
                </a:cubicBezTo>
                <a:cubicBezTo>
                  <a:pt x="16272" y="2347"/>
                  <a:pt x="16265" y="2345"/>
                  <a:pt x="16281" y="2324"/>
                </a:cubicBezTo>
                <a:cubicBezTo>
                  <a:pt x="16317" y="2286"/>
                  <a:pt x="16356" y="2250"/>
                  <a:pt x="16399" y="2220"/>
                </a:cubicBezTo>
                <a:lnTo>
                  <a:pt x="16399" y="2220"/>
                </a:lnTo>
                <a:cubicBezTo>
                  <a:pt x="16275" y="2306"/>
                  <a:pt x="16162" y="2412"/>
                  <a:pt x="16066" y="2530"/>
                </a:cubicBezTo>
                <a:cubicBezTo>
                  <a:pt x="16068" y="2520"/>
                  <a:pt x="16068" y="2511"/>
                  <a:pt x="16061" y="2511"/>
                </a:cubicBezTo>
                <a:cubicBezTo>
                  <a:pt x="16060" y="2511"/>
                  <a:pt x="16060" y="2511"/>
                  <a:pt x="16059" y="2511"/>
                </a:cubicBezTo>
                <a:cubicBezTo>
                  <a:pt x="16049" y="2516"/>
                  <a:pt x="16033" y="2532"/>
                  <a:pt x="16001" y="2579"/>
                </a:cubicBezTo>
                <a:cubicBezTo>
                  <a:pt x="16001" y="2590"/>
                  <a:pt x="15998" y="2604"/>
                  <a:pt x="15991" y="2616"/>
                </a:cubicBezTo>
                <a:cubicBezTo>
                  <a:pt x="15984" y="2634"/>
                  <a:pt x="15971" y="2660"/>
                  <a:pt x="15959" y="2690"/>
                </a:cubicBezTo>
                <a:cubicBezTo>
                  <a:pt x="15954" y="2706"/>
                  <a:pt x="15947" y="2722"/>
                  <a:pt x="15940" y="2741"/>
                </a:cubicBezTo>
                <a:cubicBezTo>
                  <a:pt x="15934" y="2757"/>
                  <a:pt x="15927" y="2778"/>
                  <a:pt x="15922" y="2796"/>
                </a:cubicBezTo>
                <a:cubicBezTo>
                  <a:pt x="15915" y="2815"/>
                  <a:pt x="15910" y="2836"/>
                  <a:pt x="15903" y="2854"/>
                </a:cubicBezTo>
                <a:cubicBezTo>
                  <a:pt x="15899" y="2873"/>
                  <a:pt x="15894" y="2894"/>
                  <a:pt x="15889" y="2914"/>
                </a:cubicBezTo>
                <a:cubicBezTo>
                  <a:pt x="15888" y="2916"/>
                  <a:pt x="15887" y="2917"/>
                  <a:pt x="15886" y="2917"/>
                </a:cubicBezTo>
                <a:cubicBezTo>
                  <a:pt x="15885" y="2917"/>
                  <a:pt x="15885" y="2914"/>
                  <a:pt x="15885" y="2907"/>
                </a:cubicBezTo>
                <a:cubicBezTo>
                  <a:pt x="15885" y="2894"/>
                  <a:pt x="15887" y="2880"/>
                  <a:pt x="15889" y="2868"/>
                </a:cubicBezTo>
                <a:cubicBezTo>
                  <a:pt x="15892" y="2850"/>
                  <a:pt x="15896" y="2829"/>
                  <a:pt x="15901" y="2808"/>
                </a:cubicBezTo>
                <a:cubicBezTo>
                  <a:pt x="15906" y="2787"/>
                  <a:pt x="15915" y="2764"/>
                  <a:pt x="15922" y="2745"/>
                </a:cubicBezTo>
                <a:cubicBezTo>
                  <a:pt x="15936" y="2704"/>
                  <a:pt x="15950" y="2674"/>
                  <a:pt x="15950" y="2667"/>
                </a:cubicBezTo>
                <a:cubicBezTo>
                  <a:pt x="15950" y="2665"/>
                  <a:pt x="15949" y="2664"/>
                  <a:pt x="15949" y="2664"/>
                </a:cubicBezTo>
                <a:cubicBezTo>
                  <a:pt x="15945" y="2664"/>
                  <a:pt x="15931" y="2686"/>
                  <a:pt x="15903" y="2741"/>
                </a:cubicBezTo>
                <a:cubicBezTo>
                  <a:pt x="15927" y="2685"/>
                  <a:pt x="15954" y="2634"/>
                  <a:pt x="15984" y="2583"/>
                </a:cubicBezTo>
                <a:cubicBezTo>
                  <a:pt x="16003" y="2555"/>
                  <a:pt x="16022" y="2528"/>
                  <a:pt x="16040" y="2502"/>
                </a:cubicBezTo>
                <a:cubicBezTo>
                  <a:pt x="16059" y="2477"/>
                  <a:pt x="16079" y="2451"/>
                  <a:pt x="16100" y="2428"/>
                </a:cubicBezTo>
                <a:lnTo>
                  <a:pt x="16100" y="2428"/>
                </a:lnTo>
                <a:cubicBezTo>
                  <a:pt x="16093" y="2440"/>
                  <a:pt x="16090" y="2445"/>
                  <a:pt x="16092" y="2445"/>
                </a:cubicBezTo>
                <a:cubicBezTo>
                  <a:pt x="16094" y="2445"/>
                  <a:pt x="16101" y="2439"/>
                  <a:pt x="16112" y="2428"/>
                </a:cubicBezTo>
                <a:cubicBezTo>
                  <a:pt x="16121" y="2419"/>
                  <a:pt x="16133" y="2405"/>
                  <a:pt x="16149" y="2391"/>
                </a:cubicBezTo>
                <a:lnTo>
                  <a:pt x="16195" y="2347"/>
                </a:lnTo>
                <a:cubicBezTo>
                  <a:pt x="16235" y="2310"/>
                  <a:pt x="16272" y="2278"/>
                  <a:pt x="16277" y="2278"/>
                </a:cubicBezTo>
                <a:cubicBezTo>
                  <a:pt x="16279" y="2278"/>
                  <a:pt x="16270" y="2289"/>
                  <a:pt x="16244" y="2317"/>
                </a:cubicBezTo>
                <a:cubicBezTo>
                  <a:pt x="16323" y="2247"/>
                  <a:pt x="16406" y="2182"/>
                  <a:pt x="16494" y="2127"/>
                </a:cubicBezTo>
                <a:cubicBezTo>
                  <a:pt x="16566" y="2081"/>
                  <a:pt x="16626" y="2046"/>
                  <a:pt x="16686" y="2011"/>
                </a:cubicBezTo>
                <a:cubicBezTo>
                  <a:pt x="16804" y="1944"/>
                  <a:pt x="16916" y="1879"/>
                  <a:pt x="17106" y="1761"/>
                </a:cubicBezTo>
                <a:lnTo>
                  <a:pt x="17106" y="1761"/>
                </a:lnTo>
                <a:cubicBezTo>
                  <a:pt x="17052" y="1805"/>
                  <a:pt x="16997" y="1847"/>
                  <a:pt x="16939" y="1886"/>
                </a:cubicBezTo>
                <a:cubicBezTo>
                  <a:pt x="16851" y="1944"/>
                  <a:pt x="16740" y="2013"/>
                  <a:pt x="16638" y="2069"/>
                </a:cubicBezTo>
                <a:lnTo>
                  <a:pt x="16615" y="2069"/>
                </a:lnTo>
                <a:cubicBezTo>
                  <a:pt x="16557" y="2109"/>
                  <a:pt x="16538" y="2124"/>
                  <a:pt x="16541" y="2124"/>
                </a:cubicBezTo>
                <a:cubicBezTo>
                  <a:pt x="16545" y="2124"/>
                  <a:pt x="16579" y="2105"/>
                  <a:pt x="16619" y="2083"/>
                </a:cubicBezTo>
                <a:cubicBezTo>
                  <a:pt x="16684" y="2046"/>
                  <a:pt x="16768" y="2002"/>
                  <a:pt x="16782" y="2002"/>
                </a:cubicBezTo>
                <a:cubicBezTo>
                  <a:pt x="16784" y="2002"/>
                  <a:pt x="16784" y="2003"/>
                  <a:pt x="16781" y="2006"/>
                </a:cubicBezTo>
                <a:cubicBezTo>
                  <a:pt x="17078" y="1803"/>
                  <a:pt x="17476" y="1620"/>
                  <a:pt x="17854" y="1390"/>
                </a:cubicBezTo>
                <a:lnTo>
                  <a:pt x="17854" y="1390"/>
                </a:lnTo>
                <a:cubicBezTo>
                  <a:pt x="17837" y="1397"/>
                  <a:pt x="17828" y="1400"/>
                  <a:pt x="17824" y="1400"/>
                </a:cubicBezTo>
                <a:cubicBezTo>
                  <a:pt x="17812" y="1400"/>
                  <a:pt x="17857" y="1370"/>
                  <a:pt x="17865" y="1355"/>
                </a:cubicBezTo>
                <a:lnTo>
                  <a:pt x="17865" y="1355"/>
                </a:lnTo>
                <a:cubicBezTo>
                  <a:pt x="17713" y="1446"/>
                  <a:pt x="17743" y="1434"/>
                  <a:pt x="17625" y="1488"/>
                </a:cubicBezTo>
                <a:cubicBezTo>
                  <a:pt x="17638" y="1464"/>
                  <a:pt x="17733" y="1416"/>
                  <a:pt x="17775" y="1381"/>
                </a:cubicBezTo>
                <a:cubicBezTo>
                  <a:pt x="17780" y="1375"/>
                  <a:pt x="17781" y="1373"/>
                  <a:pt x="17779" y="1373"/>
                </a:cubicBezTo>
                <a:cubicBezTo>
                  <a:pt x="17766" y="1373"/>
                  <a:pt x="17651" y="1450"/>
                  <a:pt x="17601" y="1471"/>
                </a:cubicBezTo>
                <a:cubicBezTo>
                  <a:pt x="17675" y="1427"/>
                  <a:pt x="17743" y="1379"/>
                  <a:pt x="17810" y="1325"/>
                </a:cubicBezTo>
                <a:cubicBezTo>
                  <a:pt x="17858" y="1307"/>
                  <a:pt x="17907" y="1291"/>
                  <a:pt x="17956" y="1277"/>
                </a:cubicBezTo>
                <a:cubicBezTo>
                  <a:pt x="18301" y="1082"/>
                  <a:pt x="18268" y="1075"/>
                  <a:pt x="18518" y="932"/>
                </a:cubicBezTo>
                <a:lnTo>
                  <a:pt x="18518" y="932"/>
                </a:lnTo>
                <a:cubicBezTo>
                  <a:pt x="18500" y="943"/>
                  <a:pt x="18496" y="946"/>
                  <a:pt x="18498" y="946"/>
                </a:cubicBezTo>
                <a:cubicBezTo>
                  <a:pt x="18502" y="946"/>
                  <a:pt x="18526" y="936"/>
                  <a:pt x="18530" y="936"/>
                </a:cubicBezTo>
                <a:cubicBezTo>
                  <a:pt x="18533" y="936"/>
                  <a:pt x="18520" y="944"/>
                  <a:pt x="18463" y="976"/>
                </a:cubicBezTo>
                <a:lnTo>
                  <a:pt x="18560" y="922"/>
                </a:lnTo>
                <a:lnTo>
                  <a:pt x="18560" y="922"/>
                </a:lnTo>
                <a:cubicBezTo>
                  <a:pt x="18319" y="1084"/>
                  <a:pt x="17891" y="1330"/>
                  <a:pt x="17951" y="1335"/>
                </a:cubicBezTo>
                <a:cubicBezTo>
                  <a:pt x="18155" y="1214"/>
                  <a:pt x="18292" y="1112"/>
                  <a:pt x="18542" y="969"/>
                </a:cubicBezTo>
                <a:lnTo>
                  <a:pt x="18542" y="969"/>
                </a:lnTo>
                <a:lnTo>
                  <a:pt x="18533" y="980"/>
                </a:lnTo>
                <a:cubicBezTo>
                  <a:pt x="18599" y="943"/>
                  <a:pt x="18615" y="932"/>
                  <a:pt x="18612" y="932"/>
                </a:cubicBezTo>
                <a:cubicBezTo>
                  <a:pt x="18608" y="932"/>
                  <a:pt x="18568" y="952"/>
                  <a:pt x="18562" y="952"/>
                </a:cubicBezTo>
                <a:cubicBezTo>
                  <a:pt x="18560" y="952"/>
                  <a:pt x="18561" y="950"/>
                  <a:pt x="18567" y="945"/>
                </a:cubicBezTo>
                <a:cubicBezTo>
                  <a:pt x="18762" y="818"/>
                  <a:pt x="18843" y="823"/>
                  <a:pt x="18973" y="721"/>
                </a:cubicBezTo>
                <a:lnTo>
                  <a:pt x="18973" y="721"/>
                </a:lnTo>
                <a:lnTo>
                  <a:pt x="18762" y="837"/>
                </a:lnTo>
                <a:cubicBezTo>
                  <a:pt x="18808" y="806"/>
                  <a:pt x="18821" y="796"/>
                  <a:pt x="18819" y="796"/>
                </a:cubicBezTo>
                <a:cubicBezTo>
                  <a:pt x="18814" y="796"/>
                  <a:pt x="18757" y="828"/>
                  <a:pt x="18742" y="828"/>
                </a:cubicBezTo>
                <a:cubicBezTo>
                  <a:pt x="18738" y="828"/>
                  <a:pt x="18737" y="826"/>
                  <a:pt x="18741" y="820"/>
                </a:cubicBezTo>
                <a:cubicBezTo>
                  <a:pt x="19010" y="647"/>
                  <a:pt x="19494" y="380"/>
                  <a:pt x="19876" y="139"/>
                </a:cubicBezTo>
                <a:lnTo>
                  <a:pt x="19876" y="139"/>
                </a:lnTo>
                <a:cubicBezTo>
                  <a:pt x="19774" y="186"/>
                  <a:pt x="19675" y="239"/>
                  <a:pt x="19577" y="297"/>
                </a:cubicBezTo>
                <a:cubicBezTo>
                  <a:pt x="19620" y="245"/>
                  <a:pt x="19667" y="215"/>
                  <a:pt x="19641" y="215"/>
                </a:cubicBezTo>
                <a:cubicBezTo>
                  <a:pt x="19635" y="215"/>
                  <a:pt x="19624" y="217"/>
                  <a:pt x="19607" y="220"/>
                </a:cubicBezTo>
                <a:lnTo>
                  <a:pt x="19427" y="322"/>
                </a:lnTo>
                <a:lnTo>
                  <a:pt x="19410" y="299"/>
                </a:lnTo>
                <a:cubicBezTo>
                  <a:pt x="19459" y="271"/>
                  <a:pt x="19508" y="244"/>
                  <a:pt x="19554" y="220"/>
                </a:cubicBezTo>
                <a:cubicBezTo>
                  <a:pt x="19570" y="193"/>
                  <a:pt x="19830" y="68"/>
                  <a:pt x="19834" y="47"/>
                </a:cubicBezTo>
                <a:lnTo>
                  <a:pt x="19834" y="47"/>
                </a:lnTo>
                <a:lnTo>
                  <a:pt x="19682" y="137"/>
                </a:lnTo>
                <a:cubicBezTo>
                  <a:pt x="19671" y="141"/>
                  <a:pt x="19665" y="143"/>
                  <a:pt x="19662" y="143"/>
                </a:cubicBezTo>
                <a:cubicBezTo>
                  <a:pt x="19646" y="143"/>
                  <a:pt x="19795" y="57"/>
                  <a:pt x="19885"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 name="Google Shape;11;p2"/>
          <p:cNvSpPr/>
          <p:nvPr/>
        </p:nvSpPr>
        <p:spPr>
          <a:xfrm rot="883048">
            <a:off x="-816685" y="-741129"/>
            <a:ext cx="3786359" cy="3389867"/>
          </a:xfrm>
          <a:custGeom>
            <a:avLst/>
            <a:gdLst/>
            <a:ahLst/>
            <a:cxnLst/>
            <a:rect l="l" t="t" r="r" b="b"/>
            <a:pathLst>
              <a:path w="22222" h="19895" extrusionOk="0">
                <a:moveTo>
                  <a:pt x="21425" y="478"/>
                </a:moveTo>
                <a:lnTo>
                  <a:pt x="21425" y="478"/>
                </a:lnTo>
                <a:cubicBezTo>
                  <a:pt x="21399" y="494"/>
                  <a:pt x="21380" y="506"/>
                  <a:pt x="21366" y="516"/>
                </a:cubicBezTo>
                <a:lnTo>
                  <a:pt x="21366" y="516"/>
                </a:lnTo>
                <a:cubicBezTo>
                  <a:pt x="21382" y="506"/>
                  <a:pt x="21402" y="493"/>
                  <a:pt x="21425" y="478"/>
                </a:cubicBezTo>
                <a:close/>
                <a:moveTo>
                  <a:pt x="20697" y="1038"/>
                </a:moveTo>
                <a:lnTo>
                  <a:pt x="20628" y="1078"/>
                </a:lnTo>
                <a:cubicBezTo>
                  <a:pt x="20667" y="1056"/>
                  <a:pt x="20688" y="1044"/>
                  <a:pt x="20697" y="1038"/>
                </a:cubicBezTo>
                <a:close/>
                <a:moveTo>
                  <a:pt x="18339" y="2447"/>
                </a:moveTo>
                <a:cubicBezTo>
                  <a:pt x="18330" y="2453"/>
                  <a:pt x="18321" y="2459"/>
                  <a:pt x="18311" y="2466"/>
                </a:cubicBezTo>
                <a:lnTo>
                  <a:pt x="18311" y="2466"/>
                </a:lnTo>
                <a:cubicBezTo>
                  <a:pt x="18321" y="2460"/>
                  <a:pt x="18330" y="2453"/>
                  <a:pt x="18339" y="2447"/>
                </a:cubicBezTo>
                <a:close/>
                <a:moveTo>
                  <a:pt x="18107" y="4715"/>
                </a:moveTo>
                <a:lnTo>
                  <a:pt x="18108" y="4729"/>
                </a:lnTo>
                <a:lnTo>
                  <a:pt x="18110" y="4789"/>
                </a:lnTo>
                <a:cubicBezTo>
                  <a:pt x="18110" y="4761"/>
                  <a:pt x="18110" y="4740"/>
                  <a:pt x="18108" y="4724"/>
                </a:cubicBezTo>
                <a:cubicBezTo>
                  <a:pt x="18107" y="4721"/>
                  <a:pt x="18107" y="4718"/>
                  <a:pt x="18107" y="4715"/>
                </a:cubicBezTo>
                <a:close/>
                <a:moveTo>
                  <a:pt x="16783" y="6292"/>
                </a:moveTo>
                <a:cubicBezTo>
                  <a:pt x="16766" y="6302"/>
                  <a:pt x="16752" y="6310"/>
                  <a:pt x="16740" y="6317"/>
                </a:cubicBezTo>
                <a:lnTo>
                  <a:pt x="16740" y="6317"/>
                </a:lnTo>
                <a:cubicBezTo>
                  <a:pt x="16754" y="6309"/>
                  <a:pt x="16769" y="6301"/>
                  <a:pt x="16783" y="6292"/>
                </a:cubicBezTo>
                <a:close/>
                <a:moveTo>
                  <a:pt x="13246" y="6782"/>
                </a:moveTo>
                <a:lnTo>
                  <a:pt x="13246" y="6782"/>
                </a:lnTo>
                <a:cubicBezTo>
                  <a:pt x="13253" y="6783"/>
                  <a:pt x="13260" y="6783"/>
                  <a:pt x="13266" y="6783"/>
                </a:cubicBezTo>
                <a:cubicBezTo>
                  <a:pt x="13260" y="6783"/>
                  <a:pt x="13253" y="6783"/>
                  <a:pt x="13246" y="6782"/>
                </a:cubicBezTo>
                <a:close/>
                <a:moveTo>
                  <a:pt x="10960" y="7148"/>
                </a:moveTo>
                <a:lnTo>
                  <a:pt x="10960" y="7148"/>
                </a:lnTo>
                <a:cubicBezTo>
                  <a:pt x="10955" y="7150"/>
                  <a:pt x="10950" y="7152"/>
                  <a:pt x="10945" y="7154"/>
                </a:cubicBezTo>
                <a:cubicBezTo>
                  <a:pt x="10950" y="7152"/>
                  <a:pt x="10955" y="7150"/>
                  <a:pt x="10960" y="7148"/>
                </a:cubicBezTo>
                <a:close/>
                <a:moveTo>
                  <a:pt x="9681" y="7856"/>
                </a:moveTo>
                <a:cubicBezTo>
                  <a:pt x="9677" y="7858"/>
                  <a:pt x="9673" y="7861"/>
                  <a:pt x="9669" y="7864"/>
                </a:cubicBezTo>
                <a:lnTo>
                  <a:pt x="9669" y="7864"/>
                </a:lnTo>
                <a:cubicBezTo>
                  <a:pt x="9673" y="7861"/>
                  <a:pt x="9677" y="7859"/>
                  <a:pt x="9681" y="7856"/>
                </a:cubicBezTo>
                <a:close/>
                <a:moveTo>
                  <a:pt x="8694" y="8808"/>
                </a:moveTo>
                <a:lnTo>
                  <a:pt x="8694" y="8808"/>
                </a:lnTo>
                <a:cubicBezTo>
                  <a:pt x="8692" y="8809"/>
                  <a:pt x="8690" y="8811"/>
                  <a:pt x="8688" y="8812"/>
                </a:cubicBezTo>
                <a:lnTo>
                  <a:pt x="8688" y="8812"/>
                </a:lnTo>
                <a:cubicBezTo>
                  <a:pt x="8690" y="8811"/>
                  <a:pt x="8692" y="8809"/>
                  <a:pt x="8694" y="8808"/>
                </a:cubicBezTo>
                <a:close/>
                <a:moveTo>
                  <a:pt x="8397" y="9130"/>
                </a:moveTo>
                <a:lnTo>
                  <a:pt x="8397" y="9130"/>
                </a:lnTo>
                <a:cubicBezTo>
                  <a:pt x="8397" y="9130"/>
                  <a:pt x="8396" y="9131"/>
                  <a:pt x="8396" y="9131"/>
                </a:cubicBezTo>
                <a:lnTo>
                  <a:pt x="8396" y="9131"/>
                </a:lnTo>
                <a:cubicBezTo>
                  <a:pt x="8396" y="9131"/>
                  <a:pt x="8397" y="9130"/>
                  <a:pt x="8397" y="9130"/>
                </a:cubicBezTo>
                <a:close/>
                <a:moveTo>
                  <a:pt x="5094" y="17059"/>
                </a:moveTo>
                <a:cubicBezTo>
                  <a:pt x="5021" y="17061"/>
                  <a:pt x="4959" y="17063"/>
                  <a:pt x="4941" y="17066"/>
                </a:cubicBezTo>
                <a:cubicBezTo>
                  <a:pt x="4975" y="17069"/>
                  <a:pt x="5009" y="17070"/>
                  <a:pt x="5044" y="17070"/>
                </a:cubicBezTo>
                <a:lnTo>
                  <a:pt x="5044" y="17070"/>
                </a:lnTo>
                <a:cubicBezTo>
                  <a:pt x="5057" y="17067"/>
                  <a:pt x="5075" y="17063"/>
                  <a:pt x="5094" y="17059"/>
                </a:cubicBezTo>
                <a:close/>
                <a:moveTo>
                  <a:pt x="1863" y="17086"/>
                </a:moveTo>
                <a:cubicBezTo>
                  <a:pt x="1863" y="17087"/>
                  <a:pt x="1863" y="17087"/>
                  <a:pt x="1863" y="17087"/>
                </a:cubicBezTo>
                <a:cubicBezTo>
                  <a:pt x="1863" y="17087"/>
                  <a:pt x="1863" y="17087"/>
                  <a:pt x="1863" y="17086"/>
                </a:cubicBezTo>
                <a:close/>
                <a:moveTo>
                  <a:pt x="5125" y="17094"/>
                </a:moveTo>
                <a:lnTo>
                  <a:pt x="5031" y="17105"/>
                </a:lnTo>
                <a:lnTo>
                  <a:pt x="5056" y="17107"/>
                </a:lnTo>
                <a:lnTo>
                  <a:pt x="5056" y="17107"/>
                </a:lnTo>
                <a:cubicBezTo>
                  <a:pt x="5076" y="17104"/>
                  <a:pt x="5107" y="17099"/>
                  <a:pt x="5125" y="17094"/>
                </a:cubicBezTo>
                <a:close/>
                <a:moveTo>
                  <a:pt x="5056" y="17107"/>
                </a:moveTo>
                <a:cubicBezTo>
                  <a:pt x="5038" y="17110"/>
                  <a:pt x="5027" y="17112"/>
                  <a:pt x="5039" y="17112"/>
                </a:cubicBezTo>
                <a:cubicBezTo>
                  <a:pt x="5046" y="17112"/>
                  <a:pt x="5061" y="17112"/>
                  <a:pt x="5087" y="17110"/>
                </a:cubicBezTo>
                <a:lnTo>
                  <a:pt x="5056" y="17107"/>
                </a:lnTo>
                <a:close/>
                <a:moveTo>
                  <a:pt x="652" y="17768"/>
                </a:moveTo>
                <a:cubicBezTo>
                  <a:pt x="652" y="17768"/>
                  <a:pt x="652" y="17768"/>
                  <a:pt x="652" y="17768"/>
                </a:cubicBezTo>
                <a:lnTo>
                  <a:pt x="652" y="17768"/>
                </a:lnTo>
                <a:lnTo>
                  <a:pt x="656" y="17770"/>
                </a:lnTo>
                <a:cubicBezTo>
                  <a:pt x="655" y="17768"/>
                  <a:pt x="654" y="17768"/>
                  <a:pt x="652" y="17768"/>
                </a:cubicBezTo>
                <a:close/>
                <a:moveTo>
                  <a:pt x="426" y="18231"/>
                </a:moveTo>
                <a:cubicBezTo>
                  <a:pt x="425" y="18235"/>
                  <a:pt x="425" y="18238"/>
                  <a:pt x="424" y="18242"/>
                </a:cubicBezTo>
                <a:lnTo>
                  <a:pt x="424" y="18242"/>
                </a:lnTo>
                <a:cubicBezTo>
                  <a:pt x="425" y="18238"/>
                  <a:pt x="426" y="18235"/>
                  <a:pt x="426" y="18231"/>
                </a:cubicBezTo>
                <a:close/>
                <a:moveTo>
                  <a:pt x="339" y="18725"/>
                </a:moveTo>
                <a:cubicBezTo>
                  <a:pt x="340" y="18735"/>
                  <a:pt x="340" y="18745"/>
                  <a:pt x="341" y="18755"/>
                </a:cubicBezTo>
                <a:cubicBezTo>
                  <a:pt x="341" y="18745"/>
                  <a:pt x="340" y="18735"/>
                  <a:pt x="339" y="18725"/>
                </a:cubicBezTo>
                <a:close/>
                <a:moveTo>
                  <a:pt x="533" y="19591"/>
                </a:moveTo>
                <a:lnTo>
                  <a:pt x="533" y="19591"/>
                </a:lnTo>
                <a:cubicBezTo>
                  <a:pt x="533" y="19591"/>
                  <a:pt x="533" y="19592"/>
                  <a:pt x="534" y="19592"/>
                </a:cubicBezTo>
                <a:lnTo>
                  <a:pt x="534" y="19592"/>
                </a:lnTo>
                <a:cubicBezTo>
                  <a:pt x="533" y="19592"/>
                  <a:pt x="533" y="19591"/>
                  <a:pt x="533" y="19591"/>
                </a:cubicBezTo>
                <a:close/>
                <a:moveTo>
                  <a:pt x="534" y="19592"/>
                </a:moveTo>
                <a:lnTo>
                  <a:pt x="534" y="19592"/>
                </a:lnTo>
                <a:cubicBezTo>
                  <a:pt x="543" y="19604"/>
                  <a:pt x="554" y="19620"/>
                  <a:pt x="568" y="19635"/>
                </a:cubicBezTo>
                <a:lnTo>
                  <a:pt x="568" y="19635"/>
                </a:lnTo>
                <a:cubicBezTo>
                  <a:pt x="561" y="19626"/>
                  <a:pt x="550" y="19612"/>
                  <a:pt x="534" y="19592"/>
                </a:cubicBezTo>
                <a:close/>
                <a:moveTo>
                  <a:pt x="22222" y="1"/>
                </a:moveTo>
                <a:lnTo>
                  <a:pt x="22222" y="1"/>
                </a:lnTo>
                <a:cubicBezTo>
                  <a:pt x="22099" y="52"/>
                  <a:pt x="21851" y="216"/>
                  <a:pt x="21608" y="358"/>
                </a:cubicBezTo>
                <a:cubicBezTo>
                  <a:pt x="21624" y="358"/>
                  <a:pt x="21515" y="435"/>
                  <a:pt x="21530" y="435"/>
                </a:cubicBezTo>
                <a:cubicBezTo>
                  <a:pt x="21536" y="435"/>
                  <a:pt x="21565" y="421"/>
                  <a:pt x="21636" y="381"/>
                </a:cubicBezTo>
                <a:lnTo>
                  <a:pt x="21636" y="381"/>
                </a:lnTo>
                <a:cubicBezTo>
                  <a:pt x="21640" y="392"/>
                  <a:pt x="21501" y="478"/>
                  <a:pt x="21409" y="534"/>
                </a:cubicBezTo>
                <a:cubicBezTo>
                  <a:pt x="21415" y="529"/>
                  <a:pt x="21416" y="527"/>
                  <a:pt x="21413" y="527"/>
                </a:cubicBezTo>
                <a:cubicBezTo>
                  <a:pt x="21402" y="527"/>
                  <a:pt x="21354" y="546"/>
                  <a:pt x="21339" y="546"/>
                </a:cubicBezTo>
                <a:cubicBezTo>
                  <a:pt x="21330" y="546"/>
                  <a:pt x="21334" y="539"/>
                  <a:pt x="21366" y="516"/>
                </a:cubicBezTo>
                <a:lnTo>
                  <a:pt x="21366" y="516"/>
                </a:lnTo>
                <a:cubicBezTo>
                  <a:pt x="21244" y="595"/>
                  <a:pt x="21305" y="548"/>
                  <a:pt x="21101" y="673"/>
                </a:cubicBezTo>
                <a:cubicBezTo>
                  <a:pt x="21102" y="671"/>
                  <a:pt x="21102" y="671"/>
                  <a:pt x="21102" y="671"/>
                </a:cubicBezTo>
                <a:cubicBezTo>
                  <a:pt x="21092" y="671"/>
                  <a:pt x="20747" y="875"/>
                  <a:pt x="20712" y="875"/>
                </a:cubicBezTo>
                <a:cubicBezTo>
                  <a:pt x="20709" y="875"/>
                  <a:pt x="20708" y="874"/>
                  <a:pt x="20709" y="872"/>
                </a:cubicBezTo>
                <a:lnTo>
                  <a:pt x="20709" y="872"/>
                </a:lnTo>
                <a:cubicBezTo>
                  <a:pt x="20640" y="923"/>
                  <a:pt x="20730" y="900"/>
                  <a:pt x="20459" y="1057"/>
                </a:cubicBezTo>
                <a:cubicBezTo>
                  <a:pt x="20513" y="1040"/>
                  <a:pt x="20688" y="945"/>
                  <a:pt x="20706" y="945"/>
                </a:cubicBezTo>
                <a:cubicBezTo>
                  <a:pt x="20712" y="945"/>
                  <a:pt x="20697" y="958"/>
                  <a:pt x="20644" y="995"/>
                </a:cubicBezTo>
                <a:lnTo>
                  <a:pt x="20769" y="909"/>
                </a:lnTo>
                <a:cubicBezTo>
                  <a:pt x="20829" y="878"/>
                  <a:pt x="20848" y="870"/>
                  <a:pt x="20853" y="870"/>
                </a:cubicBezTo>
                <a:cubicBezTo>
                  <a:pt x="20859" y="870"/>
                  <a:pt x="20848" y="879"/>
                  <a:pt x="20853" y="879"/>
                </a:cubicBezTo>
                <a:cubicBezTo>
                  <a:pt x="20859" y="879"/>
                  <a:pt x="20885" y="867"/>
                  <a:pt x="20978" y="816"/>
                </a:cubicBezTo>
                <a:lnTo>
                  <a:pt x="20978" y="816"/>
                </a:lnTo>
                <a:cubicBezTo>
                  <a:pt x="20904" y="858"/>
                  <a:pt x="20762" y="951"/>
                  <a:pt x="20723" y="960"/>
                </a:cubicBezTo>
                <a:cubicBezTo>
                  <a:pt x="20724" y="960"/>
                  <a:pt x="20725" y="960"/>
                  <a:pt x="20726" y="960"/>
                </a:cubicBezTo>
                <a:cubicBezTo>
                  <a:pt x="20791" y="960"/>
                  <a:pt x="20366" y="1185"/>
                  <a:pt x="20369" y="1215"/>
                </a:cubicBezTo>
                <a:cubicBezTo>
                  <a:pt x="20308" y="1238"/>
                  <a:pt x="20237" y="1277"/>
                  <a:pt x="20102" y="1358"/>
                </a:cubicBezTo>
                <a:cubicBezTo>
                  <a:pt x="20116" y="1340"/>
                  <a:pt x="20035" y="1374"/>
                  <a:pt x="20137" y="1307"/>
                </a:cubicBezTo>
                <a:cubicBezTo>
                  <a:pt x="20225" y="1261"/>
                  <a:pt x="20288" y="1222"/>
                  <a:pt x="20387" y="1173"/>
                </a:cubicBezTo>
                <a:cubicBezTo>
                  <a:pt x="20315" y="1173"/>
                  <a:pt x="20030" y="1365"/>
                  <a:pt x="19801" y="1488"/>
                </a:cubicBezTo>
                <a:cubicBezTo>
                  <a:pt x="19815" y="1481"/>
                  <a:pt x="19825" y="1477"/>
                  <a:pt x="19828" y="1477"/>
                </a:cubicBezTo>
                <a:cubicBezTo>
                  <a:pt x="19832" y="1477"/>
                  <a:pt x="19821" y="1486"/>
                  <a:pt x="19785" y="1511"/>
                </a:cubicBezTo>
                <a:cubicBezTo>
                  <a:pt x="19668" y="1574"/>
                  <a:pt x="19431" y="1704"/>
                  <a:pt x="19408" y="1704"/>
                </a:cubicBezTo>
                <a:cubicBezTo>
                  <a:pt x="19404" y="1704"/>
                  <a:pt x="19407" y="1700"/>
                  <a:pt x="19419" y="1689"/>
                </a:cubicBezTo>
                <a:lnTo>
                  <a:pt x="19419" y="1689"/>
                </a:lnTo>
                <a:lnTo>
                  <a:pt x="18726" y="2093"/>
                </a:lnTo>
                <a:cubicBezTo>
                  <a:pt x="18719" y="2088"/>
                  <a:pt x="18824" y="2032"/>
                  <a:pt x="18865" y="2007"/>
                </a:cubicBezTo>
                <a:lnTo>
                  <a:pt x="18865" y="2007"/>
                </a:lnTo>
                <a:lnTo>
                  <a:pt x="18671" y="2118"/>
                </a:lnTo>
                <a:cubicBezTo>
                  <a:pt x="18606" y="2155"/>
                  <a:pt x="18541" y="2194"/>
                  <a:pt x="18474" y="2234"/>
                </a:cubicBezTo>
                <a:cubicBezTo>
                  <a:pt x="18460" y="2240"/>
                  <a:pt x="18453" y="2243"/>
                  <a:pt x="18451" y="2243"/>
                </a:cubicBezTo>
                <a:cubicBezTo>
                  <a:pt x="18445" y="2243"/>
                  <a:pt x="18471" y="2224"/>
                  <a:pt x="18506" y="2199"/>
                </a:cubicBezTo>
                <a:cubicBezTo>
                  <a:pt x="18555" y="2167"/>
                  <a:pt x="18620" y="2125"/>
                  <a:pt x="18636" y="2109"/>
                </a:cubicBezTo>
                <a:lnTo>
                  <a:pt x="18636" y="2109"/>
                </a:lnTo>
                <a:cubicBezTo>
                  <a:pt x="18543" y="2164"/>
                  <a:pt x="18446" y="2222"/>
                  <a:pt x="18351" y="2287"/>
                </a:cubicBezTo>
                <a:lnTo>
                  <a:pt x="18386" y="2250"/>
                </a:lnTo>
                <a:lnTo>
                  <a:pt x="18386" y="2250"/>
                </a:lnTo>
                <a:cubicBezTo>
                  <a:pt x="18353" y="2278"/>
                  <a:pt x="18254" y="2345"/>
                  <a:pt x="18154" y="2424"/>
                </a:cubicBezTo>
                <a:cubicBezTo>
                  <a:pt x="18055" y="2505"/>
                  <a:pt x="17960" y="2593"/>
                  <a:pt x="17918" y="2630"/>
                </a:cubicBezTo>
                <a:cubicBezTo>
                  <a:pt x="17862" y="2692"/>
                  <a:pt x="17814" y="2762"/>
                  <a:pt x="17774" y="2836"/>
                </a:cubicBezTo>
                <a:cubicBezTo>
                  <a:pt x="17758" y="2864"/>
                  <a:pt x="17744" y="2894"/>
                  <a:pt x="17733" y="2924"/>
                </a:cubicBezTo>
                <a:cubicBezTo>
                  <a:pt x="17721" y="2952"/>
                  <a:pt x="17709" y="2982"/>
                  <a:pt x="17700" y="3010"/>
                </a:cubicBezTo>
                <a:cubicBezTo>
                  <a:pt x="17679" y="3079"/>
                  <a:pt x="17661" y="3151"/>
                  <a:pt x="17647" y="3221"/>
                </a:cubicBezTo>
                <a:cubicBezTo>
                  <a:pt x="17640" y="3269"/>
                  <a:pt x="17633" y="3318"/>
                  <a:pt x="17628" y="3367"/>
                </a:cubicBezTo>
                <a:cubicBezTo>
                  <a:pt x="17624" y="3427"/>
                  <a:pt x="17621" y="3489"/>
                  <a:pt x="17624" y="3552"/>
                </a:cubicBezTo>
                <a:cubicBezTo>
                  <a:pt x="17614" y="3533"/>
                  <a:pt x="17612" y="3513"/>
                  <a:pt x="17612" y="3494"/>
                </a:cubicBezTo>
                <a:cubicBezTo>
                  <a:pt x="17612" y="3475"/>
                  <a:pt x="17610" y="3457"/>
                  <a:pt x="17610" y="3436"/>
                </a:cubicBezTo>
                <a:cubicBezTo>
                  <a:pt x="17610" y="3418"/>
                  <a:pt x="17612" y="3394"/>
                  <a:pt x="17614" y="3369"/>
                </a:cubicBezTo>
                <a:cubicBezTo>
                  <a:pt x="17619" y="3279"/>
                  <a:pt x="17635" y="3186"/>
                  <a:pt x="17656" y="3098"/>
                </a:cubicBezTo>
                <a:lnTo>
                  <a:pt x="17656" y="3098"/>
                </a:lnTo>
                <a:cubicBezTo>
                  <a:pt x="17651" y="3112"/>
                  <a:pt x="17647" y="3128"/>
                  <a:pt x="17640" y="3149"/>
                </a:cubicBezTo>
                <a:cubicBezTo>
                  <a:pt x="17633" y="3172"/>
                  <a:pt x="17628" y="3193"/>
                  <a:pt x="17624" y="3216"/>
                </a:cubicBezTo>
                <a:cubicBezTo>
                  <a:pt x="17621" y="3241"/>
                  <a:pt x="17617" y="3267"/>
                  <a:pt x="17612" y="3295"/>
                </a:cubicBezTo>
                <a:cubicBezTo>
                  <a:pt x="17607" y="3320"/>
                  <a:pt x="17607" y="3348"/>
                  <a:pt x="17605" y="3374"/>
                </a:cubicBezTo>
                <a:cubicBezTo>
                  <a:pt x="17598" y="3482"/>
                  <a:pt x="17605" y="3577"/>
                  <a:pt x="17598" y="3605"/>
                </a:cubicBezTo>
                <a:cubicBezTo>
                  <a:pt x="17603" y="3647"/>
                  <a:pt x="17610" y="3691"/>
                  <a:pt x="17617" y="3730"/>
                </a:cubicBezTo>
                <a:cubicBezTo>
                  <a:pt x="17624" y="3760"/>
                  <a:pt x="17631" y="3790"/>
                  <a:pt x="17640" y="3821"/>
                </a:cubicBezTo>
                <a:cubicBezTo>
                  <a:pt x="17649" y="3858"/>
                  <a:pt x="17663" y="3895"/>
                  <a:pt x="17677" y="3929"/>
                </a:cubicBezTo>
                <a:cubicBezTo>
                  <a:pt x="17700" y="3983"/>
                  <a:pt x="17721" y="4013"/>
                  <a:pt x="17751" y="4092"/>
                </a:cubicBezTo>
                <a:cubicBezTo>
                  <a:pt x="17777" y="4192"/>
                  <a:pt x="17784" y="4223"/>
                  <a:pt x="17780" y="4223"/>
                </a:cubicBezTo>
                <a:cubicBezTo>
                  <a:pt x="17776" y="4223"/>
                  <a:pt x="17746" y="4138"/>
                  <a:pt x="17742" y="4138"/>
                </a:cubicBezTo>
                <a:cubicBezTo>
                  <a:pt x="17742" y="4138"/>
                  <a:pt x="17742" y="4138"/>
                  <a:pt x="17742" y="4138"/>
                </a:cubicBezTo>
                <a:cubicBezTo>
                  <a:pt x="17760" y="4219"/>
                  <a:pt x="17827" y="4342"/>
                  <a:pt x="17818" y="4416"/>
                </a:cubicBezTo>
                <a:cubicBezTo>
                  <a:pt x="17830" y="4458"/>
                  <a:pt x="17844" y="4495"/>
                  <a:pt x="17862" y="4534"/>
                </a:cubicBezTo>
                <a:cubicBezTo>
                  <a:pt x="17863" y="4535"/>
                  <a:pt x="17864" y="4536"/>
                  <a:pt x="17865" y="4536"/>
                </a:cubicBezTo>
                <a:cubicBezTo>
                  <a:pt x="17871" y="4536"/>
                  <a:pt x="17870" y="4502"/>
                  <a:pt x="17855" y="4418"/>
                </a:cubicBezTo>
                <a:lnTo>
                  <a:pt x="17855" y="4418"/>
                </a:lnTo>
                <a:cubicBezTo>
                  <a:pt x="17872" y="4488"/>
                  <a:pt x="17888" y="4571"/>
                  <a:pt x="17899" y="4641"/>
                </a:cubicBezTo>
                <a:cubicBezTo>
                  <a:pt x="17906" y="4675"/>
                  <a:pt x="17911" y="4705"/>
                  <a:pt x="17916" y="4731"/>
                </a:cubicBezTo>
                <a:cubicBezTo>
                  <a:pt x="17918" y="4756"/>
                  <a:pt x="17920" y="4773"/>
                  <a:pt x="17922" y="4782"/>
                </a:cubicBezTo>
                <a:cubicBezTo>
                  <a:pt x="17918" y="4764"/>
                  <a:pt x="17914" y="4756"/>
                  <a:pt x="17912" y="4756"/>
                </a:cubicBezTo>
                <a:cubicBezTo>
                  <a:pt x="17907" y="4756"/>
                  <a:pt x="17906" y="4785"/>
                  <a:pt x="17906" y="4821"/>
                </a:cubicBezTo>
                <a:cubicBezTo>
                  <a:pt x="17906" y="4847"/>
                  <a:pt x="17904" y="4875"/>
                  <a:pt x="17899" y="4902"/>
                </a:cubicBezTo>
                <a:cubicBezTo>
                  <a:pt x="17897" y="4928"/>
                  <a:pt x="17892" y="4946"/>
                  <a:pt x="17885" y="4949"/>
                </a:cubicBezTo>
                <a:cubicBezTo>
                  <a:pt x="17883" y="4974"/>
                  <a:pt x="17878" y="5002"/>
                  <a:pt x="17874" y="5032"/>
                </a:cubicBezTo>
                <a:cubicBezTo>
                  <a:pt x="17869" y="5065"/>
                  <a:pt x="17862" y="5097"/>
                  <a:pt x="17853" y="5132"/>
                </a:cubicBezTo>
                <a:cubicBezTo>
                  <a:pt x="17848" y="5150"/>
                  <a:pt x="17844" y="5169"/>
                  <a:pt x="17839" y="5185"/>
                </a:cubicBezTo>
                <a:cubicBezTo>
                  <a:pt x="17837" y="5194"/>
                  <a:pt x="17834" y="5204"/>
                  <a:pt x="17832" y="5215"/>
                </a:cubicBezTo>
                <a:lnTo>
                  <a:pt x="17821" y="5243"/>
                </a:lnTo>
                <a:cubicBezTo>
                  <a:pt x="17816" y="5261"/>
                  <a:pt x="17809" y="5280"/>
                  <a:pt x="17802" y="5301"/>
                </a:cubicBezTo>
                <a:lnTo>
                  <a:pt x="17781" y="5354"/>
                </a:lnTo>
                <a:cubicBezTo>
                  <a:pt x="17767" y="5393"/>
                  <a:pt x="17746" y="5428"/>
                  <a:pt x="17730" y="5463"/>
                </a:cubicBezTo>
                <a:cubicBezTo>
                  <a:pt x="17716" y="5500"/>
                  <a:pt x="17695" y="5532"/>
                  <a:pt x="17679" y="5563"/>
                </a:cubicBezTo>
                <a:cubicBezTo>
                  <a:pt x="17661" y="5595"/>
                  <a:pt x="17642" y="5625"/>
                  <a:pt x="17628" y="5651"/>
                </a:cubicBezTo>
                <a:cubicBezTo>
                  <a:pt x="17612" y="5676"/>
                  <a:pt x="17596" y="5702"/>
                  <a:pt x="17584" y="5722"/>
                </a:cubicBezTo>
                <a:lnTo>
                  <a:pt x="17596" y="5660"/>
                </a:lnTo>
                <a:lnTo>
                  <a:pt x="17561" y="5709"/>
                </a:lnTo>
                <a:lnTo>
                  <a:pt x="17524" y="5755"/>
                </a:lnTo>
                <a:cubicBezTo>
                  <a:pt x="17499" y="5787"/>
                  <a:pt x="17471" y="5815"/>
                  <a:pt x="17445" y="5845"/>
                </a:cubicBezTo>
                <a:cubicBezTo>
                  <a:pt x="17422" y="5865"/>
                  <a:pt x="17410" y="5874"/>
                  <a:pt x="17407" y="5874"/>
                </a:cubicBezTo>
                <a:cubicBezTo>
                  <a:pt x="17405" y="5874"/>
                  <a:pt x="17406" y="5872"/>
                  <a:pt x="17408" y="5868"/>
                </a:cubicBezTo>
                <a:cubicBezTo>
                  <a:pt x="17415" y="5857"/>
                  <a:pt x="17438" y="5829"/>
                  <a:pt x="17468" y="5797"/>
                </a:cubicBezTo>
                <a:cubicBezTo>
                  <a:pt x="17529" y="5727"/>
                  <a:pt x="17584" y="5653"/>
                  <a:pt x="17633" y="5576"/>
                </a:cubicBezTo>
                <a:lnTo>
                  <a:pt x="17633" y="5576"/>
                </a:lnTo>
                <a:cubicBezTo>
                  <a:pt x="17554" y="5695"/>
                  <a:pt x="17462" y="5803"/>
                  <a:pt x="17360" y="5901"/>
                </a:cubicBezTo>
                <a:cubicBezTo>
                  <a:pt x="17260" y="5996"/>
                  <a:pt x="17153" y="6081"/>
                  <a:pt x="17038" y="6158"/>
                </a:cubicBezTo>
                <a:cubicBezTo>
                  <a:pt x="17073" y="6137"/>
                  <a:pt x="17084" y="6134"/>
                  <a:pt x="17089" y="6134"/>
                </a:cubicBezTo>
                <a:cubicBezTo>
                  <a:pt x="17092" y="6134"/>
                  <a:pt x="17093" y="6135"/>
                  <a:pt x="17097" y="6135"/>
                </a:cubicBezTo>
                <a:cubicBezTo>
                  <a:pt x="17100" y="6135"/>
                  <a:pt x="17105" y="6134"/>
                  <a:pt x="17114" y="6130"/>
                </a:cubicBezTo>
                <a:lnTo>
                  <a:pt x="17114" y="6130"/>
                </a:lnTo>
                <a:cubicBezTo>
                  <a:pt x="17038" y="6202"/>
                  <a:pt x="16910" y="6269"/>
                  <a:pt x="16815" y="6322"/>
                </a:cubicBezTo>
                <a:cubicBezTo>
                  <a:pt x="16811" y="6323"/>
                  <a:pt x="16808" y="6323"/>
                  <a:pt x="16806" y="6323"/>
                </a:cubicBezTo>
                <a:cubicBezTo>
                  <a:pt x="16794" y="6323"/>
                  <a:pt x="16810" y="6311"/>
                  <a:pt x="16871" y="6274"/>
                </a:cubicBezTo>
                <a:lnTo>
                  <a:pt x="16871" y="6274"/>
                </a:lnTo>
                <a:cubicBezTo>
                  <a:pt x="16811" y="6308"/>
                  <a:pt x="16750" y="6343"/>
                  <a:pt x="16688" y="6373"/>
                </a:cubicBezTo>
                <a:cubicBezTo>
                  <a:pt x="16694" y="6352"/>
                  <a:pt x="16620" y="6387"/>
                  <a:pt x="16740" y="6317"/>
                </a:cubicBezTo>
                <a:lnTo>
                  <a:pt x="16740" y="6317"/>
                </a:lnTo>
                <a:cubicBezTo>
                  <a:pt x="16726" y="6324"/>
                  <a:pt x="16713" y="6332"/>
                  <a:pt x="16699" y="6339"/>
                </a:cubicBezTo>
                <a:cubicBezTo>
                  <a:pt x="16669" y="6352"/>
                  <a:pt x="16641" y="6366"/>
                  <a:pt x="16611" y="6380"/>
                </a:cubicBezTo>
                <a:cubicBezTo>
                  <a:pt x="16558" y="6403"/>
                  <a:pt x="16534" y="6411"/>
                  <a:pt x="16528" y="6411"/>
                </a:cubicBezTo>
                <a:cubicBezTo>
                  <a:pt x="16524" y="6411"/>
                  <a:pt x="16532" y="6406"/>
                  <a:pt x="16547" y="6399"/>
                </a:cubicBezTo>
                <a:cubicBezTo>
                  <a:pt x="16577" y="6383"/>
                  <a:pt x="16637" y="6350"/>
                  <a:pt x="16658" y="6336"/>
                </a:cubicBezTo>
                <a:lnTo>
                  <a:pt x="16658" y="6336"/>
                </a:lnTo>
                <a:cubicBezTo>
                  <a:pt x="16558" y="6383"/>
                  <a:pt x="16456" y="6424"/>
                  <a:pt x="16350" y="6459"/>
                </a:cubicBezTo>
                <a:cubicBezTo>
                  <a:pt x="16296" y="6482"/>
                  <a:pt x="16313" y="6480"/>
                  <a:pt x="16317" y="6482"/>
                </a:cubicBezTo>
                <a:cubicBezTo>
                  <a:pt x="16322" y="6485"/>
                  <a:pt x="16313" y="6491"/>
                  <a:pt x="16201" y="6526"/>
                </a:cubicBezTo>
                <a:cubicBezTo>
                  <a:pt x="16037" y="6566"/>
                  <a:pt x="15870" y="6596"/>
                  <a:pt x="15701" y="6614"/>
                </a:cubicBezTo>
                <a:cubicBezTo>
                  <a:pt x="15615" y="6624"/>
                  <a:pt x="15518" y="6626"/>
                  <a:pt x="15428" y="6633"/>
                </a:cubicBezTo>
                <a:cubicBezTo>
                  <a:pt x="15404" y="6634"/>
                  <a:pt x="15381" y="6634"/>
                  <a:pt x="15357" y="6634"/>
                </a:cubicBezTo>
                <a:cubicBezTo>
                  <a:pt x="15334" y="6634"/>
                  <a:pt x="15311" y="6634"/>
                  <a:pt x="15289" y="6635"/>
                </a:cubicBezTo>
                <a:lnTo>
                  <a:pt x="15150" y="6635"/>
                </a:lnTo>
                <a:cubicBezTo>
                  <a:pt x="15235" y="6640"/>
                  <a:pt x="15319" y="6644"/>
                  <a:pt x="15404" y="6649"/>
                </a:cubicBezTo>
                <a:cubicBezTo>
                  <a:pt x="15187" y="6649"/>
                  <a:pt x="15231" y="6677"/>
                  <a:pt x="15164" y="6688"/>
                </a:cubicBezTo>
                <a:cubicBezTo>
                  <a:pt x="14962" y="6684"/>
                  <a:pt x="14686" y="6670"/>
                  <a:pt x="14513" y="6649"/>
                </a:cubicBezTo>
                <a:cubicBezTo>
                  <a:pt x="14712" y="6649"/>
                  <a:pt x="14631" y="6624"/>
                  <a:pt x="14448" y="6596"/>
                </a:cubicBezTo>
                <a:cubicBezTo>
                  <a:pt x="14301" y="6583"/>
                  <a:pt x="14219" y="6579"/>
                  <a:pt x="14163" y="6579"/>
                </a:cubicBezTo>
                <a:cubicBezTo>
                  <a:pt x="14084" y="6579"/>
                  <a:pt x="14058" y="6586"/>
                  <a:pt x="13980" y="6586"/>
                </a:cubicBezTo>
                <a:cubicBezTo>
                  <a:pt x="13958" y="6586"/>
                  <a:pt x="13931" y="6586"/>
                  <a:pt x="13896" y="6584"/>
                </a:cubicBezTo>
                <a:cubicBezTo>
                  <a:pt x="14082" y="6566"/>
                  <a:pt x="13602" y="6545"/>
                  <a:pt x="13646" y="6531"/>
                </a:cubicBezTo>
                <a:cubicBezTo>
                  <a:pt x="13381" y="6508"/>
                  <a:pt x="13111" y="6492"/>
                  <a:pt x="12836" y="6492"/>
                </a:cubicBezTo>
                <a:cubicBezTo>
                  <a:pt x="12552" y="6492"/>
                  <a:pt x="12263" y="6509"/>
                  <a:pt x="11969" y="6554"/>
                </a:cubicBezTo>
                <a:cubicBezTo>
                  <a:pt x="11970" y="6554"/>
                  <a:pt x="11971" y="6554"/>
                  <a:pt x="11973" y="6554"/>
                </a:cubicBezTo>
                <a:cubicBezTo>
                  <a:pt x="11986" y="6554"/>
                  <a:pt x="12022" y="6549"/>
                  <a:pt x="12048" y="6549"/>
                </a:cubicBezTo>
                <a:cubicBezTo>
                  <a:pt x="12055" y="6549"/>
                  <a:pt x="12061" y="6549"/>
                  <a:pt x="12066" y="6549"/>
                </a:cubicBezTo>
                <a:cubicBezTo>
                  <a:pt x="12082" y="6549"/>
                  <a:pt x="12083" y="6552"/>
                  <a:pt x="12046" y="6559"/>
                </a:cubicBezTo>
                <a:cubicBezTo>
                  <a:pt x="11835" y="6593"/>
                  <a:pt x="11735" y="6603"/>
                  <a:pt x="11705" y="6603"/>
                </a:cubicBezTo>
                <a:cubicBezTo>
                  <a:pt x="11596" y="6626"/>
                  <a:pt x="11490" y="6656"/>
                  <a:pt x="11385" y="6693"/>
                </a:cubicBezTo>
                <a:cubicBezTo>
                  <a:pt x="11325" y="6714"/>
                  <a:pt x="11265" y="6737"/>
                  <a:pt x="11207" y="6765"/>
                </a:cubicBezTo>
                <a:cubicBezTo>
                  <a:pt x="11273" y="6740"/>
                  <a:pt x="11304" y="6731"/>
                  <a:pt x="11314" y="6731"/>
                </a:cubicBezTo>
                <a:cubicBezTo>
                  <a:pt x="11321" y="6731"/>
                  <a:pt x="11319" y="6735"/>
                  <a:pt x="11311" y="6742"/>
                </a:cubicBezTo>
                <a:cubicBezTo>
                  <a:pt x="11184" y="6786"/>
                  <a:pt x="11135" y="6795"/>
                  <a:pt x="11089" y="6811"/>
                </a:cubicBezTo>
                <a:cubicBezTo>
                  <a:pt x="11066" y="6816"/>
                  <a:pt x="11043" y="6823"/>
                  <a:pt x="11013" y="6837"/>
                </a:cubicBezTo>
                <a:cubicBezTo>
                  <a:pt x="10968" y="6853"/>
                  <a:pt x="10924" y="6871"/>
                  <a:pt x="10883" y="6895"/>
                </a:cubicBezTo>
                <a:cubicBezTo>
                  <a:pt x="10881" y="6895"/>
                  <a:pt x="10879" y="6895"/>
                  <a:pt x="10877" y="6895"/>
                </a:cubicBezTo>
                <a:cubicBezTo>
                  <a:pt x="10856" y="6895"/>
                  <a:pt x="10915" y="6865"/>
                  <a:pt x="10985" y="6837"/>
                </a:cubicBezTo>
                <a:cubicBezTo>
                  <a:pt x="11057" y="6804"/>
                  <a:pt x="11133" y="6774"/>
                  <a:pt x="11117" y="6769"/>
                </a:cubicBezTo>
                <a:lnTo>
                  <a:pt x="11117" y="6769"/>
                </a:lnTo>
                <a:cubicBezTo>
                  <a:pt x="10938" y="6834"/>
                  <a:pt x="10765" y="6913"/>
                  <a:pt x="10600" y="7006"/>
                </a:cubicBezTo>
                <a:cubicBezTo>
                  <a:pt x="10599" y="7006"/>
                  <a:pt x="10598" y="7006"/>
                  <a:pt x="10597" y="7006"/>
                </a:cubicBezTo>
                <a:cubicBezTo>
                  <a:pt x="10576" y="7006"/>
                  <a:pt x="10667" y="6966"/>
                  <a:pt x="10664" y="6966"/>
                </a:cubicBezTo>
                <a:cubicBezTo>
                  <a:pt x="10663" y="6966"/>
                  <a:pt x="10651" y="6971"/>
                  <a:pt x="10621" y="6983"/>
                </a:cubicBezTo>
                <a:cubicBezTo>
                  <a:pt x="10454" y="7066"/>
                  <a:pt x="10276" y="7168"/>
                  <a:pt x="10114" y="7272"/>
                </a:cubicBezTo>
                <a:cubicBezTo>
                  <a:pt x="9952" y="7374"/>
                  <a:pt x="9806" y="7481"/>
                  <a:pt x="9694" y="7564"/>
                </a:cubicBezTo>
                <a:cubicBezTo>
                  <a:pt x="9671" y="7573"/>
                  <a:pt x="9648" y="7583"/>
                  <a:pt x="9625" y="7592"/>
                </a:cubicBezTo>
                <a:cubicBezTo>
                  <a:pt x="9523" y="7666"/>
                  <a:pt x="9426" y="7745"/>
                  <a:pt x="9333" y="7828"/>
                </a:cubicBezTo>
                <a:cubicBezTo>
                  <a:pt x="9309" y="7845"/>
                  <a:pt x="9298" y="7852"/>
                  <a:pt x="9295" y="7852"/>
                </a:cubicBezTo>
                <a:cubicBezTo>
                  <a:pt x="9290" y="7852"/>
                  <a:pt x="9332" y="7815"/>
                  <a:pt x="9382" y="7775"/>
                </a:cubicBezTo>
                <a:lnTo>
                  <a:pt x="9382" y="7775"/>
                </a:lnTo>
                <a:cubicBezTo>
                  <a:pt x="9192" y="7921"/>
                  <a:pt x="8983" y="8120"/>
                  <a:pt x="8884" y="8210"/>
                </a:cubicBezTo>
                <a:cubicBezTo>
                  <a:pt x="8893" y="8187"/>
                  <a:pt x="8983" y="8120"/>
                  <a:pt x="9009" y="8088"/>
                </a:cubicBezTo>
                <a:lnTo>
                  <a:pt x="9009" y="8088"/>
                </a:lnTo>
                <a:cubicBezTo>
                  <a:pt x="8782" y="8280"/>
                  <a:pt x="8534" y="8560"/>
                  <a:pt x="8386" y="8683"/>
                </a:cubicBezTo>
                <a:cubicBezTo>
                  <a:pt x="8402" y="8662"/>
                  <a:pt x="8420" y="8643"/>
                  <a:pt x="8439" y="8625"/>
                </a:cubicBezTo>
                <a:lnTo>
                  <a:pt x="8439" y="8625"/>
                </a:lnTo>
                <a:cubicBezTo>
                  <a:pt x="8129" y="8931"/>
                  <a:pt x="7881" y="9216"/>
                  <a:pt x="7568" y="9568"/>
                </a:cubicBezTo>
                <a:cubicBezTo>
                  <a:pt x="7267" y="9878"/>
                  <a:pt x="7494" y="9688"/>
                  <a:pt x="7214" y="10006"/>
                </a:cubicBezTo>
                <a:cubicBezTo>
                  <a:pt x="7212" y="10005"/>
                  <a:pt x="7211" y="10004"/>
                  <a:pt x="7209" y="10004"/>
                </a:cubicBezTo>
                <a:cubicBezTo>
                  <a:pt x="7184" y="10004"/>
                  <a:pt x="7094" y="10106"/>
                  <a:pt x="6993" y="10233"/>
                </a:cubicBezTo>
                <a:cubicBezTo>
                  <a:pt x="6943" y="10300"/>
                  <a:pt x="6887" y="10376"/>
                  <a:pt x="6843" y="10446"/>
                </a:cubicBezTo>
                <a:cubicBezTo>
                  <a:pt x="6797" y="10513"/>
                  <a:pt x="6757" y="10578"/>
                  <a:pt x="6732" y="10617"/>
                </a:cubicBezTo>
                <a:lnTo>
                  <a:pt x="6769" y="10568"/>
                </a:lnTo>
                <a:lnTo>
                  <a:pt x="6769" y="10568"/>
                </a:lnTo>
                <a:cubicBezTo>
                  <a:pt x="6716" y="10666"/>
                  <a:pt x="6653" y="10784"/>
                  <a:pt x="6604" y="10900"/>
                </a:cubicBezTo>
                <a:cubicBezTo>
                  <a:pt x="6560" y="11002"/>
                  <a:pt x="6526" y="11106"/>
                  <a:pt x="6500" y="11212"/>
                </a:cubicBezTo>
                <a:cubicBezTo>
                  <a:pt x="6484" y="11307"/>
                  <a:pt x="6477" y="11402"/>
                  <a:pt x="6477" y="11497"/>
                </a:cubicBezTo>
                <a:cubicBezTo>
                  <a:pt x="6477" y="11602"/>
                  <a:pt x="6484" y="11703"/>
                  <a:pt x="6498" y="11808"/>
                </a:cubicBezTo>
                <a:cubicBezTo>
                  <a:pt x="6526" y="11993"/>
                  <a:pt x="6565" y="12176"/>
                  <a:pt x="6614" y="12357"/>
                </a:cubicBezTo>
                <a:lnTo>
                  <a:pt x="6593" y="12299"/>
                </a:lnTo>
                <a:lnTo>
                  <a:pt x="6593" y="12299"/>
                </a:lnTo>
                <a:cubicBezTo>
                  <a:pt x="6623" y="12408"/>
                  <a:pt x="6644" y="12517"/>
                  <a:pt x="6662" y="12628"/>
                </a:cubicBezTo>
                <a:cubicBezTo>
                  <a:pt x="6669" y="12679"/>
                  <a:pt x="6678" y="12730"/>
                  <a:pt x="6688" y="12783"/>
                </a:cubicBezTo>
                <a:cubicBezTo>
                  <a:pt x="6697" y="12836"/>
                  <a:pt x="6704" y="12894"/>
                  <a:pt x="6713" y="12957"/>
                </a:cubicBezTo>
                <a:cubicBezTo>
                  <a:pt x="6712" y="12952"/>
                  <a:pt x="6703" y="12910"/>
                  <a:pt x="6700" y="12910"/>
                </a:cubicBezTo>
                <a:cubicBezTo>
                  <a:pt x="6699" y="12910"/>
                  <a:pt x="6698" y="12921"/>
                  <a:pt x="6702" y="12954"/>
                </a:cubicBezTo>
                <a:cubicBezTo>
                  <a:pt x="6769" y="13568"/>
                  <a:pt x="6748" y="14187"/>
                  <a:pt x="6639" y="14791"/>
                </a:cubicBezTo>
                <a:cubicBezTo>
                  <a:pt x="6530" y="15398"/>
                  <a:pt x="6329" y="15987"/>
                  <a:pt x="6039" y="16529"/>
                </a:cubicBezTo>
                <a:lnTo>
                  <a:pt x="5963" y="16665"/>
                </a:lnTo>
                <a:lnTo>
                  <a:pt x="5914" y="16675"/>
                </a:lnTo>
                <a:lnTo>
                  <a:pt x="5863" y="16684"/>
                </a:lnTo>
                <a:cubicBezTo>
                  <a:pt x="5847" y="16686"/>
                  <a:pt x="5828" y="16691"/>
                  <a:pt x="5810" y="16693"/>
                </a:cubicBezTo>
                <a:lnTo>
                  <a:pt x="5699" y="16707"/>
                </a:lnTo>
                <a:cubicBezTo>
                  <a:pt x="5662" y="16712"/>
                  <a:pt x="5624" y="16716"/>
                  <a:pt x="5587" y="16719"/>
                </a:cubicBezTo>
                <a:cubicBezTo>
                  <a:pt x="5511" y="16728"/>
                  <a:pt x="5435" y="16730"/>
                  <a:pt x="5360" y="16735"/>
                </a:cubicBezTo>
                <a:cubicBezTo>
                  <a:pt x="5260" y="16738"/>
                  <a:pt x="5159" y="16740"/>
                  <a:pt x="5059" y="16740"/>
                </a:cubicBezTo>
                <a:cubicBezTo>
                  <a:pt x="4843" y="16740"/>
                  <a:pt x="4628" y="16732"/>
                  <a:pt x="4415" y="16716"/>
                </a:cubicBezTo>
                <a:cubicBezTo>
                  <a:pt x="4091" y="16693"/>
                  <a:pt x="3762" y="16663"/>
                  <a:pt x="3426" y="16644"/>
                </a:cubicBezTo>
                <a:cubicBezTo>
                  <a:pt x="3283" y="16635"/>
                  <a:pt x="3140" y="16630"/>
                  <a:pt x="2998" y="16630"/>
                </a:cubicBezTo>
                <a:cubicBezTo>
                  <a:pt x="2798" y="16630"/>
                  <a:pt x="2599" y="16639"/>
                  <a:pt x="2400" y="16658"/>
                </a:cubicBezTo>
                <a:cubicBezTo>
                  <a:pt x="2055" y="16691"/>
                  <a:pt x="1714" y="16770"/>
                  <a:pt x="1390" y="16892"/>
                </a:cubicBezTo>
                <a:cubicBezTo>
                  <a:pt x="1309" y="16927"/>
                  <a:pt x="1228" y="16959"/>
                  <a:pt x="1151" y="17001"/>
                </a:cubicBezTo>
                <a:lnTo>
                  <a:pt x="1093" y="17031"/>
                </a:lnTo>
                <a:lnTo>
                  <a:pt x="1063" y="17045"/>
                </a:lnTo>
                <a:lnTo>
                  <a:pt x="1036" y="17061"/>
                </a:lnTo>
                <a:lnTo>
                  <a:pt x="922" y="17131"/>
                </a:lnTo>
                <a:cubicBezTo>
                  <a:pt x="885" y="17154"/>
                  <a:pt x="850" y="17180"/>
                  <a:pt x="816" y="17205"/>
                </a:cubicBezTo>
                <a:lnTo>
                  <a:pt x="762" y="17244"/>
                </a:lnTo>
                <a:cubicBezTo>
                  <a:pt x="744" y="17256"/>
                  <a:pt x="727" y="17272"/>
                  <a:pt x="711" y="17284"/>
                </a:cubicBezTo>
                <a:lnTo>
                  <a:pt x="612" y="17370"/>
                </a:lnTo>
                <a:lnTo>
                  <a:pt x="519" y="17462"/>
                </a:lnTo>
                <a:cubicBezTo>
                  <a:pt x="505" y="17476"/>
                  <a:pt x="491" y="17492"/>
                  <a:pt x="475" y="17508"/>
                </a:cubicBezTo>
                <a:lnTo>
                  <a:pt x="431" y="17559"/>
                </a:lnTo>
                <a:cubicBezTo>
                  <a:pt x="417" y="17576"/>
                  <a:pt x="401" y="17592"/>
                  <a:pt x="389" y="17610"/>
                </a:cubicBezTo>
                <a:cubicBezTo>
                  <a:pt x="378" y="17629"/>
                  <a:pt x="361" y="17645"/>
                  <a:pt x="350" y="17664"/>
                </a:cubicBezTo>
                <a:cubicBezTo>
                  <a:pt x="301" y="17736"/>
                  <a:pt x="257" y="17812"/>
                  <a:pt x="218" y="17891"/>
                </a:cubicBezTo>
                <a:cubicBezTo>
                  <a:pt x="144" y="18044"/>
                  <a:pt x="93" y="18206"/>
                  <a:pt x="60" y="18375"/>
                </a:cubicBezTo>
                <a:cubicBezTo>
                  <a:pt x="0" y="18697"/>
                  <a:pt x="28" y="19030"/>
                  <a:pt x="141" y="19341"/>
                </a:cubicBezTo>
                <a:lnTo>
                  <a:pt x="167" y="19385"/>
                </a:lnTo>
                <a:cubicBezTo>
                  <a:pt x="176" y="19401"/>
                  <a:pt x="188" y="19417"/>
                  <a:pt x="199" y="19436"/>
                </a:cubicBezTo>
                <a:cubicBezTo>
                  <a:pt x="211" y="19454"/>
                  <a:pt x="225" y="19477"/>
                  <a:pt x="243" y="19498"/>
                </a:cubicBezTo>
                <a:cubicBezTo>
                  <a:pt x="320" y="19605"/>
                  <a:pt x="415" y="19695"/>
                  <a:pt x="524" y="19767"/>
                </a:cubicBezTo>
                <a:cubicBezTo>
                  <a:pt x="619" y="19832"/>
                  <a:pt x="727" y="19874"/>
                  <a:pt x="841" y="19890"/>
                </a:cubicBezTo>
                <a:cubicBezTo>
                  <a:pt x="850" y="19890"/>
                  <a:pt x="860" y="19892"/>
                  <a:pt x="869" y="19894"/>
                </a:cubicBezTo>
                <a:lnTo>
                  <a:pt x="894" y="19894"/>
                </a:lnTo>
                <a:cubicBezTo>
                  <a:pt x="906" y="19892"/>
                  <a:pt x="917" y="19892"/>
                  <a:pt x="929" y="19887"/>
                </a:cubicBezTo>
                <a:cubicBezTo>
                  <a:pt x="945" y="19881"/>
                  <a:pt x="948" y="19871"/>
                  <a:pt x="934" y="19855"/>
                </a:cubicBezTo>
                <a:cubicBezTo>
                  <a:pt x="919" y="19848"/>
                  <a:pt x="919" y="19845"/>
                  <a:pt x="925" y="19845"/>
                </a:cubicBezTo>
                <a:cubicBezTo>
                  <a:pt x="926" y="19845"/>
                  <a:pt x="929" y="19845"/>
                  <a:pt x="931" y="19846"/>
                </a:cubicBezTo>
                <a:cubicBezTo>
                  <a:pt x="945" y="19848"/>
                  <a:pt x="964" y="19853"/>
                  <a:pt x="987" y="19860"/>
                </a:cubicBezTo>
                <a:cubicBezTo>
                  <a:pt x="1006" y="19864"/>
                  <a:pt x="1023" y="19867"/>
                  <a:pt x="1028" y="19867"/>
                </a:cubicBezTo>
                <a:cubicBezTo>
                  <a:pt x="1036" y="19867"/>
                  <a:pt x="1025" y="19861"/>
                  <a:pt x="973" y="19841"/>
                </a:cubicBezTo>
                <a:cubicBezTo>
                  <a:pt x="948" y="19834"/>
                  <a:pt x="920" y="19827"/>
                  <a:pt x="894" y="19820"/>
                </a:cubicBezTo>
                <a:cubicBezTo>
                  <a:pt x="866" y="19811"/>
                  <a:pt x="841" y="19802"/>
                  <a:pt x="816" y="19790"/>
                </a:cubicBezTo>
                <a:lnTo>
                  <a:pt x="816" y="19790"/>
                </a:lnTo>
                <a:cubicBezTo>
                  <a:pt x="817" y="19790"/>
                  <a:pt x="818" y="19790"/>
                  <a:pt x="819" y="19790"/>
                </a:cubicBezTo>
                <a:cubicBezTo>
                  <a:pt x="827" y="19790"/>
                  <a:pt x="816" y="19780"/>
                  <a:pt x="802" y="19765"/>
                </a:cubicBezTo>
                <a:cubicBezTo>
                  <a:pt x="795" y="19755"/>
                  <a:pt x="785" y="19746"/>
                  <a:pt x="776" y="19739"/>
                </a:cubicBezTo>
                <a:cubicBezTo>
                  <a:pt x="771" y="19732"/>
                  <a:pt x="767" y="19725"/>
                  <a:pt x="762" y="19718"/>
                </a:cubicBezTo>
                <a:cubicBezTo>
                  <a:pt x="758" y="19717"/>
                  <a:pt x="755" y="19717"/>
                  <a:pt x="753" y="19717"/>
                </a:cubicBezTo>
                <a:cubicBezTo>
                  <a:pt x="747" y="19717"/>
                  <a:pt x="748" y="19721"/>
                  <a:pt x="755" y="19730"/>
                </a:cubicBezTo>
                <a:cubicBezTo>
                  <a:pt x="760" y="19737"/>
                  <a:pt x="765" y="19744"/>
                  <a:pt x="771" y="19751"/>
                </a:cubicBezTo>
                <a:cubicBezTo>
                  <a:pt x="778" y="19760"/>
                  <a:pt x="785" y="19765"/>
                  <a:pt x="792" y="19772"/>
                </a:cubicBezTo>
                <a:cubicBezTo>
                  <a:pt x="809" y="19788"/>
                  <a:pt x="820" y="19802"/>
                  <a:pt x="808" y="19802"/>
                </a:cubicBezTo>
                <a:cubicBezTo>
                  <a:pt x="800" y="19802"/>
                  <a:pt x="780" y="19795"/>
                  <a:pt x="741" y="19776"/>
                </a:cubicBezTo>
                <a:cubicBezTo>
                  <a:pt x="725" y="19769"/>
                  <a:pt x="709" y="19760"/>
                  <a:pt x="695" y="19751"/>
                </a:cubicBezTo>
                <a:cubicBezTo>
                  <a:pt x="674" y="19737"/>
                  <a:pt x="656" y="19721"/>
                  <a:pt x="635" y="19702"/>
                </a:cubicBezTo>
                <a:cubicBezTo>
                  <a:pt x="614" y="19686"/>
                  <a:pt x="595" y="19663"/>
                  <a:pt x="577" y="19644"/>
                </a:cubicBezTo>
                <a:cubicBezTo>
                  <a:pt x="574" y="19641"/>
                  <a:pt x="571" y="19638"/>
                  <a:pt x="568" y="19635"/>
                </a:cubicBezTo>
                <a:lnTo>
                  <a:pt x="568" y="19635"/>
                </a:lnTo>
                <a:cubicBezTo>
                  <a:pt x="577" y="19647"/>
                  <a:pt x="579" y="19651"/>
                  <a:pt x="577" y="19651"/>
                </a:cubicBezTo>
                <a:cubicBezTo>
                  <a:pt x="575" y="19651"/>
                  <a:pt x="569" y="19647"/>
                  <a:pt x="561" y="19640"/>
                </a:cubicBezTo>
                <a:cubicBezTo>
                  <a:pt x="549" y="19628"/>
                  <a:pt x="531" y="19612"/>
                  <a:pt x="512" y="19596"/>
                </a:cubicBezTo>
                <a:lnTo>
                  <a:pt x="468" y="19542"/>
                </a:lnTo>
                <a:lnTo>
                  <a:pt x="422" y="19461"/>
                </a:lnTo>
                <a:cubicBezTo>
                  <a:pt x="408" y="19433"/>
                  <a:pt x="389" y="19401"/>
                  <a:pt x="378" y="19371"/>
                </a:cubicBezTo>
                <a:lnTo>
                  <a:pt x="359" y="19327"/>
                </a:lnTo>
                <a:cubicBezTo>
                  <a:pt x="355" y="19313"/>
                  <a:pt x="350" y="19299"/>
                  <a:pt x="348" y="19288"/>
                </a:cubicBezTo>
                <a:cubicBezTo>
                  <a:pt x="341" y="19269"/>
                  <a:pt x="336" y="19250"/>
                  <a:pt x="334" y="19230"/>
                </a:cubicBezTo>
                <a:cubicBezTo>
                  <a:pt x="322" y="19211"/>
                  <a:pt x="315" y="19190"/>
                  <a:pt x="308" y="19169"/>
                </a:cubicBezTo>
                <a:cubicBezTo>
                  <a:pt x="299" y="19137"/>
                  <a:pt x="292" y="19105"/>
                  <a:pt x="285" y="19074"/>
                </a:cubicBezTo>
                <a:lnTo>
                  <a:pt x="290" y="19067"/>
                </a:lnTo>
                <a:cubicBezTo>
                  <a:pt x="281" y="19030"/>
                  <a:pt x="278" y="19018"/>
                  <a:pt x="277" y="19018"/>
                </a:cubicBezTo>
                <a:lnTo>
                  <a:pt x="277" y="19018"/>
                </a:lnTo>
                <a:cubicBezTo>
                  <a:pt x="275" y="19018"/>
                  <a:pt x="287" y="19083"/>
                  <a:pt x="283" y="19083"/>
                </a:cubicBezTo>
                <a:cubicBezTo>
                  <a:pt x="282" y="19083"/>
                  <a:pt x="282" y="19082"/>
                  <a:pt x="280" y="19079"/>
                </a:cubicBezTo>
                <a:cubicBezTo>
                  <a:pt x="255" y="18984"/>
                  <a:pt x="250" y="18829"/>
                  <a:pt x="257" y="18671"/>
                </a:cubicBezTo>
                <a:lnTo>
                  <a:pt x="257" y="18671"/>
                </a:lnTo>
                <a:cubicBezTo>
                  <a:pt x="253" y="18806"/>
                  <a:pt x="269" y="18940"/>
                  <a:pt x="306" y="19070"/>
                </a:cubicBezTo>
                <a:cubicBezTo>
                  <a:pt x="299" y="19033"/>
                  <a:pt x="294" y="18996"/>
                  <a:pt x="297" y="18959"/>
                </a:cubicBezTo>
                <a:cubicBezTo>
                  <a:pt x="297" y="18957"/>
                  <a:pt x="298" y="18957"/>
                  <a:pt x="299" y="18957"/>
                </a:cubicBezTo>
                <a:cubicBezTo>
                  <a:pt x="303" y="18957"/>
                  <a:pt x="309" y="18972"/>
                  <a:pt x="315" y="18993"/>
                </a:cubicBezTo>
                <a:cubicBezTo>
                  <a:pt x="324" y="19021"/>
                  <a:pt x="336" y="19058"/>
                  <a:pt x="348" y="19091"/>
                </a:cubicBezTo>
                <a:cubicBezTo>
                  <a:pt x="357" y="19116"/>
                  <a:pt x="368" y="19142"/>
                  <a:pt x="382" y="19167"/>
                </a:cubicBezTo>
                <a:cubicBezTo>
                  <a:pt x="355" y="19084"/>
                  <a:pt x="334" y="19000"/>
                  <a:pt x="317" y="18915"/>
                </a:cubicBezTo>
                <a:cubicBezTo>
                  <a:pt x="304" y="18836"/>
                  <a:pt x="294" y="18759"/>
                  <a:pt x="292" y="18681"/>
                </a:cubicBezTo>
                <a:cubicBezTo>
                  <a:pt x="300" y="18612"/>
                  <a:pt x="308" y="18587"/>
                  <a:pt x="315" y="18587"/>
                </a:cubicBezTo>
                <a:cubicBezTo>
                  <a:pt x="319" y="18587"/>
                  <a:pt x="323" y="18598"/>
                  <a:pt x="327" y="18613"/>
                </a:cubicBezTo>
                <a:cubicBezTo>
                  <a:pt x="329" y="18634"/>
                  <a:pt x="331" y="18662"/>
                  <a:pt x="336" y="18690"/>
                </a:cubicBezTo>
                <a:cubicBezTo>
                  <a:pt x="337" y="18701"/>
                  <a:pt x="339" y="18713"/>
                  <a:pt x="339" y="18725"/>
                </a:cubicBezTo>
                <a:lnTo>
                  <a:pt x="339" y="18725"/>
                </a:lnTo>
                <a:cubicBezTo>
                  <a:pt x="336" y="18635"/>
                  <a:pt x="337" y="18546"/>
                  <a:pt x="345" y="18456"/>
                </a:cubicBezTo>
                <a:cubicBezTo>
                  <a:pt x="352" y="18379"/>
                  <a:pt x="366" y="18305"/>
                  <a:pt x="382" y="18231"/>
                </a:cubicBezTo>
                <a:lnTo>
                  <a:pt x="382" y="18231"/>
                </a:lnTo>
                <a:cubicBezTo>
                  <a:pt x="378" y="18259"/>
                  <a:pt x="375" y="18287"/>
                  <a:pt x="375" y="18317"/>
                </a:cubicBezTo>
                <a:cubicBezTo>
                  <a:pt x="373" y="18335"/>
                  <a:pt x="373" y="18352"/>
                  <a:pt x="375" y="18370"/>
                </a:cubicBezTo>
                <a:cubicBezTo>
                  <a:pt x="378" y="18398"/>
                  <a:pt x="375" y="18428"/>
                  <a:pt x="378" y="18495"/>
                </a:cubicBezTo>
                <a:cubicBezTo>
                  <a:pt x="387" y="18456"/>
                  <a:pt x="394" y="18426"/>
                  <a:pt x="401" y="18400"/>
                </a:cubicBezTo>
                <a:cubicBezTo>
                  <a:pt x="405" y="18375"/>
                  <a:pt x="408" y="18352"/>
                  <a:pt x="412" y="18333"/>
                </a:cubicBezTo>
                <a:cubicBezTo>
                  <a:pt x="415" y="18315"/>
                  <a:pt x="417" y="18298"/>
                  <a:pt x="419" y="18282"/>
                </a:cubicBezTo>
                <a:cubicBezTo>
                  <a:pt x="419" y="18269"/>
                  <a:pt x="421" y="18256"/>
                  <a:pt x="424" y="18242"/>
                </a:cubicBezTo>
                <a:lnTo>
                  <a:pt x="424" y="18242"/>
                </a:lnTo>
                <a:cubicBezTo>
                  <a:pt x="415" y="18280"/>
                  <a:pt x="402" y="18318"/>
                  <a:pt x="389" y="18356"/>
                </a:cubicBezTo>
                <a:cubicBezTo>
                  <a:pt x="443" y="18171"/>
                  <a:pt x="401" y="18192"/>
                  <a:pt x="419" y="18090"/>
                </a:cubicBezTo>
                <a:cubicBezTo>
                  <a:pt x="459" y="18011"/>
                  <a:pt x="505" y="17937"/>
                  <a:pt x="556" y="17865"/>
                </a:cubicBezTo>
                <a:cubicBezTo>
                  <a:pt x="570" y="17849"/>
                  <a:pt x="582" y="17833"/>
                  <a:pt x="593" y="17821"/>
                </a:cubicBezTo>
                <a:cubicBezTo>
                  <a:pt x="605" y="17807"/>
                  <a:pt x="616" y="17796"/>
                  <a:pt x="623" y="17786"/>
                </a:cubicBezTo>
                <a:cubicBezTo>
                  <a:pt x="637" y="17775"/>
                  <a:pt x="646" y="17768"/>
                  <a:pt x="652" y="17768"/>
                </a:cubicBezTo>
                <a:lnTo>
                  <a:pt x="652" y="17768"/>
                </a:lnTo>
                <a:lnTo>
                  <a:pt x="635" y="17756"/>
                </a:lnTo>
                <a:cubicBezTo>
                  <a:pt x="653" y="17733"/>
                  <a:pt x="672" y="17712"/>
                  <a:pt x="690" y="17691"/>
                </a:cubicBezTo>
                <a:cubicBezTo>
                  <a:pt x="704" y="17680"/>
                  <a:pt x="709" y="17678"/>
                  <a:pt x="714" y="17678"/>
                </a:cubicBezTo>
                <a:cubicBezTo>
                  <a:pt x="716" y="17678"/>
                  <a:pt x="714" y="17688"/>
                  <a:pt x="722" y="17688"/>
                </a:cubicBezTo>
                <a:cubicBezTo>
                  <a:pt x="724" y="17688"/>
                  <a:pt x="725" y="17688"/>
                  <a:pt x="727" y="17687"/>
                </a:cubicBezTo>
                <a:cubicBezTo>
                  <a:pt x="744" y="17657"/>
                  <a:pt x="734" y="17652"/>
                  <a:pt x="744" y="17629"/>
                </a:cubicBezTo>
                <a:cubicBezTo>
                  <a:pt x="755" y="17610"/>
                  <a:pt x="767" y="17592"/>
                  <a:pt x="783" y="17573"/>
                </a:cubicBezTo>
                <a:cubicBezTo>
                  <a:pt x="820" y="17536"/>
                  <a:pt x="857" y="17499"/>
                  <a:pt x="899" y="17467"/>
                </a:cubicBezTo>
                <a:lnTo>
                  <a:pt x="899" y="17467"/>
                </a:lnTo>
                <a:cubicBezTo>
                  <a:pt x="898" y="17473"/>
                  <a:pt x="900" y="17476"/>
                  <a:pt x="904" y="17476"/>
                </a:cubicBezTo>
                <a:cubicBezTo>
                  <a:pt x="909" y="17476"/>
                  <a:pt x="917" y="17473"/>
                  <a:pt x="927" y="17467"/>
                </a:cubicBezTo>
                <a:cubicBezTo>
                  <a:pt x="954" y="17451"/>
                  <a:pt x="980" y="17434"/>
                  <a:pt x="1003" y="17416"/>
                </a:cubicBezTo>
                <a:cubicBezTo>
                  <a:pt x="1049" y="17382"/>
                  <a:pt x="1102" y="17351"/>
                  <a:pt x="1122" y="17351"/>
                </a:cubicBezTo>
                <a:cubicBezTo>
                  <a:pt x="1127" y="17351"/>
                  <a:pt x="1130" y="17352"/>
                  <a:pt x="1131" y="17356"/>
                </a:cubicBezTo>
                <a:cubicBezTo>
                  <a:pt x="1161" y="17337"/>
                  <a:pt x="1184" y="17321"/>
                  <a:pt x="1207" y="17305"/>
                </a:cubicBezTo>
                <a:lnTo>
                  <a:pt x="1272" y="17263"/>
                </a:lnTo>
                <a:cubicBezTo>
                  <a:pt x="1295" y="17249"/>
                  <a:pt x="1316" y="17235"/>
                  <a:pt x="1341" y="17221"/>
                </a:cubicBezTo>
                <a:cubicBezTo>
                  <a:pt x="1369" y="17207"/>
                  <a:pt x="1397" y="17196"/>
                  <a:pt x="1427" y="17184"/>
                </a:cubicBezTo>
                <a:cubicBezTo>
                  <a:pt x="1444" y="17179"/>
                  <a:pt x="1455" y="17177"/>
                  <a:pt x="1461" y="17177"/>
                </a:cubicBezTo>
                <a:cubicBezTo>
                  <a:pt x="1482" y="17177"/>
                  <a:pt x="1443" y="17205"/>
                  <a:pt x="1385" y="17235"/>
                </a:cubicBezTo>
                <a:cubicBezTo>
                  <a:pt x="1367" y="17244"/>
                  <a:pt x="1346" y="17258"/>
                  <a:pt x="1327" y="17270"/>
                </a:cubicBezTo>
                <a:lnTo>
                  <a:pt x="1270" y="17305"/>
                </a:lnTo>
                <a:cubicBezTo>
                  <a:pt x="1251" y="17316"/>
                  <a:pt x="1232" y="17325"/>
                  <a:pt x="1216" y="17332"/>
                </a:cubicBezTo>
                <a:cubicBezTo>
                  <a:pt x="1200" y="17342"/>
                  <a:pt x="1186" y="17351"/>
                  <a:pt x="1179" y="17356"/>
                </a:cubicBezTo>
                <a:cubicBezTo>
                  <a:pt x="1130" y="17385"/>
                  <a:pt x="1111" y="17395"/>
                  <a:pt x="1107" y="17395"/>
                </a:cubicBezTo>
                <a:cubicBezTo>
                  <a:pt x="1099" y="17395"/>
                  <a:pt x="1146" y="17359"/>
                  <a:pt x="1141" y="17359"/>
                </a:cubicBezTo>
                <a:cubicBezTo>
                  <a:pt x="1140" y="17359"/>
                  <a:pt x="1135" y="17362"/>
                  <a:pt x="1126" y="17367"/>
                </a:cubicBezTo>
                <a:cubicBezTo>
                  <a:pt x="1075" y="17404"/>
                  <a:pt x="1024" y="17441"/>
                  <a:pt x="978" y="17481"/>
                </a:cubicBezTo>
                <a:cubicBezTo>
                  <a:pt x="1053" y="17430"/>
                  <a:pt x="1203" y="17351"/>
                  <a:pt x="1228" y="17351"/>
                </a:cubicBezTo>
                <a:cubicBezTo>
                  <a:pt x="1231" y="17351"/>
                  <a:pt x="1232" y="17353"/>
                  <a:pt x="1230" y="17356"/>
                </a:cubicBezTo>
                <a:cubicBezTo>
                  <a:pt x="1273" y="17331"/>
                  <a:pt x="1284" y="17323"/>
                  <a:pt x="1279" y="17323"/>
                </a:cubicBezTo>
                <a:cubicBezTo>
                  <a:pt x="1274" y="17323"/>
                  <a:pt x="1258" y="17329"/>
                  <a:pt x="1242" y="17335"/>
                </a:cubicBezTo>
                <a:cubicBezTo>
                  <a:pt x="1228" y="17341"/>
                  <a:pt x="1214" y="17347"/>
                  <a:pt x="1210" y="17347"/>
                </a:cubicBezTo>
                <a:cubicBezTo>
                  <a:pt x="1210" y="17347"/>
                  <a:pt x="1209" y="17347"/>
                  <a:pt x="1209" y="17346"/>
                </a:cubicBezTo>
                <a:cubicBezTo>
                  <a:pt x="1207" y="17344"/>
                  <a:pt x="1221" y="17332"/>
                  <a:pt x="1267" y="17307"/>
                </a:cubicBezTo>
                <a:cubicBezTo>
                  <a:pt x="1304" y="17293"/>
                  <a:pt x="1344" y="17275"/>
                  <a:pt x="1383" y="17261"/>
                </a:cubicBezTo>
                <a:cubicBezTo>
                  <a:pt x="1476" y="17214"/>
                  <a:pt x="1464" y="17212"/>
                  <a:pt x="1457" y="17207"/>
                </a:cubicBezTo>
                <a:cubicBezTo>
                  <a:pt x="1453" y="17203"/>
                  <a:pt x="1455" y="17203"/>
                  <a:pt x="1471" y="17193"/>
                </a:cubicBezTo>
                <a:cubicBezTo>
                  <a:pt x="1478" y="17189"/>
                  <a:pt x="1490" y="17182"/>
                  <a:pt x="1508" y="17175"/>
                </a:cubicBezTo>
                <a:cubicBezTo>
                  <a:pt x="1527" y="17166"/>
                  <a:pt x="1550" y="17156"/>
                  <a:pt x="1582" y="17145"/>
                </a:cubicBezTo>
                <a:lnTo>
                  <a:pt x="1582" y="17145"/>
                </a:lnTo>
                <a:cubicBezTo>
                  <a:pt x="1552" y="17159"/>
                  <a:pt x="1542" y="17165"/>
                  <a:pt x="1546" y="17165"/>
                </a:cubicBezTo>
                <a:cubicBezTo>
                  <a:pt x="1554" y="17165"/>
                  <a:pt x="1604" y="17148"/>
                  <a:pt x="1661" y="17129"/>
                </a:cubicBezTo>
                <a:cubicBezTo>
                  <a:pt x="1732" y="17103"/>
                  <a:pt x="1819" y="17082"/>
                  <a:pt x="1850" y="17082"/>
                </a:cubicBezTo>
                <a:cubicBezTo>
                  <a:pt x="1859" y="17082"/>
                  <a:pt x="1863" y="17083"/>
                  <a:pt x="1863" y="17086"/>
                </a:cubicBezTo>
                <a:lnTo>
                  <a:pt x="1863" y="17086"/>
                </a:lnTo>
                <a:cubicBezTo>
                  <a:pt x="1867" y="17070"/>
                  <a:pt x="1987" y="17036"/>
                  <a:pt x="2115" y="17015"/>
                </a:cubicBezTo>
                <a:cubicBezTo>
                  <a:pt x="2245" y="16992"/>
                  <a:pt x="2381" y="16976"/>
                  <a:pt x="2409" y="16959"/>
                </a:cubicBezTo>
                <a:lnTo>
                  <a:pt x="2409" y="16959"/>
                </a:lnTo>
                <a:lnTo>
                  <a:pt x="2333" y="16964"/>
                </a:lnTo>
                <a:lnTo>
                  <a:pt x="2259" y="16971"/>
                </a:lnTo>
                <a:lnTo>
                  <a:pt x="2293" y="16980"/>
                </a:lnTo>
                <a:lnTo>
                  <a:pt x="2178" y="16999"/>
                </a:lnTo>
                <a:cubicBezTo>
                  <a:pt x="2141" y="17006"/>
                  <a:pt x="2106" y="17015"/>
                  <a:pt x="2069" y="17022"/>
                </a:cubicBezTo>
                <a:cubicBezTo>
                  <a:pt x="1995" y="17036"/>
                  <a:pt x="1923" y="17057"/>
                  <a:pt x="1842" y="17073"/>
                </a:cubicBezTo>
                <a:cubicBezTo>
                  <a:pt x="1967" y="17029"/>
                  <a:pt x="1791" y="17057"/>
                  <a:pt x="1937" y="17010"/>
                </a:cubicBezTo>
                <a:cubicBezTo>
                  <a:pt x="1981" y="16997"/>
                  <a:pt x="2022" y="16985"/>
                  <a:pt x="2069" y="16978"/>
                </a:cubicBezTo>
                <a:cubicBezTo>
                  <a:pt x="2075" y="16977"/>
                  <a:pt x="2080" y="16976"/>
                  <a:pt x="2083" y="16976"/>
                </a:cubicBezTo>
                <a:cubicBezTo>
                  <a:pt x="2090" y="16976"/>
                  <a:pt x="2090" y="16979"/>
                  <a:pt x="2085" y="16980"/>
                </a:cubicBezTo>
                <a:cubicBezTo>
                  <a:pt x="2076" y="16989"/>
                  <a:pt x="2041" y="17004"/>
                  <a:pt x="2054" y="17004"/>
                </a:cubicBezTo>
                <a:cubicBezTo>
                  <a:pt x="2055" y="17004"/>
                  <a:pt x="2056" y="17004"/>
                  <a:pt x="2057" y="17004"/>
                </a:cubicBezTo>
                <a:lnTo>
                  <a:pt x="2168" y="16973"/>
                </a:lnTo>
                <a:lnTo>
                  <a:pt x="2282" y="16948"/>
                </a:lnTo>
                <a:lnTo>
                  <a:pt x="2282" y="16948"/>
                </a:lnTo>
                <a:cubicBezTo>
                  <a:pt x="2229" y="16953"/>
                  <a:pt x="2175" y="16953"/>
                  <a:pt x="2124" y="16959"/>
                </a:cubicBezTo>
                <a:cubicBezTo>
                  <a:pt x="2347" y="16915"/>
                  <a:pt x="2571" y="16890"/>
                  <a:pt x="2796" y="16888"/>
                </a:cubicBezTo>
                <a:cubicBezTo>
                  <a:pt x="2805" y="16887"/>
                  <a:pt x="2815" y="16887"/>
                  <a:pt x="2824" y="16887"/>
                </a:cubicBezTo>
                <a:cubicBezTo>
                  <a:pt x="2866" y="16887"/>
                  <a:pt x="2909" y="16891"/>
                  <a:pt x="2949" y="16895"/>
                </a:cubicBezTo>
                <a:cubicBezTo>
                  <a:pt x="2967" y="16899"/>
                  <a:pt x="2958" y="16902"/>
                  <a:pt x="2947" y="16904"/>
                </a:cubicBezTo>
                <a:cubicBezTo>
                  <a:pt x="2921" y="16909"/>
                  <a:pt x="2884" y="16913"/>
                  <a:pt x="3016" y="16920"/>
                </a:cubicBezTo>
                <a:cubicBezTo>
                  <a:pt x="3074" y="16915"/>
                  <a:pt x="3097" y="16913"/>
                  <a:pt x="3127" y="16913"/>
                </a:cubicBezTo>
                <a:cubicBezTo>
                  <a:pt x="3148" y="16911"/>
                  <a:pt x="3168" y="16910"/>
                  <a:pt x="3189" y="16910"/>
                </a:cubicBezTo>
                <a:cubicBezTo>
                  <a:pt x="3218" y="16910"/>
                  <a:pt x="3246" y="16912"/>
                  <a:pt x="3276" y="16913"/>
                </a:cubicBezTo>
                <a:cubicBezTo>
                  <a:pt x="3244" y="16908"/>
                  <a:pt x="3215" y="16907"/>
                  <a:pt x="3188" y="16907"/>
                </a:cubicBezTo>
                <a:cubicBezTo>
                  <a:pt x="3142" y="16907"/>
                  <a:pt x="3102" y="16911"/>
                  <a:pt x="3064" y="16911"/>
                </a:cubicBezTo>
                <a:cubicBezTo>
                  <a:pt x="3059" y="16911"/>
                  <a:pt x="3054" y="16911"/>
                  <a:pt x="3049" y="16911"/>
                </a:cubicBezTo>
                <a:cubicBezTo>
                  <a:pt x="3009" y="16899"/>
                  <a:pt x="3083" y="16899"/>
                  <a:pt x="3167" y="16897"/>
                </a:cubicBezTo>
                <a:cubicBezTo>
                  <a:pt x="3195" y="16897"/>
                  <a:pt x="3224" y="16897"/>
                  <a:pt x="3250" y="16897"/>
                </a:cubicBezTo>
                <a:cubicBezTo>
                  <a:pt x="3302" y="16897"/>
                  <a:pt x="3340" y="16896"/>
                  <a:pt x="3336" y="16890"/>
                </a:cubicBezTo>
                <a:lnTo>
                  <a:pt x="3336" y="16890"/>
                </a:lnTo>
                <a:cubicBezTo>
                  <a:pt x="3405" y="16902"/>
                  <a:pt x="3391" y="16909"/>
                  <a:pt x="3336" y="16915"/>
                </a:cubicBezTo>
                <a:cubicBezTo>
                  <a:pt x="3621" y="16920"/>
                  <a:pt x="3896" y="16946"/>
                  <a:pt x="4001" y="16980"/>
                </a:cubicBezTo>
                <a:lnTo>
                  <a:pt x="4128" y="16964"/>
                </a:lnTo>
                <a:cubicBezTo>
                  <a:pt x="4335" y="16984"/>
                  <a:pt x="4307" y="16986"/>
                  <a:pt x="4236" y="16986"/>
                </a:cubicBezTo>
                <a:cubicBezTo>
                  <a:pt x="4210" y="16986"/>
                  <a:pt x="4178" y="16986"/>
                  <a:pt x="4150" y="16986"/>
                </a:cubicBezTo>
                <a:cubicBezTo>
                  <a:pt x="4074" y="16986"/>
                  <a:pt x="4027" y="16989"/>
                  <a:pt x="4202" y="17008"/>
                </a:cubicBezTo>
                <a:cubicBezTo>
                  <a:pt x="4319" y="17022"/>
                  <a:pt x="4436" y="17027"/>
                  <a:pt x="4553" y="17027"/>
                </a:cubicBezTo>
                <a:cubicBezTo>
                  <a:pt x="4575" y="17027"/>
                  <a:pt x="4597" y="17027"/>
                  <a:pt x="4619" y="17027"/>
                </a:cubicBezTo>
                <a:lnTo>
                  <a:pt x="4471" y="17017"/>
                </a:lnTo>
                <a:cubicBezTo>
                  <a:pt x="4566" y="17006"/>
                  <a:pt x="4663" y="17001"/>
                  <a:pt x="4760" y="16999"/>
                </a:cubicBezTo>
                <a:cubicBezTo>
                  <a:pt x="4859" y="17004"/>
                  <a:pt x="4842" y="17014"/>
                  <a:pt x="4899" y="17014"/>
                </a:cubicBezTo>
                <a:cubicBezTo>
                  <a:pt x="4916" y="17014"/>
                  <a:pt x="4941" y="17013"/>
                  <a:pt x="4978" y="17010"/>
                </a:cubicBezTo>
                <a:cubicBezTo>
                  <a:pt x="5299" y="17022"/>
                  <a:pt x="5185" y="17040"/>
                  <a:pt x="5094" y="17059"/>
                </a:cubicBezTo>
                <a:lnTo>
                  <a:pt x="5094" y="17059"/>
                </a:lnTo>
                <a:cubicBezTo>
                  <a:pt x="5124" y="17058"/>
                  <a:pt x="5157" y="17057"/>
                  <a:pt x="5189" y="17057"/>
                </a:cubicBezTo>
                <a:cubicBezTo>
                  <a:pt x="5245" y="17054"/>
                  <a:pt x="5298" y="17052"/>
                  <a:pt x="5342" y="17050"/>
                </a:cubicBezTo>
                <a:cubicBezTo>
                  <a:pt x="5370" y="17050"/>
                  <a:pt x="5397" y="17045"/>
                  <a:pt x="5423" y="17038"/>
                </a:cubicBezTo>
                <a:lnTo>
                  <a:pt x="5423" y="17038"/>
                </a:lnTo>
                <a:cubicBezTo>
                  <a:pt x="5426" y="17043"/>
                  <a:pt x="5407" y="17056"/>
                  <a:pt x="5333" y="17066"/>
                </a:cubicBezTo>
                <a:lnTo>
                  <a:pt x="5333" y="17066"/>
                </a:lnTo>
                <a:cubicBezTo>
                  <a:pt x="5286" y="17063"/>
                  <a:pt x="5252" y="17062"/>
                  <a:pt x="5227" y="17062"/>
                </a:cubicBezTo>
                <a:cubicBezTo>
                  <a:pt x="5177" y="17062"/>
                  <a:pt x="5163" y="17066"/>
                  <a:pt x="5159" y="17071"/>
                </a:cubicBezTo>
                <a:cubicBezTo>
                  <a:pt x="5156" y="17073"/>
                  <a:pt x="5160" y="17077"/>
                  <a:pt x="5151" y="17077"/>
                </a:cubicBezTo>
                <a:cubicBezTo>
                  <a:pt x="5145" y="17077"/>
                  <a:pt x="5134" y="17075"/>
                  <a:pt x="5110" y="17071"/>
                </a:cubicBezTo>
                <a:cubicBezTo>
                  <a:pt x="5088" y="17071"/>
                  <a:pt x="5066" y="17071"/>
                  <a:pt x="5044" y="17070"/>
                </a:cubicBezTo>
                <a:lnTo>
                  <a:pt x="5044" y="17070"/>
                </a:lnTo>
                <a:cubicBezTo>
                  <a:pt x="5041" y="17071"/>
                  <a:pt x="5038" y="17072"/>
                  <a:pt x="5036" y="17073"/>
                </a:cubicBezTo>
                <a:cubicBezTo>
                  <a:pt x="5154" y="17078"/>
                  <a:pt x="5155" y="17086"/>
                  <a:pt x="5125" y="17094"/>
                </a:cubicBezTo>
                <a:lnTo>
                  <a:pt x="5125" y="17094"/>
                </a:lnTo>
                <a:lnTo>
                  <a:pt x="5187" y="17087"/>
                </a:lnTo>
                <a:lnTo>
                  <a:pt x="5230" y="17081"/>
                </a:lnTo>
                <a:lnTo>
                  <a:pt x="5230" y="17081"/>
                </a:lnTo>
                <a:lnTo>
                  <a:pt x="5316" y="17103"/>
                </a:lnTo>
                <a:cubicBezTo>
                  <a:pt x="5403" y="17103"/>
                  <a:pt x="5464" y="17084"/>
                  <a:pt x="5515" y="17084"/>
                </a:cubicBezTo>
                <a:cubicBezTo>
                  <a:pt x="5525" y="17084"/>
                  <a:pt x="5536" y="17085"/>
                  <a:pt x="5546" y="17087"/>
                </a:cubicBezTo>
                <a:cubicBezTo>
                  <a:pt x="5669" y="17091"/>
                  <a:pt x="5462" y="17121"/>
                  <a:pt x="5548" y="17121"/>
                </a:cubicBezTo>
                <a:cubicBezTo>
                  <a:pt x="5573" y="17121"/>
                  <a:pt x="5620" y="17118"/>
                  <a:pt x="5706" y="17112"/>
                </a:cubicBezTo>
                <a:cubicBezTo>
                  <a:pt x="5756" y="17108"/>
                  <a:pt x="5801" y="17098"/>
                  <a:pt x="5840" y="17094"/>
                </a:cubicBezTo>
                <a:cubicBezTo>
                  <a:pt x="5879" y="17089"/>
                  <a:pt x="5914" y="17082"/>
                  <a:pt x="5944" y="17075"/>
                </a:cubicBezTo>
                <a:lnTo>
                  <a:pt x="5986" y="17066"/>
                </a:lnTo>
                <a:lnTo>
                  <a:pt x="6053" y="17050"/>
                </a:lnTo>
                <a:lnTo>
                  <a:pt x="6169" y="17020"/>
                </a:lnTo>
                <a:lnTo>
                  <a:pt x="6194" y="17013"/>
                </a:lnTo>
                <a:lnTo>
                  <a:pt x="6208" y="17010"/>
                </a:lnTo>
                <a:lnTo>
                  <a:pt x="6213" y="17008"/>
                </a:lnTo>
                <a:cubicBezTo>
                  <a:pt x="6213" y="17008"/>
                  <a:pt x="6215" y="17006"/>
                  <a:pt x="6217" y="17004"/>
                </a:cubicBezTo>
                <a:lnTo>
                  <a:pt x="6241" y="16955"/>
                </a:lnTo>
                <a:lnTo>
                  <a:pt x="6289" y="16855"/>
                </a:lnTo>
                <a:lnTo>
                  <a:pt x="6333" y="16770"/>
                </a:lnTo>
                <a:cubicBezTo>
                  <a:pt x="6347" y="16746"/>
                  <a:pt x="6361" y="16721"/>
                  <a:pt x="6377" y="16691"/>
                </a:cubicBezTo>
                <a:lnTo>
                  <a:pt x="6377" y="16691"/>
                </a:lnTo>
                <a:cubicBezTo>
                  <a:pt x="6363" y="16707"/>
                  <a:pt x="6350" y="16728"/>
                  <a:pt x="6338" y="16749"/>
                </a:cubicBezTo>
                <a:lnTo>
                  <a:pt x="6312" y="16793"/>
                </a:lnTo>
                <a:cubicBezTo>
                  <a:pt x="6296" y="16823"/>
                  <a:pt x="6280" y="16851"/>
                  <a:pt x="6261" y="16883"/>
                </a:cubicBezTo>
                <a:cubicBezTo>
                  <a:pt x="6280" y="16844"/>
                  <a:pt x="6284" y="16833"/>
                  <a:pt x="6281" y="16833"/>
                </a:cubicBezTo>
                <a:cubicBezTo>
                  <a:pt x="6278" y="16833"/>
                  <a:pt x="6271" y="16841"/>
                  <a:pt x="6266" y="16846"/>
                </a:cubicBezTo>
                <a:cubicBezTo>
                  <a:pt x="6264" y="16848"/>
                  <a:pt x="6262" y="16850"/>
                  <a:pt x="6261" y="16850"/>
                </a:cubicBezTo>
                <a:cubicBezTo>
                  <a:pt x="6259" y="16850"/>
                  <a:pt x="6259" y="16848"/>
                  <a:pt x="6261" y="16841"/>
                </a:cubicBezTo>
                <a:cubicBezTo>
                  <a:pt x="6264" y="16834"/>
                  <a:pt x="6268" y="16825"/>
                  <a:pt x="6275" y="16809"/>
                </a:cubicBezTo>
                <a:lnTo>
                  <a:pt x="6299" y="16760"/>
                </a:lnTo>
                <a:cubicBezTo>
                  <a:pt x="6352" y="16695"/>
                  <a:pt x="6396" y="16624"/>
                  <a:pt x="6431" y="16549"/>
                </a:cubicBezTo>
                <a:cubicBezTo>
                  <a:pt x="6456" y="16501"/>
                  <a:pt x="6482" y="16448"/>
                  <a:pt x="6509" y="16392"/>
                </a:cubicBezTo>
                <a:lnTo>
                  <a:pt x="6579" y="16232"/>
                </a:lnTo>
                <a:lnTo>
                  <a:pt x="6579" y="16232"/>
                </a:lnTo>
                <a:cubicBezTo>
                  <a:pt x="6577" y="16244"/>
                  <a:pt x="6577" y="16248"/>
                  <a:pt x="6580" y="16248"/>
                </a:cubicBezTo>
                <a:cubicBezTo>
                  <a:pt x="6587" y="16248"/>
                  <a:pt x="6610" y="16212"/>
                  <a:pt x="6615" y="16212"/>
                </a:cubicBezTo>
                <a:cubicBezTo>
                  <a:pt x="6617" y="16212"/>
                  <a:pt x="6616" y="16217"/>
                  <a:pt x="6611" y="16232"/>
                </a:cubicBezTo>
                <a:cubicBezTo>
                  <a:pt x="6623" y="16204"/>
                  <a:pt x="6632" y="16179"/>
                  <a:pt x="6644" y="16153"/>
                </a:cubicBezTo>
                <a:cubicBezTo>
                  <a:pt x="6653" y="16130"/>
                  <a:pt x="6660" y="16105"/>
                  <a:pt x="6667" y="16084"/>
                </a:cubicBezTo>
                <a:cubicBezTo>
                  <a:pt x="6678" y="16049"/>
                  <a:pt x="6690" y="16014"/>
                  <a:pt x="6697" y="15980"/>
                </a:cubicBezTo>
                <a:lnTo>
                  <a:pt x="6697" y="15980"/>
                </a:lnTo>
                <a:cubicBezTo>
                  <a:pt x="6659" y="16067"/>
                  <a:pt x="6644" y="16099"/>
                  <a:pt x="6641" y="16099"/>
                </a:cubicBezTo>
                <a:cubicBezTo>
                  <a:pt x="6638" y="16099"/>
                  <a:pt x="6660" y="16036"/>
                  <a:pt x="6683" y="15968"/>
                </a:cubicBezTo>
                <a:cubicBezTo>
                  <a:pt x="6699" y="15922"/>
                  <a:pt x="6716" y="15873"/>
                  <a:pt x="6727" y="15822"/>
                </a:cubicBezTo>
                <a:cubicBezTo>
                  <a:pt x="6729" y="15814"/>
                  <a:pt x="6729" y="15809"/>
                  <a:pt x="6728" y="15809"/>
                </a:cubicBezTo>
                <a:cubicBezTo>
                  <a:pt x="6726" y="15809"/>
                  <a:pt x="6715" y="15831"/>
                  <a:pt x="6690" y="15885"/>
                </a:cubicBezTo>
                <a:cubicBezTo>
                  <a:pt x="6806" y="15556"/>
                  <a:pt x="6841" y="15496"/>
                  <a:pt x="6910" y="15287"/>
                </a:cubicBezTo>
                <a:lnTo>
                  <a:pt x="6910" y="15287"/>
                </a:lnTo>
                <a:cubicBezTo>
                  <a:pt x="6913" y="15299"/>
                  <a:pt x="6860" y="15498"/>
                  <a:pt x="6867" y="15498"/>
                </a:cubicBezTo>
                <a:cubicBezTo>
                  <a:pt x="6869" y="15498"/>
                  <a:pt x="6881" y="15467"/>
                  <a:pt x="6908" y="15384"/>
                </a:cubicBezTo>
                <a:cubicBezTo>
                  <a:pt x="6912" y="15361"/>
                  <a:pt x="6915" y="15343"/>
                  <a:pt x="6919" y="15326"/>
                </a:cubicBezTo>
                <a:cubicBezTo>
                  <a:pt x="6924" y="15308"/>
                  <a:pt x="6924" y="15294"/>
                  <a:pt x="6926" y="15282"/>
                </a:cubicBezTo>
                <a:cubicBezTo>
                  <a:pt x="6929" y="15268"/>
                  <a:pt x="6929" y="15255"/>
                  <a:pt x="6929" y="15238"/>
                </a:cubicBezTo>
                <a:cubicBezTo>
                  <a:pt x="6929" y="15232"/>
                  <a:pt x="6928" y="15230"/>
                  <a:pt x="6926" y="15230"/>
                </a:cubicBezTo>
                <a:cubicBezTo>
                  <a:pt x="6923" y="15230"/>
                  <a:pt x="6919" y="15236"/>
                  <a:pt x="6915" y="15243"/>
                </a:cubicBezTo>
                <a:cubicBezTo>
                  <a:pt x="6909" y="15253"/>
                  <a:pt x="6903" y="15264"/>
                  <a:pt x="6899" y="15264"/>
                </a:cubicBezTo>
                <a:cubicBezTo>
                  <a:pt x="6893" y="15264"/>
                  <a:pt x="6892" y="15242"/>
                  <a:pt x="6903" y="15162"/>
                </a:cubicBezTo>
                <a:lnTo>
                  <a:pt x="6903" y="15162"/>
                </a:lnTo>
                <a:cubicBezTo>
                  <a:pt x="6885" y="15234"/>
                  <a:pt x="6866" y="15306"/>
                  <a:pt x="6841" y="15377"/>
                </a:cubicBezTo>
                <a:cubicBezTo>
                  <a:pt x="6840" y="15378"/>
                  <a:pt x="6839" y="15378"/>
                  <a:pt x="6839" y="15378"/>
                </a:cubicBezTo>
                <a:cubicBezTo>
                  <a:pt x="6834" y="15378"/>
                  <a:pt x="6836" y="15358"/>
                  <a:pt x="6841" y="15326"/>
                </a:cubicBezTo>
                <a:cubicBezTo>
                  <a:pt x="6848" y="15289"/>
                  <a:pt x="6859" y="15241"/>
                  <a:pt x="6873" y="15187"/>
                </a:cubicBezTo>
                <a:lnTo>
                  <a:pt x="6912" y="15037"/>
                </a:lnTo>
                <a:cubicBezTo>
                  <a:pt x="6922" y="14991"/>
                  <a:pt x="6929" y="14956"/>
                  <a:pt x="6931" y="14942"/>
                </a:cubicBezTo>
                <a:cubicBezTo>
                  <a:pt x="6937" y="14918"/>
                  <a:pt x="6939" y="14909"/>
                  <a:pt x="6940" y="14909"/>
                </a:cubicBezTo>
                <a:lnTo>
                  <a:pt x="6940" y="14909"/>
                </a:lnTo>
                <a:cubicBezTo>
                  <a:pt x="6944" y="14909"/>
                  <a:pt x="6922" y="15033"/>
                  <a:pt x="6931" y="15033"/>
                </a:cubicBezTo>
                <a:cubicBezTo>
                  <a:pt x="6933" y="15033"/>
                  <a:pt x="6937" y="15025"/>
                  <a:pt x="6945" y="15002"/>
                </a:cubicBezTo>
                <a:cubicBezTo>
                  <a:pt x="6968" y="14902"/>
                  <a:pt x="6980" y="14826"/>
                  <a:pt x="6991" y="14757"/>
                </a:cubicBezTo>
                <a:cubicBezTo>
                  <a:pt x="6996" y="14694"/>
                  <a:pt x="7007" y="14629"/>
                  <a:pt x="7019" y="14567"/>
                </a:cubicBezTo>
                <a:cubicBezTo>
                  <a:pt x="7019" y="14696"/>
                  <a:pt x="7024" y="14615"/>
                  <a:pt x="7019" y="14761"/>
                </a:cubicBezTo>
                <a:cubicBezTo>
                  <a:pt x="7045" y="14582"/>
                  <a:pt x="7054" y="14540"/>
                  <a:pt x="7058" y="14540"/>
                </a:cubicBezTo>
                <a:cubicBezTo>
                  <a:pt x="7059" y="14540"/>
                  <a:pt x="7060" y="14545"/>
                  <a:pt x="7061" y="14550"/>
                </a:cubicBezTo>
                <a:cubicBezTo>
                  <a:pt x="7062" y="14558"/>
                  <a:pt x="7064" y="14567"/>
                  <a:pt x="7067" y="14567"/>
                </a:cubicBezTo>
                <a:cubicBezTo>
                  <a:pt x="7068" y="14567"/>
                  <a:pt x="7069" y="14566"/>
                  <a:pt x="7070" y="14564"/>
                </a:cubicBezTo>
                <a:cubicBezTo>
                  <a:pt x="7077" y="14550"/>
                  <a:pt x="7079" y="14536"/>
                  <a:pt x="7082" y="14523"/>
                </a:cubicBezTo>
                <a:cubicBezTo>
                  <a:pt x="7091" y="14490"/>
                  <a:pt x="7095" y="14455"/>
                  <a:pt x="7100" y="14423"/>
                </a:cubicBezTo>
                <a:cubicBezTo>
                  <a:pt x="7107" y="14305"/>
                  <a:pt x="7084" y="14377"/>
                  <a:pt x="7107" y="14189"/>
                </a:cubicBezTo>
                <a:lnTo>
                  <a:pt x="7107" y="14189"/>
                </a:lnTo>
                <a:cubicBezTo>
                  <a:pt x="7093" y="14242"/>
                  <a:pt x="7084" y="14265"/>
                  <a:pt x="7075" y="14314"/>
                </a:cubicBezTo>
                <a:cubicBezTo>
                  <a:pt x="7070" y="14340"/>
                  <a:pt x="7065" y="14370"/>
                  <a:pt x="7061" y="14411"/>
                </a:cubicBezTo>
                <a:cubicBezTo>
                  <a:pt x="7054" y="14455"/>
                  <a:pt x="7047" y="14511"/>
                  <a:pt x="7035" y="14587"/>
                </a:cubicBezTo>
                <a:cubicBezTo>
                  <a:pt x="7033" y="14550"/>
                  <a:pt x="7035" y="14511"/>
                  <a:pt x="7040" y="14476"/>
                </a:cubicBezTo>
                <a:cubicBezTo>
                  <a:pt x="7044" y="14430"/>
                  <a:pt x="7051" y="14377"/>
                  <a:pt x="7058" y="14319"/>
                </a:cubicBezTo>
                <a:cubicBezTo>
                  <a:pt x="7063" y="14291"/>
                  <a:pt x="7065" y="14261"/>
                  <a:pt x="7070" y="14233"/>
                </a:cubicBezTo>
                <a:cubicBezTo>
                  <a:pt x="7075" y="14203"/>
                  <a:pt x="7077" y="14175"/>
                  <a:pt x="7079" y="14143"/>
                </a:cubicBezTo>
                <a:cubicBezTo>
                  <a:pt x="7082" y="14085"/>
                  <a:pt x="7086" y="14025"/>
                  <a:pt x="7084" y="13971"/>
                </a:cubicBezTo>
                <a:lnTo>
                  <a:pt x="7084" y="13971"/>
                </a:lnTo>
                <a:cubicBezTo>
                  <a:pt x="7070" y="14143"/>
                  <a:pt x="7077" y="14025"/>
                  <a:pt x="7068" y="14210"/>
                </a:cubicBezTo>
                <a:cubicBezTo>
                  <a:pt x="7054" y="14221"/>
                  <a:pt x="7045" y="14242"/>
                  <a:pt x="7038" y="14242"/>
                </a:cubicBezTo>
                <a:cubicBezTo>
                  <a:pt x="7038" y="14242"/>
                  <a:pt x="7038" y="14242"/>
                  <a:pt x="7037" y="14242"/>
                </a:cubicBezTo>
                <a:cubicBezTo>
                  <a:pt x="7033" y="14242"/>
                  <a:pt x="7033" y="14235"/>
                  <a:pt x="7031" y="14219"/>
                </a:cubicBezTo>
                <a:cubicBezTo>
                  <a:pt x="7028" y="14201"/>
                  <a:pt x="7026" y="14173"/>
                  <a:pt x="7024" y="14131"/>
                </a:cubicBezTo>
                <a:cubicBezTo>
                  <a:pt x="7024" y="14182"/>
                  <a:pt x="7019" y="14224"/>
                  <a:pt x="7019" y="14263"/>
                </a:cubicBezTo>
                <a:cubicBezTo>
                  <a:pt x="7019" y="14305"/>
                  <a:pt x="7017" y="14342"/>
                  <a:pt x="7017" y="14384"/>
                </a:cubicBezTo>
                <a:cubicBezTo>
                  <a:pt x="7014" y="14488"/>
                  <a:pt x="7003" y="14594"/>
                  <a:pt x="6982" y="14699"/>
                </a:cubicBezTo>
                <a:cubicBezTo>
                  <a:pt x="6979" y="14704"/>
                  <a:pt x="6977" y="14707"/>
                  <a:pt x="6975" y="14707"/>
                </a:cubicBezTo>
                <a:cubicBezTo>
                  <a:pt x="6966" y="14707"/>
                  <a:pt x="6974" y="14633"/>
                  <a:pt x="6982" y="14550"/>
                </a:cubicBezTo>
                <a:cubicBezTo>
                  <a:pt x="6991" y="14453"/>
                  <a:pt x="6993" y="14349"/>
                  <a:pt x="6980" y="14344"/>
                </a:cubicBezTo>
                <a:cubicBezTo>
                  <a:pt x="6980" y="14309"/>
                  <a:pt x="6982" y="14261"/>
                  <a:pt x="6987" y="14208"/>
                </a:cubicBezTo>
                <a:cubicBezTo>
                  <a:pt x="6991" y="14152"/>
                  <a:pt x="6993" y="14092"/>
                  <a:pt x="6998" y="14034"/>
                </a:cubicBezTo>
                <a:cubicBezTo>
                  <a:pt x="7012" y="13911"/>
                  <a:pt x="7017" y="13788"/>
                  <a:pt x="7024" y="13710"/>
                </a:cubicBezTo>
                <a:cubicBezTo>
                  <a:pt x="7007" y="13436"/>
                  <a:pt x="6989" y="13100"/>
                  <a:pt x="6931" y="12896"/>
                </a:cubicBezTo>
                <a:cubicBezTo>
                  <a:pt x="6924" y="12799"/>
                  <a:pt x="6892" y="12628"/>
                  <a:pt x="6852" y="12440"/>
                </a:cubicBezTo>
                <a:cubicBezTo>
                  <a:pt x="6813" y="12250"/>
                  <a:pt x="6760" y="12046"/>
                  <a:pt x="6736" y="11868"/>
                </a:cubicBezTo>
                <a:cubicBezTo>
                  <a:pt x="6739" y="11838"/>
                  <a:pt x="6727" y="11729"/>
                  <a:pt x="6725" y="11655"/>
                </a:cubicBezTo>
                <a:cubicBezTo>
                  <a:pt x="6722" y="11612"/>
                  <a:pt x="6722" y="11581"/>
                  <a:pt x="6724" y="11581"/>
                </a:cubicBezTo>
                <a:cubicBezTo>
                  <a:pt x="6726" y="11581"/>
                  <a:pt x="6730" y="11600"/>
                  <a:pt x="6736" y="11648"/>
                </a:cubicBezTo>
                <a:cubicBezTo>
                  <a:pt x="6736" y="11639"/>
                  <a:pt x="6732" y="11615"/>
                  <a:pt x="6729" y="11585"/>
                </a:cubicBezTo>
                <a:cubicBezTo>
                  <a:pt x="6727" y="11555"/>
                  <a:pt x="6725" y="11518"/>
                  <a:pt x="6725" y="11483"/>
                </a:cubicBezTo>
                <a:cubicBezTo>
                  <a:pt x="6723" y="11433"/>
                  <a:pt x="6724" y="11390"/>
                  <a:pt x="6719" y="11390"/>
                </a:cubicBezTo>
                <a:cubicBezTo>
                  <a:pt x="6718" y="11390"/>
                  <a:pt x="6716" y="11394"/>
                  <a:pt x="6713" y="11402"/>
                </a:cubicBezTo>
                <a:cubicBezTo>
                  <a:pt x="6716" y="11419"/>
                  <a:pt x="6716" y="11435"/>
                  <a:pt x="6713" y="11453"/>
                </a:cubicBezTo>
                <a:cubicBezTo>
                  <a:pt x="6713" y="11476"/>
                  <a:pt x="6713" y="11502"/>
                  <a:pt x="6713" y="11527"/>
                </a:cubicBezTo>
                <a:cubicBezTo>
                  <a:pt x="6709" y="11509"/>
                  <a:pt x="6702" y="11490"/>
                  <a:pt x="6697" y="11470"/>
                </a:cubicBezTo>
                <a:cubicBezTo>
                  <a:pt x="6699" y="11381"/>
                  <a:pt x="6709" y="11293"/>
                  <a:pt x="6720" y="11205"/>
                </a:cubicBezTo>
                <a:cubicBezTo>
                  <a:pt x="6734" y="11120"/>
                  <a:pt x="6760" y="11036"/>
                  <a:pt x="6797" y="10958"/>
                </a:cubicBezTo>
                <a:cubicBezTo>
                  <a:pt x="6798" y="10955"/>
                  <a:pt x="6799" y="10953"/>
                  <a:pt x="6800" y="10953"/>
                </a:cubicBezTo>
                <a:cubicBezTo>
                  <a:pt x="6802" y="10953"/>
                  <a:pt x="6800" y="10966"/>
                  <a:pt x="6797" y="10983"/>
                </a:cubicBezTo>
                <a:cubicBezTo>
                  <a:pt x="6792" y="10995"/>
                  <a:pt x="6787" y="11009"/>
                  <a:pt x="6783" y="11025"/>
                </a:cubicBezTo>
                <a:cubicBezTo>
                  <a:pt x="6776" y="11041"/>
                  <a:pt x="6773" y="11057"/>
                  <a:pt x="6769" y="11073"/>
                </a:cubicBezTo>
                <a:cubicBezTo>
                  <a:pt x="6755" y="11124"/>
                  <a:pt x="6745" y="11170"/>
                  <a:pt x="6749" y="11170"/>
                </a:cubicBezTo>
                <a:cubicBezTo>
                  <a:pt x="6751" y="11170"/>
                  <a:pt x="6754" y="11164"/>
                  <a:pt x="6760" y="11152"/>
                </a:cubicBezTo>
                <a:cubicBezTo>
                  <a:pt x="6766" y="11087"/>
                  <a:pt x="6783" y="11025"/>
                  <a:pt x="6804" y="10965"/>
                </a:cubicBezTo>
                <a:cubicBezTo>
                  <a:pt x="6838" y="10872"/>
                  <a:pt x="6878" y="10784"/>
                  <a:pt x="6929" y="10700"/>
                </a:cubicBezTo>
                <a:cubicBezTo>
                  <a:pt x="7019" y="10550"/>
                  <a:pt x="7126" y="10406"/>
                  <a:pt x="7246" y="10277"/>
                </a:cubicBezTo>
                <a:cubicBezTo>
                  <a:pt x="7341" y="10172"/>
                  <a:pt x="7369" y="10175"/>
                  <a:pt x="7410" y="10133"/>
                </a:cubicBezTo>
                <a:lnTo>
                  <a:pt x="7566" y="9952"/>
                </a:lnTo>
                <a:cubicBezTo>
                  <a:pt x="7589" y="9938"/>
                  <a:pt x="7612" y="9927"/>
                  <a:pt x="7633" y="9911"/>
                </a:cubicBezTo>
                <a:cubicBezTo>
                  <a:pt x="7695" y="9846"/>
                  <a:pt x="7753" y="9776"/>
                  <a:pt x="7807" y="9704"/>
                </a:cubicBezTo>
                <a:cubicBezTo>
                  <a:pt x="7891" y="9619"/>
                  <a:pt x="7928" y="9587"/>
                  <a:pt x="7936" y="9587"/>
                </a:cubicBezTo>
                <a:cubicBezTo>
                  <a:pt x="7949" y="9587"/>
                  <a:pt x="7890" y="9668"/>
                  <a:pt x="7832" y="9746"/>
                </a:cubicBezTo>
                <a:lnTo>
                  <a:pt x="7709" y="9873"/>
                </a:lnTo>
                <a:cubicBezTo>
                  <a:pt x="7647" y="9956"/>
                  <a:pt x="7553" y="10061"/>
                  <a:pt x="7566" y="10061"/>
                </a:cubicBezTo>
                <a:cubicBezTo>
                  <a:pt x="7569" y="10061"/>
                  <a:pt x="7577" y="10055"/>
                  <a:pt x="7593" y="10043"/>
                </a:cubicBezTo>
                <a:cubicBezTo>
                  <a:pt x="7621" y="10012"/>
                  <a:pt x="7642" y="9980"/>
                  <a:pt x="7661" y="9945"/>
                </a:cubicBezTo>
                <a:lnTo>
                  <a:pt x="7737" y="9876"/>
                </a:lnTo>
                <a:cubicBezTo>
                  <a:pt x="7798" y="9793"/>
                  <a:pt x="7976" y="9588"/>
                  <a:pt x="7957" y="9588"/>
                </a:cubicBezTo>
                <a:cubicBezTo>
                  <a:pt x="7957" y="9588"/>
                  <a:pt x="7956" y="9588"/>
                  <a:pt x="7955" y="9589"/>
                </a:cubicBezTo>
                <a:cubicBezTo>
                  <a:pt x="8105" y="9441"/>
                  <a:pt x="8257" y="9256"/>
                  <a:pt x="8396" y="9131"/>
                </a:cubicBezTo>
                <a:lnTo>
                  <a:pt x="8396" y="9131"/>
                </a:lnTo>
                <a:cubicBezTo>
                  <a:pt x="8372" y="9153"/>
                  <a:pt x="8361" y="9161"/>
                  <a:pt x="8358" y="9161"/>
                </a:cubicBezTo>
                <a:cubicBezTo>
                  <a:pt x="8350" y="9161"/>
                  <a:pt x="8389" y="9111"/>
                  <a:pt x="8380" y="9111"/>
                </a:cubicBezTo>
                <a:cubicBezTo>
                  <a:pt x="8379" y="9111"/>
                  <a:pt x="8377" y="9112"/>
                  <a:pt x="8374" y="9114"/>
                </a:cubicBezTo>
                <a:cubicBezTo>
                  <a:pt x="8321" y="9165"/>
                  <a:pt x="8270" y="9218"/>
                  <a:pt x="8217" y="9271"/>
                </a:cubicBezTo>
                <a:cubicBezTo>
                  <a:pt x="8337" y="9137"/>
                  <a:pt x="8506" y="8945"/>
                  <a:pt x="8636" y="8833"/>
                </a:cubicBezTo>
                <a:lnTo>
                  <a:pt x="8636" y="8833"/>
                </a:lnTo>
                <a:cubicBezTo>
                  <a:pt x="8632" y="8842"/>
                  <a:pt x="8629" y="8849"/>
                  <a:pt x="8633" y="8849"/>
                </a:cubicBezTo>
                <a:cubicBezTo>
                  <a:pt x="8638" y="8849"/>
                  <a:pt x="8653" y="8839"/>
                  <a:pt x="8688" y="8812"/>
                </a:cubicBezTo>
                <a:lnTo>
                  <a:pt x="8688" y="8812"/>
                </a:lnTo>
                <a:cubicBezTo>
                  <a:pt x="8681" y="8817"/>
                  <a:pt x="8677" y="8820"/>
                  <a:pt x="8676" y="8820"/>
                </a:cubicBezTo>
                <a:cubicBezTo>
                  <a:pt x="8665" y="8820"/>
                  <a:pt x="8785" y="8695"/>
                  <a:pt x="8775" y="8695"/>
                </a:cubicBezTo>
                <a:cubicBezTo>
                  <a:pt x="8771" y="8695"/>
                  <a:pt x="8752" y="8709"/>
                  <a:pt x="8708" y="8748"/>
                </a:cubicBezTo>
                <a:cubicBezTo>
                  <a:pt x="8643" y="8820"/>
                  <a:pt x="8580" y="8882"/>
                  <a:pt x="8492" y="8970"/>
                </a:cubicBezTo>
                <a:cubicBezTo>
                  <a:pt x="8483" y="8976"/>
                  <a:pt x="8477" y="8978"/>
                  <a:pt x="8473" y="8978"/>
                </a:cubicBezTo>
                <a:cubicBezTo>
                  <a:pt x="8452" y="8978"/>
                  <a:pt x="8564" y="8862"/>
                  <a:pt x="8624" y="8787"/>
                </a:cubicBezTo>
                <a:cubicBezTo>
                  <a:pt x="8719" y="8687"/>
                  <a:pt x="8909" y="8495"/>
                  <a:pt x="9044" y="8365"/>
                </a:cubicBezTo>
                <a:cubicBezTo>
                  <a:pt x="9134" y="8291"/>
                  <a:pt x="9176" y="8287"/>
                  <a:pt x="9319" y="8148"/>
                </a:cubicBezTo>
                <a:lnTo>
                  <a:pt x="9319" y="8148"/>
                </a:lnTo>
                <a:cubicBezTo>
                  <a:pt x="9282" y="8174"/>
                  <a:pt x="9263" y="8185"/>
                  <a:pt x="9257" y="8185"/>
                </a:cubicBezTo>
                <a:cubicBezTo>
                  <a:pt x="9247" y="8185"/>
                  <a:pt x="9280" y="8150"/>
                  <a:pt x="9326" y="8104"/>
                </a:cubicBezTo>
                <a:cubicBezTo>
                  <a:pt x="9398" y="8034"/>
                  <a:pt x="9505" y="7939"/>
                  <a:pt x="9523" y="7911"/>
                </a:cubicBezTo>
                <a:cubicBezTo>
                  <a:pt x="9683" y="7800"/>
                  <a:pt x="9766" y="7710"/>
                  <a:pt x="9903" y="7633"/>
                </a:cubicBezTo>
                <a:lnTo>
                  <a:pt x="9903" y="7633"/>
                </a:lnTo>
                <a:cubicBezTo>
                  <a:pt x="9875" y="7659"/>
                  <a:pt x="9796" y="7712"/>
                  <a:pt x="9722" y="7772"/>
                </a:cubicBezTo>
                <a:cubicBezTo>
                  <a:pt x="9685" y="7800"/>
                  <a:pt x="9648" y="7830"/>
                  <a:pt x="9618" y="7856"/>
                </a:cubicBezTo>
                <a:cubicBezTo>
                  <a:pt x="9595" y="7874"/>
                  <a:pt x="9572" y="7895"/>
                  <a:pt x="9551" y="7918"/>
                </a:cubicBezTo>
                <a:cubicBezTo>
                  <a:pt x="9551" y="7928"/>
                  <a:pt x="9569" y="7925"/>
                  <a:pt x="9560" y="7944"/>
                </a:cubicBezTo>
                <a:cubicBezTo>
                  <a:pt x="9551" y="7962"/>
                  <a:pt x="9514" y="8002"/>
                  <a:pt x="9403" y="8097"/>
                </a:cubicBezTo>
                <a:cubicBezTo>
                  <a:pt x="9539" y="7988"/>
                  <a:pt x="9581" y="7955"/>
                  <a:pt x="9599" y="7935"/>
                </a:cubicBezTo>
                <a:cubicBezTo>
                  <a:pt x="9620" y="7908"/>
                  <a:pt x="9644" y="7884"/>
                  <a:pt x="9669" y="7864"/>
                </a:cubicBezTo>
                <a:lnTo>
                  <a:pt x="9669" y="7864"/>
                </a:lnTo>
                <a:cubicBezTo>
                  <a:pt x="9641" y="7885"/>
                  <a:pt x="9614" y="7907"/>
                  <a:pt x="9586" y="7930"/>
                </a:cubicBezTo>
                <a:cubicBezTo>
                  <a:pt x="9599" y="7917"/>
                  <a:pt x="9598" y="7914"/>
                  <a:pt x="9593" y="7914"/>
                </a:cubicBezTo>
                <a:cubicBezTo>
                  <a:pt x="9591" y="7914"/>
                  <a:pt x="9587" y="7915"/>
                  <a:pt x="9585" y="7915"/>
                </a:cubicBezTo>
                <a:cubicBezTo>
                  <a:pt x="9580" y="7915"/>
                  <a:pt x="9581" y="7910"/>
                  <a:pt x="9620" y="7879"/>
                </a:cubicBezTo>
                <a:cubicBezTo>
                  <a:pt x="9736" y="7793"/>
                  <a:pt x="9857" y="7712"/>
                  <a:pt x="9982" y="7640"/>
                </a:cubicBezTo>
                <a:cubicBezTo>
                  <a:pt x="10072" y="7587"/>
                  <a:pt x="10151" y="7548"/>
                  <a:pt x="10274" y="7483"/>
                </a:cubicBezTo>
                <a:lnTo>
                  <a:pt x="10274" y="7483"/>
                </a:lnTo>
                <a:cubicBezTo>
                  <a:pt x="10266" y="7486"/>
                  <a:pt x="10261" y="7487"/>
                  <a:pt x="10258" y="7487"/>
                </a:cubicBezTo>
                <a:cubicBezTo>
                  <a:pt x="10243" y="7487"/>
                  <a:pt x="10327" y="7430"/>
                  <a:pt x="10375" y="7400"/>
                </a:cubicBezTo>
                <a:cubicBezTo>
                  <a:pt x="10450" y="7363"/>
                  <a:pt x="10479" y="7352"/>
                  <a:pt x="10489" y="7352"/>
                </a:cubicBezTo>
                <a:cubicBezTo>
                  <a:pt x="10506" y="7352"/>
                  <a:pt x="10468" y="7384"/>
                  <a:pt x="10491" y="7384"/>
                </a:cubicBezTo>
                <a:cubicBezTo>
                  <a:pt x="10499" y="7384"/>
                  <a:pt x="10515" y="7380"/>
                  <a:pt x="10542" y="7369"/>
                </a:cubicBezTo>
                <a:cubicBezTo>
                  <a:pt x="10610" y="7319"/>
                  <a:pt x="10751" y="7251"/>
                  <a:pt x="10732" y="7251"/>
                </a:cubicBezTo>
                <a:cubicBezTo>
                  <a:pt x="10730" y="7251"/>
                  <a:pt x="10726" y="7252"/>
                  <a:pt x="10721" y="7254"/>
                </a:cubicBezTo>
                <a:cubicBezTo>
                  <a:pt x="10816" y="7207"/>
                  <a:pt x="10769" y="7237"/>
                  <a:pt x="10839" y="7210"/>
                </a:cubicBezTo>
                <a:cubicBezTo>
                  <a:pt x="10871" y="7186"/>
                  <a:pt x="10906" y="7166"/>
                  <a:pt x="10941" y="7149"/>
                </a:cubicBezTo>
                <a:cubicBezTo>
                  <a:pt x="10992" y="7122"/>
                  <a:pt x="11047" y="7098"/>
                  <a:pt x="11101" y="7078"/>
                </a:cubicBezTo>
                <a:lnTo>
                  <a:pt x="11101" y="7078"/>
                </a:lnTo>
                <a:cubicBezTo>
                  <a:pt x="11092" y="7089"/>
                  <a:pt x="11076" y="7102"/>
                  <a:pt x="10960" y="7148"/>
                </a:cubicBezTo>
                <a:lnTo>
                  <a:pt x="10960" y="7148"/>
                </a:lnTo>
                <a:cubicBezTo>
                  <a:pt x="11028" y="7122"/>
                  <a:pt x="11076" y="7111"/>
                  <a:pt x="11100" y="7111"/>
                </a:cubicBezTo>
                <a:cubicBezTo>
                  <a:pt x="11123" y="7111"/>
                  <a:pt x="11123" y="7121"/>
                  <a:pt x="11096" y="7138"/>
                </a:cubicBezTo>
                <a:cubicBezTo>
                  <a:pt x="11054" y="7149"/>
                  <a:pt x="11015" y="7166"/>
                  <a:pt x="10975" y="7182"/>
                </a:cubicBezTo>
                <a:cubicBezTo>
                  <a:pt x="10936" y="7196"/>
                  <a:pt x="10897" y="7210"/>
                  <a:pt x="10860" y="7228"/>
                </a:cubicBezTo>
                <a:cubicBezTo>
                  <a:pt x="10843" y="7238"/>
                  <a:pt x="10837" y="7242"/>
                  <a:pt x="10841" y="7242"/>
                </a:cubicBezTo>
                <a:cubicBezTo>
                  <a:pt x="10847" y="7242"/>
                  <a:pt x="10886" y="7226"/>
                  <a:pt x="10929" y="7207"/>
                </a:cubicBezTo>
                <a:cubicBezTo>
                  <a:pt x="10988" y="7183"/>
                  <a:pt x="11055" y="7157"/>
                  <a:pt x="11071" y="7157"/>
                </a:cubicBezTo>
                <a:cubicBezTo>
                  <a:pt x="11074" y="7157"/>
                  <a:pt x="11075" y="7157"/>
                  <a:pt x="11075" y="7159"/>
                </a:cubicBezTo>
                <a:cubicBezTo>
                  <a:pt x="11024" y="7182"/>
                  <a:pt x="10978" y="7198"/>
                  <a:pt x="10938" y="7214"/>
                </a:cubicBezTo>
                <a:cubicBezTo>
                  <a:pt x="10901" y="7228"/>
                  <a:pt x="10864" y="7244"/>
                  <a:pt x="10830" y="7263"/>
                </a:cubicBezTo>
                <a:cubicBezTo>
                  <a:pt x="10899" y="7244"/>
                  <a:pt x="11096" y="7147"/>
                  <a:pt x="11214" y="7103"/>
                </a:cubicBezTo>
                <a:cubicBezTo>
                  <a:pt x="11298" y="7075"/>
                  <a:pt x="11333" y="7066"/>
                  <a:pt x="11346" y="7066"/>
                </a:cubicBezTo>
                <a:cubicBezTo>
                  <a:pt x="11363" y="7066"/>
                  <a:pt x="11344" y="7081"/>
                  <a:pt x="11348" y="7084"/>
                </a:cubicBezTo>
                <a:cubicBezTo>
                  <a:pt x="11427" y="7052"/>
                  <a:pt x="11443" y="7043"/>
                  <a:pt x="11425" y="7043"/>
                </a:cubicBezTo>
                <a:cubicBezTo>
                  <a:pt x="11385" y="7050"/>
                  <a:pt x="11348" y="7057"/>
                  <a:pt x="11309" y="7068"/>
                </a:cubicBezTo>
                <a:lnTo>
                  <a:pt x="11240" y="7087"/>
                </a:lnTo>
                <a:cubicBezTo>
                  <a:pt x="11219" y="7094"/>
                  <a:pt x="11200" y="7098"/>
                  <a:pt x="11191" y="7098"/>
                </a:cubicBezTo>
                <a:cubicBezTo>
                  <a:pt x="11188" y="7099"/>
                  <a:pt x="11186" y="7099"/>
                  <a:pt x="11185" y="7099"/>
                </a:cubicBezTo>
                <a:cubicBezTo>
                  <a:pt x="11176" y="7099"/>
                  <a:pt x="11192" y="7087"/>
                  <a:pt x="11256" y="7059"/>
                </a:cubicBezTo>
                <a:cubicBezTo>
                  <a:pt x="11284" y="7045"/>
                  <a:pt x="11323" y="7029"/>
                  <a:pt x="11369" y="7010"/>
                </a:cubicBezTo>
                <a:cubicBezTo>
                  <a:pt x="11416" y="6994"/>
                  <a:pt x="11469" y="6978"/>
                  <a:pt x="11527" y="6959"/>
                </a:cubicBezTo>
                <a:cubicBezTo>
                  <a:pt x="11582" y="6941"/>
                  <a:pt x="11645" y="6927"/>
                  <a:pt x="11703" y="6911"/>
                </a:cubicBezTo>
                <a:cubicBezTo>
                  <a:pt x="11763" y="6897"/>
                  <a:pt x="11821" y="6885"/>
                  <a:pt x="11874" y="6874"/>
                </a:cubicBezTo>
                <a:lnTo>
                  <a:pt x="11874" y="6874"/>
                </a:lnTo>
                <a:cubicBezTo>
                  <a:pt x="11850" y="6876"/>
                  <a:pt x="11832" y="6877"/>
                  <a:pt x="11820" y="6877"/>
                </a:cubicBezTo>
                <a:cubicBezTo>
                  <a:pt x="11742" y="6877"/>
                  <a:pt x="11918" y="6830"/>
                  <a:pt x="12111" y="6800"/>
                </a:cubicBezTo>
                <a:lnTo>
                  <a:pt x="12111" y="6800"/>
                </a:lnTo>
                <a:cubicBezTo>
                  <a:pt x="11967" y="6818"/>
                  <a:pt x="11946" y="6818"/>
                  <a:pt x="11921" y="6818"/>
                </a:cubicBezTo>
                <a:cubicBezTo>
                  <a:pt x="11916" y="6818"/>
                  <a:pt x="11911" y="6817"/>
                  <a:pt x="11906" y="6817"/>
                </a:cubicBezTo>
                <a:cubicBezTo>
                  <a:pt x="11892" y="6817"/>
                  <a:pt x="11877" y="6820"/>
                  <a:pt x="11863" y="6825"/>
                </a:cubicBezTo>
                <a:cubicBezTo>
                  <a:pt x="11830" y="6830"/>
                  <a:pt x="11779" y="6841"/>
                  <a:pt x="11696" y="6862"/>
                </a:cubicBezTo>
                <a:lnTo>
                  <a:pt x="11687" y="6848"/>
                </a:lnTo>
                <a:cubicBezTo>
                  <a:pt x="11721" y="6839"/>
                  <a:pt x="11761" y="6832"/>
                  <a:pt x="11800" y="6825"/>
                </a:cubicBezTo>
                <a:cubicBezTo>
                  <a:pt x="11837" y="6818"/>
                  <a:pt x="11879" y="6811"/>
                  <a:pt x="11918" y="6804"/>
                </a:cubicBezTo>
                <a:cubicBezTo>
                  <a:pt x="11997" y="6795"/>
                  <a:pt x="12078" y="6781"/>
                  <a:pt x="12152" y="6776"/>
                </a:cubicBezTo>
                <a:lnTo>
                  <a:pt x="12152" y="6776"/>
                </a:lnTo>
                <a:cubicBezTo>
                  <a:pt x="12122" y="6783"/>
                  <a:pt x="12157" y="6783"/>
                  <a:pt x="12108" y="6793"/>
                </a:cubicBezTo>
                <a:cubicBezTo>
                  <a:pt x="12180" y="6783"/>
                  <a:pt x="12252" y="6772"/>
                  <a:pt x="12326" y="6765"/>
                </a:cubicBezTo>
                <a:cubicBezTo>
                  <a:pt x="12400" y="6758"/>
                  <a:pt x="12472" y="6753"/>
                  <a:pt x="12546" y="6749"/>
                </a:cubicBezTo>
                <a:lnTo>
                  <a:pt x="12546" y="6749"/>
                </a:lnTo>
                <a:cubicBezTo>
                  <a:pt x="12530" y="6753"/>
                  <a:pt x="12516" y="6756"/>
                  <a:pt x="12502" y="6762"/>
                </a:cubicBezTo>
                <a:cubicBezTo>
                  <a:pt x="12569" y="6760"/>
                  <a:pt x="12641" y="6760"/>
                  <a:pt x="12713" y="6760"/>
                </a:cubicBezTo>
                <a:cubicBezTo>
                  <a:pt x="12723" y="6760"/>
                  <a:pt x="12733" y="6760"/>
                  <a:pt x="12744" y="6760"/>
                </a:cubicBezTo>
                <a:cubicBezTo>
                  <a:pt x="12805" y="6760"/>
                  <a:pt x="12866" y="6765"/>
                  <a:pt x="12926" y="6765"/>
                </a:cubicBezTo>
                <a:cubicBezTo>
                  <a:pt x="13052" y="6771"/>
                  <a:pt x="13165" y="6778"/>
                  <a:pt x="13246" y="6782"/>
                </a:cubicBezTo>
                <a:lnTo>
                  <a:pt x="13246" y="6782"/>
                </a:lnTo>
                <a:cubicBezTo>
                  <a:pt x="13202" y="6779"/>
                  <a:pt x="13158" y="6773"/>
                  <a:pt x="13114" y="6767"/>
                </a:cubicBezTo>
                <a:cubicBezTo>
                  <a:pt x="13086" y="6760"/>
                  <a:pt x="13093" y="6756"/>
                  <a:pt x="13162" y="6756"/>
                </a:cubicBezTo>
                <a:cubicBezTo>
                  <a:pt x="13188" y="6755"/>
                  <a:pt x="13214" y="6755"/>
                  <a:pt x="13240" y="6755"/>
                </a:cubicBezTo>
                <a:cubicBezTo>
                  <a:pt x="13330" y="6755"/>
                  <a:pt x="13420" y="6758"/>
                  <a:pt x="13510" y="6767"/>
                </a:cubicBezTo>
                <a:cubicBezTo>
                  <a:pt x="13568" y="6788"/>
                  <a:pt x="13959" y="6826"/>
                  <a:pt x="13808" y="6826"/>
                </a:cubicBezTo>
                <a:cubicBezTo>
                  <a:pt x="13793" y="6826"/>
                  <a:pt x="13771" y="6826"/>
                  <a:pt x="13744" y="6825"/>
                </a:cubicBezTo>
                <a:lnTo>
                  <a:pt x="13744" y="6825"/>
                </a:lnTo>
                <a:cubicBezTo>
                  <a:pt x="14128" y="6851"/>
                  <a:pt x="13987" y="6834"/>
                  <a:pt x="14353" y="6855"/>
                </a:cubicBezTo>
                <a:cubicBezTo>
                  <a:pt x="14272" y="6851"/>
                  <a:pt x="14188" y="6844"/>
                  <a:pt x="14107" y="6839"/>
                </a:cubicBezTo>
                <a:cubicBezTo>
                  <a:pt x="14077" y="6820"/>
                  <a:pt x="14283" y="6813"/>
                  <a:pt x="14049" y="6781"/>
                </a:cubicBezTo>
                <a:lnTo>
                  <a:pt x="14049" y="6781"/>
                </a:lnTo>
                <a:cubicBezTo>
                  <a:pt x="14097" y="6784"/>
                  <a:pt x="14131" y="6785"/>
                  <a:pt x="14157" y="6785"/>
                </a:cubicBezTo>
                <a:cubicBezTo>
                  <a:pt x="14244" y="6785"/>
                  <a:pt x="14238" y="6773"/>
                  <a:pt x="14332" y="6773"/>
                </a:cubicBezTo>
                <a:cubicBezTo>
                  <a:pt x="14373" y="6773"/>
                  <a:pt x="14431" y="6775"/>
                  <a:pt x="14522" y="6781"/>
                </a:cubicBezTo>
                <a:cubicBezTo>
                  <a:pt x="14596" y="6793"/>
                  <a:pt x="14584" y="6800"/>
                  <a:pt x="14527" y="6802"/>
                </a:cubicBezTo>
                <a:cubicBezTo>
                  <a:pt x="14511" y="6803"/>
                  <a:pt x="14492" y="6804"/>
                  <a:pt x="14471" y="6804"/>
                </a:cubicBezTo>
                <a:cubicBezTo>
                  <a:pt x="14415" y="6804"/>
                  <a:pt x="14342" y="6800"/>
                  <a:pt x="14267" y="6795"/>
                </a:cubicBezTo>
                <a:lnTo>
                  <a:pt x="14267" y="6795"/>
                </a:lnTo>
                <a:cubicBezTo>
                  <a:pt x="14369" y="6811"/>
                  <a:pt x="14471" y="6818"/>
                  <a:pt x="14575" y="6820"/>
                </a:cubicBezTo>
                <a:cubicBezTo>
                  <a:pt x="14603" y="6826"/>
                  <a:pt x="14583" y="6830"/>
                  <a:pt x="14546" y="6831"/>
                </a:cubicBezTo>
                <a:lnTo>
                  <a:pt x="14546" y="6831"/>
                </a:lnTo>
                <a:cubicBezTo>
                  <a:pt x="14526" y="6830"/>
                  <a:pt x="14512" y="6830"/>
                  <a:pt x="14502" y="6830"/>
                </a:cubicBezTo>
                <a:cubicBezTo>
                  <a:pt x="14491" y="6830"/>
                  <a:pt x="14485" y="6830"/>
                  <a:pt x="14482" y="6831"/>
                </a:cubicBezTo>
                <a:lnTo>
                  <a:pt x="14482" y="6831"/>
                </a:lnTo>
                <a:cubicBezTo>
                  <a:pt x="14470" y="6830"/>
                  <a:pt x="14458" y="6830"/>
                  <a:pt x="14445" y="6830"/>
                </a:cubicBezTo>
                <a:cubicBezTo>
                  <a:pt x="14425" y="6830"/>
                  <a:pt x="14405" y="6831"/>
                  <a:pt x="14385" y="6832"/>
                </a:cubicBezTo>
                <a:cubicBezTo>
                  <a:pt x="14433" y="6836"/>
                  <a:pt x="14457" y="6838"/>
                  <a:pt x="14468" y="6838"/>
                </a:cubicBezTo>
                <a:cubicBezTo>
                  <a:pt x="14489" y="6838"/>
                  <a:pt x="14470" y="6833"/>
                  <a:pt x="14482" y="6831"/>
                </a:cubicBezTo>
                <a:lnTo>
                  <a:pt x="14482" y="6831"/>
                </a:lnTo>
                <a:cubicBezTo>
                  <a:pt x="14490" y="6831"/>
                  <a:pt x="14498" y="6832"/>
                  <a:pt x="14506" y="6832"/>
                </a:cubicBezTo>
                <a:cubicBezTo>
                  <a:pt x="14520" y="6832"/>
                  <a:pt x="14534" y="6832"/>
                  <a:pt x="14546" y="6831"/>
                </a:cubicBezTo>
                <a:lnTo>
                  <a:pt x="14546" y="6831"/>
                </a:lnTo>
                <a:cubicBezTo>
                  <a:pt x="14552" y="6831"/>
                  <a:pt x="14557" y="6832"/>
                  <a:pt x="14564" y="6832"/>
                </a:cubicBezTo>
                <a:cubicBezTo>
                  <a:pt x="14574" y="6832"/>
                  <a:pt x="14585" y="6832"/>
                  <a:pt x="14596" y="6832"/>
                </a:cubicBezTo>
                <a:cubicBezTo>
                  <a:pt x="14671" y="6832"/>
                  <a:pt x="14745" y="6839"/>
                  <a:pt x="14818" y="6853"/>
                </a:cubicBezTo>
                <a:cubicBezTo>
                  <a:pt x="14842" y="6857"/>
                  <a:pt x="14865" y="6862"/>
                  <a:pt x="14902" y="6867"/>
                </a:cubicBezTo>
                <a:cubicBezTo>
                  <a:pt x="14920" y="6869"/>
                  <a:pt x="14941" y="6871"/>
                  <a:pt x="14969" y="6871"/>
                </a:cubicBezTo>
                <a:cubicBezTo>
                  <a:pt x="14977" y="6872"/>
                  <a:pt x="14987" y="6872"/>
                  <a:pt x="14997" y="6872"/>
                </a:cubicBezTo>
                <a:cubicBezTo>
                  <a:pt x="15017" y="6872"/>
                  <a:pt x="15039" y="6871"/>
                  <a:pt x="15064" y="6871"/>
                </a:cubicBezTo>
                <a:cubicBezTo>
                  <a:pt x="15032" y="6871"/>
                  <a:pt x="14985" y="6871"/>
                  <a:pt x="14957" y="6867"/>
                </a:cubicBezTo>
                <a:cubicBezTo>
                  <a:pt x="14930" y="6864"/>
                  <a:pt x="14920" y="6860"/>
                  <a:pt x="14960" y="6860"/>
                </a:cubicBezTo>
                <a:cubicBezTo>
                  <a:pt x="15011" y="6861"/>
                  <a:pt x="15052" y="6862"/>
                  <a:pt x="15087" y="6862"/>
                </a:cubicBezTo>
                <a:cubicBezTo>
                  <a:pt x="15121" y="6862"/>
                  <a:pt x="15149" y="6861"/>
                  <a:pt x="15171" y="6860"/>
                </a:cubicBezTo>
                <a:cubicBezTo>
                  <a:pt x="15201" y="6860"/>
                  <a:pt x="15231" y="6857"/>
                  <a:pt x="15261" y="6853"/>
                </a:cubicBezTo>
                <a:cubicBezTo>
                  <a:pt x="15282" y="6851"/>
                  <a:pt x="15300" y="6848"/>
                  <a:pt x="15330" y="6846"/>
                </a:cubicBezTo>
                <a:cubicBezTo>
                  <a:pt x="15363" y="6841"/>
                  <a:pt x="15407" y="6839"/>
                  <a:pt x="15479" y="6832"/>
                </a:cubicBezTo>
                <a:cubicBezTo>
                  <a:pt x="15527" y="6837"/>
                  <a:pt x="15576" y="6844"/>
                  <a:pt x="15625" y="6857"/>
                </a:cubicBezTo>
                <a:cubicBezTo>
                  <a:pt x="15648" y="6862"/>
                  <a:pt x="15673" y="6862"/>
                  <a:pt x="15696" y="6862"/>
                </a:cubicBezTo>
                <a:cubicBezTo>
                  <a:pt x="15713" y="6862"/>
                  <a:pt x="15733" y="6862"/>
                  <a:pt x="15757" y="6860"/>
                </a:cubicBezTo>
                <a:cubicBezTo>
                  <a:pt x="15782" y="6857"/>
                  <a:pt x="15810" y="6855"/>
                  <a:pt x="15845" y="6853"/>
                </a:cubicBezTo>
                <a:lnTo>
                  <a:pt x="15845" y="6853"/>
                </a:lnTo>
                <a:cubicBezTo>
                  <a:pt x="15796" y="6857"/>
                  <a:pt x="15745" y="6864"/>
                  <a:pt x="15696" y="6869"/>
                </a:cubicBezTo>
                <a:cubicBezTo>
                  <a:pt x="15808" y="6869"/>
                  <a:pt x="15919" y="6860"/>
                  <a:pt x="16028" y="6834"/>
                </a:cubicBezTo>
                <a:cubicBezTo>
                  <a:pt x="16408" y="6739"/>
                  <a:pt x="16769" y="6575"/>
                  <a:pt x="17091" y="6348"/>
                </a:cubicBezTo>
                <a:cubicBezTo>
                  <a:pt x="17202" y="6269"/>
                  <a:pt x="17309" y="6183"/>
                  <a:pt x="17408" y="6093"/>
                </a:cubicBezTo>
                <a:lnTo>
                  <a:pt x="17408" y="6093"/>
                </a:lnTo>
                <a:cubicBezTo>
                  <a:pt x="17360" y="6137"/>
                  <a:pt x="17309" y="6181"/>
                  <a:pt x="17255" y="6223"/>
                </a:cubicBezTo>
                <a:cubicBezTo>
                  <a:pt x="17249" y="6227"/>
                  <a:pt x="17245" y="6229"/>
                  <a:pt x="17244" y="6229"/>
                </a:cubicBezTo>
                <a:cubicBezTo>
                  <a:pt x="17240" y="6229"/>
                  <a:pt x="17266" y="6206"/>
                  <a:pt x="17297" y="6181"/>
                </a:cubicBezTo>
                <a:cubicBezTo>
                  <a:pt x="17325" y="6160"/>
                  <a:pt x="17350" y="6135"/>
                  <a:pt x="17373" y="6107"/>
                </a:cubicBezTo>
                <a:cubicBezTo>
                  <a:pt x="17406" y="6081"/>
                  <a:pt x="17441" y="6056"/>
                  <a:pt x="17473" y="6030"/>
                </a:cubicBezTo>
                <a:cubicBezTo>
                  <a:pt x="17474" y="6028"/>
                  <a:pt x="17474" y="6026"/>
                  <a:pt x="17472" y="6026"/>
                </a:cubicBezTo>
                <a:cubicBezTo>
                  <a:pt x="17463" y="6026"/>
                  <a:pt x="17418" y="6064"/>
                  <a:pt x="17373" y="6098"/>
                </a:cubicBezTo>
                <a:cubicBezTo>
                  <a:pt x="17336" y="6128"/>
                  <a:pt x="17299" y="6153"/>
                  <a:pt x="17292" y="6153"/>
                </a:cubicBezTo>
                <a:cubicBezTo>
                  <a:pt x="17289" y="6153"/>
                  <a:pt x="17290" y="6150"/>
                  <a:pt x="17297" y="6142"/>
                </a:cubicBezTo>
                <a:cubicBezTo>
                  <a:pt x="17318" y="6128"/>
                  <a:pt x="17339" y="6109"/>
                  <a:pt x="17360" y="6091"/>
                </a:cubicBezTo>
                <a:lnTo>
                  <a:pt x="17360" y="6091"/>
                </a:lnTo>
                <a:cubicBezTo>
                  <a:pt x="17329" y="6114"/>
                  <a:pt x="17299" y="6139"/>
                  <a:pt x="17267" y="6160"/>
                </a:cubicBezTo>
                <a:cubicBezTo>
                  <a:pt x="17362" y="6088"/>
                  <a:pt x="17450" y="6007"/>
                  <a:pt x="17529" y="5919"/>
                </a:cubicBezTo>
                <a:cubicBezTo>
                  <a:pt x="17600" y="5838"/>
                  <a:pt x="17661" y="5759"/>
                  <a:pt x="17728" y="5688"/>
                </a:cubicBezTo>
                <a:lnTo>
                  <a:pt x="17728" y="5688"/>
                </a:lnTo>
                <a:cubicBezTo>
                  <a:pt x="17656" y="5790"/>
                  <a:pt x="17612" y="5843"/>
                  <a:pt x="17591" y="5875"/>
                </a:cubicBezTo>
                <a:cubicBezTo>
                  <a:pt x="17577" y="5892"/>
                  <a:pt x="17568" y="5910"/>
                  <a:pt x="17563" y="5929"/>
                </a:cubicBezTo>
                <a:cubicBezTo>
                  <a:pt x="17561" y="5949"/>
                  <a:pt x="17552" y="5968"/>
                  <a:pt x="17538" y="5982"/>
                </a:cubicBezTo>
                <a:cubicBezTo>
                  <a:pt x="17526" y="5998"/>
                  <a:pt x="17510" y="6019"/>
                  <a:pt x="17485" y="6047"/>
                </a:cubicBezTo>
                <a:lnTo>
                  <a:pt x="17436" y="6091"/>
                </a:lnTo>
                <a:cubicBezTo>
                  <a:pt x="17420" y="6109"/>
                  <a:pt x="17399" y="6128"/>
                  <a:pt x="17374" y="6149"/>
                </a:cubicBezTo>
                <a:lnTo>
                  <a:pt x="17374" y="6149"/>
                </a:lnTo>
                <a:cubicBezTo>
                  <a:pt x="17399" y="6128"/>
                  <a:pt x="17420" y="6109"/>
                  <a:pt x="17434" y="6098"/>
                </a:cubicBezTo>
                <a:cubicBezTo>
                  <a:pt x="17448" y="6084"/>
                  <a:pt x="17459" y="6075"/>
                  <a:pt x="17466" y="6070"/>
                </a:cubicBezTo>
                <a:cubicBezTo>
                  <a:pt x="17473" y="6064"/>
                  <a:pt x="17476" y="6062"/>
                  <a:pt x="17478" y="6062"/>
                </a:cubicBezTo>
                <a:cubicBezTo>
                  <a:pt x="17479" y="6062"/>
                  <a:pt x="17478" y="6065"/>
                  <a:pt x="17475" y="6070"/>
                </a:cubicBezTo>
                <a:cubicBezTo>
                  <a:pt x="17467" y="6085"/>
                  <a:pt x="17439" y="6119"/>
                  <a:pt x="17443" y="6119"/>
                </a:cubicBezTo>
                <a:cubicBezTo>
                  <a:pt x="17444" y="6119"/>
                  <a:pt x="17444" y="6119"/>
                  <a:pt x="17445" y="6119"/>
                </a:cubicBezTo>
                <a:cubicBezTo>
                  <a:pt x="17473" y="6095"/>
                  <a:pt x="17489" y="6079"/>
                  <a:pt x="17501" y="6068"/>
                </a:cubicBezTo>
                <a:cubicBezTo>
                  <a:pt x="17510" y="6061"/>
                  <a:pt x="17517" y="6051"/>
                  <a:pt x="17524" y="6040"/>
                </a:cubicBezTo>
                <a:cubicBezTo>
                  <a:pt x="17531" y="6030"/>
                  <a:pt x="17540" y="6021"/>
                  <a:pt x="17547" y="6012"/>
                </a:cubicBezTo>
                <a:lnTo>
                  <a:pt x="17605" y="5952"/>
                </a:lnTo>
                <a:lnTo>
                  <a:pt x="17605" y="5952"/>
                </a:lnTo>
                <a:cubicBezTo>
                  <a:pt x="17598" y="5968"/>
                  <a:pt x="17589" y="5984"/>
                  <a:pt x="17575" y="5998"/>
                </a:cubicBezTo>
                <a:lnTo>
                  <a:pt x="17508" y="6077"/>
                </a:lnTo>
                <a:cubicBezTo>
                  <a:pt x="17477" y="6109"/>
                  <a:pt x="17452" y="6135"/>
                  <a:pt x="17455" y="6135"/>
                </a:cubicBezTo>
                <a:cubicBezTo>
                  <a:pt x="17457" y="6135"/>
                  <a:pt x="17467" y="6128"/>
                  <a:pt x="17487" y="6112"/>
                </a:cubicBezTo>
                <a:cubicBezTo>
                  <a:pt x="17489" y="6088"/>
                  <a:pt x="17596" y="5991"/>
                  <a:pt x="17633" y="5929"/>
                </a:cubicBezTo>
                <a:cubicBezTo>
                  <a:pt x="17659" y="5901"/>
                  <a:pt x="17669" y="5892"/>
                  <a:pt x="17672" y="5892"/>
                </a:cubicBezTo>
                <a:cubicBezTo>
                  <a:pt x="17676" y="5892"/>
                  <a:pt x="17663" y="5912"/>
                  <a:pt x="17666" y="5912"/>
                </a:cubicBezTo>
                <a:cubicBezTo>
                  <a:pt x="17667" y="5912"/>
                  <a:pt x="17671" y="5910"/>
                  <a:pt x="17677" y="5903"/>
                </a:cubicBezTo>
                <a:cubicBezTo>
                  <a:pt x="17700" y="5878"/>
                  <a:pt x="17714" y="5857"/>
                  <a:pt x="17728" y="5836"/>
                </a:cubicBezTo>
                <a:cubicBezTo>
                  <a:pt x="17744" y="5813"/>
                  <a:pt x="17758" y="5792"/>
                  <a:pt x="17774" y="5769"/>
                </a:cubicBezTo>
                <a:lnTo>
                  <a:pt x="17774" y="5769"/>
                </a:lnTo>
                <a:lnTo>
                  <a:pt x="17758" y="5813"/>
                </a:lnTo>
                <a:cubicBezTo>
                  <a:pt x="17793" y="5771"/>
                  <a:pt x="17825" y="5727"/>
                  <a:pt x="17853" y="5681"/>
                </a:cubicBezTo>
                <a:cubicBezTo>
                  <a:pt x="17865" y="5665"/>
                  <a:pt x="17874" y="5644"/>
                  <a:pt x="17881" y="5625"/>
                </a:cubicBezTo>
                <a:cubicBezTo>
                  <a:pt x="17890" y="5595"/>
                  <a:pt x="17909" y="5563"/>
                  <a:pt x="17985" y="5389"/>
                </a:cubicBezTo>
                <a:cubicBezTo>
                  <a:pt x="17984" y="5387"/>
                  <a:pt x="17983" y="5387"/>
                  <a:pt x="17982" y="5387"/>
                </a:cubicBezTo>
                <a:cubicBezTo>
                  <a:pt x="17976" y="5387"/>
                  <a:pt x="17964" y="5409"/>
                  <a:pt x="17948" y="5447"/>
                </a:cubicBezTo>
                <a:cubicBezTo>
                  <a:pt x="17929" y="5488"/>
                  <a:pt x="17902" y="5551"/>
                  <a:pt x="17862" y="5620"/>
                </a:cubicBezTo>
                <a:cubicBezTo>
                  <a:pt x="17859" y="5623"/>
                  <a:pt x="17856" y="5624"/>
                  <a:pt x="17854" y="5624"/>
                </a:cubicBezTo>
                <a:cubicBezTo>
                  <a:pt x="17839" y="5624"/>
                  <a:pt x="17887" y="5527"/>
                  <a:pt x="17925" y="5419"/>
                </a:cubicBezTo>
                <a:cubicBezTo>
                  <a:pt x="17934" y="5391"/>
                  <a:pt x="17946" y="5361"/>
                  <a:pt x="17955" y="5333"/>
                </a:cubicBezTo>
                <a:cubicBezTo>
                  <a:pt x="17962" y="5303"/>
                  <a:pt x="17969" y="5278"/>
                  <a:pt x="17973" y="5254"/>
                </a:cubicBezTo>
                <a:cubicBezTo>
                  <a:pt x="17980" y="5213"/>
                  <a:pt x="17980" y="5184"/>
                  <a:pt x="17972" y="5184"/>
                </a:cubicBezTo>
                <a:cubicBezTo>
                  <a:pt x="17971" y="5184"/>
                  <a:pt x="17970" y="5184"/>
                  <a:pt x="17969" y="5185"/>
                </a:cubicBezTo>
                <a:cubicBezTo>
                  <a:pt x="17980" y="5143"/>
                  <a:pt x="17985" y="5113"/>
                  <a:pt x="17990" y="5092"/>
                </a:cubicBezTo>
                <a:cubicBezTo>
                  <a:pt x="17994" y="5069"/>
                  <a:pt x="17997" y="5058"/>
                  <a:pt x="17997" y="5053"/>
                </a:cubicBezTo>
                <a:cubicBezTo>
                  <a:pt x="17998" y="5050"/>
                  <a:pt x="17999" y="5048"/>
                  <a:pt x="18000" y="5048"/>
                </a:cubicBezTo>
                <a:cubicBezTo>
                  <a:pt x="18001" y="5048"/>
                  <a:pt x="18001" y="5058"/>
                  <a:pt x="18001" y="5069"/>
                </a:cubicBezTo>
                <a:cubicBezTo>
                  <a:pt x="17999" y="5083"/>
                  <a:pt x="18001" y="5096"/>
                  <a:pt x="18003" y="5096"/>
                </a:cubicBezTo>
                <a:cubicBezTo>
                  <a:pt x="18003" y="5096"/>
                  <a:pt x="18003" y="5095"/>
                  <a:pt x="18004" y="5095"/>
                </a:cubicBezTo>
                <a:cubicBezTo>
                  <a:pt x="18017" y="5062"/>
                  <a:pt x="18027" y="5025"/>
                  <a:pt x="18029" y="4990"/>
                </a:cubicBezTo>
                <a:cubicBezTo>
                  <a:pt x="18035" y="4962"/>
                  <a:pt x="18040" y="4950"/>
                  <a:pt x="18042" y="4950"/>
                </a:cubicBezTo>
                <a:cubicBezTo>
                  <a:pt x="18047" y="4950"/>
                  <a:pt x="18046" y="4992"/>
                  <a:pt x="18043" y="5048"/>
                </a:cubicBezTo>
                <a:cubicBezTo>
                  <a:pt x="18041" y="5071"/>
                  <a:pt x="18038" y="5095"/>
                  <a:pt x="18034" y="5118"/>
                </a:cubicBezTo>
                <a:cubicBezTo>
                  <a:pt x="18031" y="5141"/>
                  <a:pt x="18029" y="5164"/>
                  <a:pt x="18022" y="5185"/>
                </a:cubicBezTo>
                <a:cubicBezTo>
                  <a:pt x="18015" y="5229"/>
                  <a:pt x="18008" y="5268"/>
                  <a:pt x="18004" y="5287"/>
                </a:cubicBezTo>
                <a:cubicBezTo>
                  <a:pt x="18015" y="5264"/>
                  <a:pt x="18022" y="5238"/>
                  <a:pt x="18029" y="5213"/>
                </a:cubicBezTo>
                <a:cubicBezTo>
                  <a:pt x="18038" y="5187"/>
                  <a:pt x="18045" y="5162"/>
                  <a:pt x="18052" y="5136"/>
                </a:cubicBezTo>
                <a:lnTo>
                  <a:pt x="18071" y="5060"/>
                </a:lnTo>
                <a:lnTo>
                  <a:pt x="18082" y="4981"/>
                </a:lnTo>
                <a:cubicBezTo>
                  <a:pt x="18087" y="5014"/>
                  <a:pt x="18089" y="5044"/>
                  <a:pt x="18087" y="5076"/>
                </a:cubicBezTo>
                <a:cubicBezTo>
                  <a:pt x="18082" y="5111"/>
                  <a:pt x="18080" y="5148"/>
                  <a:pt x="18073" y="5183"/>
                </a:cubicBezTo>
                <a:cubicBezTo>
                  <a:pt x="18066" y="5217"/>
                  <a:pt x="18059" y="5250"/>
                  <a:pt x="18055" y="5278"/>
                </a:cubicBezTo>
                <a:cubicBezTo>
                  <a:pt x="18050" y="5301"/>
                  <a:pt x="18048" y="5324"/>
                  <a:pt x="18048" y="5347"/>
                </a:cubicBezTo>
                <a:cubicBezTo>
                  <a:pt x="18057" y="5317"/>
                  <a:pt x="18066" y="5294"/>
                  <a:pt x="18071" y="5271"/>
                </a:cubicBezTo>
                <a:lnTo>
                  <a:pt x="18087" y="5213"/>
                </a:lnTo>
                <a:cubicBezTo>
                  <a:pt x="18094" y="5185"/>
                  <a:pt x="18101" y="5155"/>
                  <a:pt x="18103" y="5127"/>
                </a:cubicBezTo>
                <a:cubicBezTo>
                  <a:pt x="18105" y="5099"/>
                  <a:pt x="18112" y="5071"/>
                  <a:pt x="18112" y="5037"/>
                </a:cubicBezTo>
                <a:cubicBezTo>
                  <a:pt x="18115" y="5002"/>
                  <a:pt x="18119" y="4958"/>
                  <a:pt x="18117" y="4895"/>
                </a:cubicBezTo>
                <a:lnTo>
                  <a:pt x="18117" y="4895"/>
                </a:lnTo>
                <a:cubicBezTo>
                  <a:pt x="18115" y="4921"/>
                  <a:pt x="18115" y="4942"/>
                  <a:pt x="18110" y="4958"/>
                </a:cubicBezTo>
                <a:lnTo>
                  <a:pt x="18103" y="5002"/>
                </a:lnTo>
                <a:cubicBezTo>
                  <a:pt x="18101" y="5014"/>
                  <a:pt x="18099" y="5025"/>
                  <a:pt x="18094" y="5037"/>
                </a:cubicBezTo>
                <a:cubicBezTo>
                  <a:pt x="18094" y="5037"/>
                  <a:pt x="18093" y="5037"/>
                  <a:pt x="18093" y="5037"/>
                </a:cubicBezTo>
                <a:cubicBezTo>
                  <a:pt x="18089" y="5037"/>
                  <a:pt x="18089" y="5013"/>
                  <a:pt x="18092" y="4983"/>
                </a:cubicBezTo>
                <a:cubicBezTo>
                  <a:pt x="18094" y="4956"/>
                  <a:pt x="18092" y="4928"/>
                  <a:pt x="18089" y="4900"/>
                </a:cubicBezTo>
                <a:cubicBezTo>
                  <a:pt x="18088" y="4896"/>
                  <a:pt x="18087" y="4893"/>
                  <a:pt x="18085" y="4893"/>
                </a:cubicBezTo>
                <a:cubicBezTo>
                  <a:pt x="18081" y="4893"/>
                  <a:pt x="18077" y="4907"/>
                  <a:pt x="18071" y="4946"/>
                </a:cubicBezTo>
                <a:cubicBezTo>
                  <a:pt x="18073" y="4902"/>
                  <a:pt x="18078" y="4872"/>
                  <a:pt x="18080" y="4849"/>
                </a:cubicBezTo>
                <a:cubicBezTo>
                  <a:pt x="18082" y="4824"/>
                  <a:pt x="18082" y="4807"/>
                  <a:pt x="18082" y="4787"/>
                </a:cubicBezTo>
                <a:cubicBezTo>
                  <a:pt x="18085" y="4712"/>
                  <a:pt x="18080" y="4638"/>
                  <a:pt x="18066" y="4567"/>
                </a:cubicBezTo>
                <a:lnTo>
                  <a:pt x="18066" y="4567"/>
                </a:lnTo>
                <a:cubicBezTo>
                  <a:pt x="18082" y="4648"/>
                  <a:pt x="18087" y="4648"/>
                  <a:pt x="18092" y="4657"/>
                </a:cubicBezTo>
                <a:cubicBezTo>
                  <a:pt x="18099" y="4664"/>
                  <a:pt x="18101" y="4675"/>
                  <a:pt x="18101" y="4685"/>
                </a:cubicBezTo>
                <a:cubicBezTo>
                  <a:pt x="18103" y="4692"/>
                  <a:pt x="18105" y="4702"/>
                  <a:pt x="18107" y="4715"/>
                </a:cubicBezTo>
                <a:lnTo>
                  <a:pt x="18107" y="4715"/>
                </a:lnTo>
                <a:lnTo>
                  <a:pt x="18103" y="4675"/>
                </a:lnTo>
                <a:cubicBezTo>
                  <a:pt x="18101" y="4643"/>
                  <a:pt x="18096" y="4617"/>
                  <a:pt x="18092" y="4594"/>
                </a:cubicBezTo>
                <a:cubicBezTo>
                  <a:pt x="18085" y="4548"/>
                  <a:pt x="18080" y="4518"/>
                  <a:pt x="18071" y="4485"/>
                </a:cubicBezTo>
                <a:cubicBezTo>
                  <a:pt x="18057" y="4423"/>
                  <a:pt x="18043" y="4360"/>
                  <a:pt x="17999" y="4194"/>
                </a:cubicBezTo>
                <a:cubicBezTo>
                  <a:pt x="17994" y="4183"/>
                  <a:pt x="17991" y="4179"/>
                  <a:pt x="17990" y="4179"/>
                </a:cubicBezTo>
                <a:cubicBezTo>
                  <a:pt x="17980" y="4179"/>
                  <a:pt x="18006" y="4310"/>
                  <a:pt x="17999" y="4310"/>
                </a:cubicBezTo>
                <a:cubicBezTo>
                  <a:pt x="17995" y="4310"/>
                  <a:pt x="17981" y="4268"/>
                  <a:pt x="17943" y="4138"/>
                </a:cubicBezTo>
                <a:cubicBezTo>
                  <a:pt x="17931" y="4094"/>
                  <a:pt x="17929" y="4076"/>
                  <a:pt x="17931" y="4076"/>
                </a:cubicBezTo>
                <a:lnTo>
                  <a:pt x="17931" y="4076"/>
                </a:lnTo>
                <a:cubicBezTo>
                  <a:pt x="17933" y="4076"/>
                  <a:pt x="17939" y="4092"/>
                  <a:pt x="17946" y="4117"/>
                </a:cubicBezTo>
                <a:cubicBezTo>
                  <a:pt x="17925" y="4026"/>
                  <a:pt x="17917" y="3999"/>
                  <a:pt x="17913" y="3999"/>
                </a:cubicBezTo>
                <a:cubicBezTo>
                  <a:pt x="17907" y="3999"/>
                  <a:pt x="17912" y="4057"/>
                  <a:pt x="17904" y="4057"/>
                </a:cubicBezTo>
                <a:cubicBezTo>
                  <a:pt x="17900" y="4057"/>
                  <a:pt x="17893" y="4044"/>
                  <a:pt x="17881" y="4004"/>
                </a:cubicBezTo>
                <a:cubicBezTo>
                  <a:pt x="17855" y="3912"/>
                  <a:pt x="17848" y="3861"/>
                  <a:pt x="17853" y="3861"/>
                </a:cubicBezTo>
                <a:cubicBezTo>
                  <a:pt x="17855" y="3861"/>
                  <a:pt x="17858" y="3867"/>
                  <a:pt x="17862" y="3881"/>
                </a:cubicBezTo>
                <a:cubicBezTo>
                  <a:pt x="17837" y="3788"/>
                  <a:pt x="17827" y="3765"/>
                  <a:pt x="17818" y="3753"/>
                </a:cubicBezTo>
                <a:cubicBezTo>
                  <a:pt x="17811" y="3742"/>
                  <a:pt x="17807" y="3737"/>
                  <a:pt x="17795" y="3670"/>
                </a:cubicBezTo>
                <a:lnTo>
                  <a:pt x="17795" y="3670"/>
                </a:lnTo>
                <a:lnTo>
                  <a:pt x="17800" y="3730"/>
                </a:lnTo>
                <a:cubicBezTo>
                  <a:pt x="17797" y="3721"/>
                  <a:pt x="17795" y="3718"/>
                  <a:pt x="17793" y="3718"/>
                </a:cubicBezTo>
                <a:cubicBezTo>
                  <a:pt x="17790" y="3718"/>
                  <a:pt x="17787" y="3726"/>
                  <a:pt x="17783" y="3726"/>
                </a:cubicBezTo>
                <a:cubicBezTo>
                  <a:pt x="17782" y="3726"/>
                  <a:pt x="17782" y="3726"/>
                  <a:pt x="17781" y="3726"/>
                </a:cubicBezTo>
                <a:cubicBezTo>
                  <a:pt x="17772" y="3723"/>
                  <a:pt x="17772" y="3716"/>
                  <a:pt x="17765" y="3691"/>
                </a:cubicBezTo>
                <a:cubicBezTo>
                  <a:pt x="17760" y="3677"/>
                  <a:pt x="17756" y="3658"/>
                  <a:pt x="17753" y="3635"/>
                </a:cubicBezTo>
                <a:cubicBezTo>
                  <a:pt x="17749" y="3612"/>
                  <a:pt x="17746" y="3582"/>
                  <a:pt x="17744" y="3545"/>
                </a:cubicBezTo>
                <a:cubicBezTo>
                  <a:pt x="17742" y="3489"/>
                  <a:pt x="17744" y="3455"/>
                  <a:pt x="17744" y="3429"/>
                </a:cubicBezTo>
                <a:cubicBezTo>
                  <a:pt x="17744" y="3415"/>
                  <a:pt x="17749" y="3401"/>
                  <a:pt x="17751" y="3387"/>
                </a:cubicBezTo>
                <a:cubicBezTo>
                  <a:pt x="17752" y="3384"/>
                  <a:pt x="17754" y="3383"/>
                  <a:pt x="17755" y="3383"/>
                </a:cubicBezTo>
                <a:cubicBezTo>
                  <a:pt x="17758" y="3383"/>
                  <a:pt x="17760" y="3390"/>
                  <a:pt x="17762" y="3390"/>
                </a:cubicBezTo>
                <a:cubicBezTo>
                  <a:pt x="17762" y="3390"/>
                  <a:pt x="17762" y="3390"/>
                  <a:pt x="17763" y="3390"/>
                </a:cubicBezTo>
                <a:cubicBezTo>
                  <a:pt x="17763" y="3369"/>
                  <a:pt x="17765" y="3348"/>
                  <a:pt x="17765" y="3330"/>
                </a:cubicBezTo>
                <a:cubicBezTo>
                  <a:pt x="17765" y="3309"/>
                  <a:pt x="17772" y="3290"/>
                  <a:pt x="17774" y="3272"/>
                </a:cubicBezTo>
                <a:cubicBezTo>
                  <a:pt x="17777" y="3253"/>
                  <a:pt x="17779" y="3235"/>
                  <a:pt x="17783" y="3216"/>
                </a:cubicBezTo>
                <a:cubicBezTo>
                  <a:pt x="17788" y="3197"/>
                  <a:pt x="17793" y="3181"/>
                  <a:pt x="17797" y="3165"/>
                </a:cubicBezTo>
                <a:cubicBezTo>
                  <a:pt x="17804" y="3149"/>
                  <a:pt x="17807" y="3133"/>
                  <a:pt x="17814" y="3116"/>
                </a:cubicBezTo>
                <a:lnTo>
                  <a:pt x="17832" y="3072"/>
                </a:lnTo>
                <a:cubicBezTo>
                  <a:pt x="17844" y="3045"/>
                  <a:pt x="17858" y="3017"/>
                  <a:pt x="17874" y="2991"/>
                </a:cubicBezTo>
                <a:lnTo>
                  <a:pt x="17874" y="2991"/>
                </a:lnTo>
                <a:cubicBezTo>
                  <a:pt x="17872" y="2993"/>
                  <a:pt x="17871" y="2994"/>
                  <a:pt x="17870" y="2994"/>
                </a:cubicBezTo>
                <a:cubicBezTo>
                  <a:pt x="17868" y="2994"/>
                  <a:pt x="17868" y="2991"/>
                  <a:pt x="17869" y="2987"/>
                </a:cubicBezTo>
                <a:cubicBezTo>
                  <a:pt x="17874" y="2970"/>
                  <a:pt x="17883" y="2954"/>
                  <a:pt x="17890" y="2940"/>
                </a:cubicBezTo>
                <a:cubicBezTo>
                  <a:pt x="17962" y="2813"/>
                  <a:pt x="17997" y="2787"/>
                  <a:pt x="18013" y="2776"/>
                </a:cubicBezTo>
                <a:cubicBezTo>
                  <a:pt x="18034" y="2767"/>
                  <a:pt x="18052" y="2753"/>
                  <a:pt x="18066" y="2734"/>
                </a:cubicBezTo>
                <a:cubicBezTo>
                  <a:pt x="18136" y="2662"/>
                  <a:pt x="18170" y="2632"/>
                  <a:pt x="18184" y="2616"/>
                </a:cubicBezTo>
                <a:cubicBezTo>
                  <a:pt x="18198" y="2600"/>
                  <a:pt x="18191" y="2600"/>
                  <a:pt x="18184" y="2598"/>
                </a:cubicBezTo>
                <a:cubicBezTo>
                  <a:pt x="18177" y="2595"/>
                  <a:pt x="18173" y="2593"/>
                  <a:pt x="18191" y="2572"/>
                </a:cubicBezTo>
                <a:cubicBezTo>
                  <a:pt x="18227" y="2532"/>
                  <a:pt x="18268" y="2497"/>
                  <a:pt x="18311" y="2466"/>
                </a:cubicBezTo>
                <a:lnTo>
                  <a:pt x="18311" y="2466"/>
                </a:lnTo>
                <a:cubicBezTo>
                  <a:pt x="18177" y="2560"/>
                  <a:pt x="18054" y="2673"/>
                  <a:pt x="17953" y="2801"/>
                </a:cubicBezTo>
                <a:cubicBezTo>
                  <a:pt x="17955" y="2791"/>
                  <a:pt x="17955" y="2782"/>
                  <a:pt x="17948" y="2782"/>
                </a:cubicBezTo>
                <a:cubicBezTo>
                  <a:pt x="17947" y="2782"/>
                  <a:pt x="17947" y="2783"/>
                  <a:pt x="17946" y="2783"/>
                </a:cubicBezTo>
                <a:cubicBezTo>
                  <a:pt x="17936" y="2787"/>
                  <a:pt x="17918" y="2806"/>
                  <a:pt x="17883" y="2857"/>
                </a:cubicBezTo>
                <a:cubicBezTo>
                  <a:pt x="17883" y="2871"/>
                  <a:pt x="17878" y="2885"/>
                  <a:pt x="17872" y="2896"/>
                </a:cubicBezTo>
                <a:cubicBezTo>
                  <a:pt x="17865" y="2917"/>
                  <a:pt x="17848" y="2945"/>
                  <a:pt x="17837" y="2980"/>
                </a:cubicBezTo>
                <a:cubicBezTo>
                  <a:pt x="17830" y="2998"/>
                  <a:pt x="17821" y="3014"/>
                  <a:pt x="17814" y="3035"/>
                </a:cubicBezTo>
                <a:lnTo>
                  <a:pt x="17793" y="3096"/>
                </a:lnTo>
                <a:cubicBezTo>
                  <a:pt x="17786" y="3116"/>
                  <a:pt x="17781" y="3140"/>
                  <a:pt x="17774" y="3160"/>
                </a:cubicBezTo>
                <a:cubicBezTo>
                  <a:pt x="17767" y="3184"/>
                  <a:pt x="17763" y="3204"/>
                  <a:pt x="17758" y="3228"/>
                </a:cubicBezTo>
                <a:cubicBezTo>
                  <a:pt x="17756" y="3230"/>
                  <a:pt x="17755" y="3231"/>
                  <a:pt x="17755" y="3231"/>
                </a:cubicBezTo>
                <a:cubicBezTo>
                  <a:pt x="17753" y="3231"/>
                  <a:pt x="17753" y="3227"/>
                  <a:pt x="17753" y="3221"/>
                </a:cubicBezTo>
                <a:cubicBezTo>
                  <a:pt x="17753" y="3207"/>
                  <a:pt x="17756" y="3191"/>
                  <a:pt x="17758" y="3177"/>
                </a:cubicBezTo>
                <a:cubicBezTo>
                  <a:pt x="17763" y="3158"/>
                  <a:pt x="17767" y="3135"/>
                  <a:pt x="17772" y="3112"/>
                </a:cubicBezTo>
                <a:cubicBezTo>
                  <a:pt x="17779" y="3086"/>
                  <a:pt x="17788" y="3063"/>
                  <a:pt x="17795" y="3042"/>
                </a:cubicBezTo>
                <a:cubicBezTo>
                  <a:pt x="17809" y="2998"/>
                  <a:pt x="17825" y="2964"/>
                  <a:pt x="17825" y="2954"/>
                </a:cubicBezTo>
                <a:cubicBezTo>
                  <a:pt x="17825" y="2952"/>
                  <a:pt x="17825" y="2951"/>
                  <a:pt x="17825" y="2951"/>
                </a:cubicBezTo>
                <a:cubicBezTo>
                  <a:pt x="17823" y="2951"/>
                  <a:pt x="17820" y="2957"/>
                  <a:pt x="17814" y="2966"/>
                </a:cubicBezTo>
                <a:cubicBezTo>
                  <a:pt x="17805" y="2980"/>
                  <a:pt x="17796" y="2994"/>
                  <a:pt x="17789" y="3009"/>
                </a:cubicBezTo>
                <a:lnTo>
                  <a:pt x="17789" y="3009"/>
                </a:lnTo>
                <a:cubicBezTo>
                  <a:pt x="17812" y="2959"/>
                  <a:pt x="17837" y="2911"/>
                  <a:pt x="17865" y="2864"/>
                </a:cubicBezTo>
                <a:cubicBezTo>
                  <a:pt x="17885" y="2836"/>
                  <a:pt x="17904" y="2804"/>
                  <a:pt x="17925" y="2776"/>
                </a:cubicBezTo>
                <a:cubicBezTo>
                  <a:pt x="17948" y="2748"/>
                  <a:pt x="17969" y="2720"/>
                  <a:pt x="17992" y="2695"/>
                </a:cubicBezTo>
                <a:lnTo>
                  <a:pt x="17992" y="2695"/>
                </a:lnTo>
                <a:cubicBezTo>
                  <a:pt x="17983" y="2708"/>
                  <a:pt x="17981" y="2714"/>
                  <a:pt x="17983" y="2714"/>
                </a:cubicBezTo>
                <a:cubicBezTo>
                  <a:pt x="17985" y="2714"/>
                  <a:pt x="17993" y="2707"/>
                  <a:pt x="18004" y="2695"/>
                </a:cubicBezTo>
                <a:cubicBezTo>
                  <a:pt x="18015" y="2683"/>
                  <a:pt x="18029" y="2669"/>
                  <a:pt x="18045" y="2653"/>
                </a:cubicBezTo>
                <a:lnTo>
                  <a:pt x="18096" y="2604"/>
                </a:lnTo>
                <a:cubicBezTo>
                  <a:pt x="18140" y="2564"/>
                  <a:pt x="18182" y="2529"/>
                  <a:pt x="18187" y="2529"/>
                </a:cubicBezTo>
                <a:cubicBezTo>
                  <a:pt x="18190" y="2529"/>
                  <a:pt x="18180" y="2541"/>
                  <a:pt x="18149" y="2572"/>
                </a:cubicBezTo>
                <a:cubicBezTo>
                  <a:pt x="18238" y="2493"/>
                  <a:pt x="18330" y="2424"/>
                  <a:pt x="18430" y="2359"/>
                </a:cubicBezTo>
                <a:cubicBezTo>
                  <a:pt x="18509" y="2308"/>
                  <a:pt x="18576" y="2269"/>
                  <a:pt x="18643" y="2229"/>
                </a:cubicBezTo>
                <a:cubicBezTo>
                  <a:pt x="18773" y="2153"/>
                  <a:pt x="18898" y="2083"/>
                  <a:pt x="19111" y="1951"/>
                </a:cubicBezTo>
                <a:lnTo>
                  <a:pt x="19111" y="1951"/>
                </a:lnTo>
                <a:cubicBezTo>
                  <a:pt x="19051" y="2000"/>
                  <a:pt x="18988" y="2046"/>
                  <a:pt x="18923" y="2088"/>
                </a:cubicBezTo>
                <a:cubicBezTo>
                  <a:pt x="18824" y="2153"/>
                  <a:pt x="18701" y="2229"/>
                  <a:pt x="18585" y="2294"/>
                </a:cubicBezTo>
                <a:lnTo>
                  <a:pt x="18562" y="2296"/>
                </a:lnTo>
                <a:cubicBezTo>
                  <a:pt x="18498" y="2339"/>
                  <a:pt x="18476" y="2355"/>
                  <a:pt x="18480" y="2355"/>
                </a:cubicBezTo>
                <a:cubicBezTo>
                  <a:pt x="18483" y="2355"/>
                  <a:pt x="18521" y="2334"/>
                  <a:pt x="18566" y="2308"/>
                </a:cubicBezTo>
                <a:cubicBezTo>
                  <a:pt x="18639" y="2267"/>
                  <a:pt x="18733" y="2217"/>
                  <a:pt x="18748" y="2217"/>
                </a:cubicBezTo>
                <a:cubicBezTo>
                  <a:pt x="18750" y="2217"/>
                  <a:pt x="18750" y="2219"/>
                  <a:pt x="18747" y="2222"/>
                </a:cubicBezTo>
                <a:cubicBezTo>
                  <a:pt x="19081" y="1998"/>
                  <a:pt x="19523" y="1789"/>
                  <a:pt x="19945" y="1534"/>
                </a:cubicBezTo>
                <a:lnTo>
                  <a:pt x="19945" y="1534"/>
                </a:lnTo>
                <a:cubicBezTo>
                  <a:pt x="19926" y="1542"/>
                  <a:pt x="19916" y="1546"/>
                  <a:pt x="19912" y="1546"/>
                </a:cubicBezTo>
                <a:cubicBezTo>
                  <a:pt x="19899" y="1546"/>
                  <a:pt x="19950" y="1511"/>
                  <a:pt x="19959" y="1497"/>
                </a:cubicBezTo>
                <a:lnTo>
                  <a:pt x="19959" y="1497"/>
                </a:lnTo>
                <a:cubicBezTo>
                  <a:pt x="19790" y="1597"/>
                  <a:pt x="19822" y="1583"/>
                  <a:pt x="19690" y="1645"/>
                </a:cubicBezTo>
                <a:cubicBezTo>
                  <a:pt x="19706" y="1620"/>
                  <a:pt x="19813" y="1567"/>
                  <a:pt x="19861" y="1527"/>
                </a:cubicBezTo>
                <a:cubicBezTo>
                  <a:pt x="19867" y="1522"/>
                  <a:pt x="19868" y="1520"/>
                  <a:pt x="19866" y="1520"/>
                </a:cubicBezTo>
                <a:cubicBezTo>
                  <a:pt x="19854" y="1520"/>
                  <a:pt x="19723" y="1605"/>
                  <a:pt x="19667" y="1629"/>
                </a:cubicBezTo>
                <a:cubicBezTo>
                  <a:pt x="19748" y="1581"/>
                  <a:pt x="19824" y="1527"/>
                  <a:pt x="19898" y="1472"/>
                </a:cubicBezTo>
                <a:cubicBezTo>
                  <a:pt x="19952" y="1449"/>
                  <a:pt x="20007" y="1430"/>
                  <a:pt x="20061" y="1414"/>
                </a:cubicBezTo>
                <a:cubicBezTo>
                  <a:pt x="20453" y="1192"/>
                  <a:pt x="20411" y="1187"/>
                  <a:pt x="20704" y="1021"/>
                </a:cubicBezTo>
                <a:lnTo>
                  <a:pt x="20704" y="1021"/>
                </a:lnTo>
                <a:cubicBezTo>
                  <a:pt x="20673" y="1039"/>
                  <a:pt x="20666" y="1044"/>
                  <a:pt x="20669" y="1044"/>
                </a:cubicBezTo>
                <a:cubicBezTo>
                  <a:pt x="20673" y="1044"/>
                  <a:pt x="20699" y="1033"/>
                  <a:pt x="20703" y="1033"/>
                </a:cubicBezTo>
                <a:cubicBezTo>
                  <a:pt x="20704" y="1033"/>
                  <a:pt x="20703" y="1034"/>
                  <a:pt x="20697" y="1038"/>
                </a:cubicBezTo>
                <a:lnTo>
                  <a:pt x="20697" y="1038"/>
                </a:lnTo>
                <a:lnTo>
                  <a:pt x="20737" y="1015"/>
                </a:lnTo>
                <a:lnTo>
                  <a:pt x="20737" y="1015"/>
                </a:lnTo>
                <a:cubicBezTo>
                  <a:pt x="20468" y="1196"/>
                  <a:pt x="19986" y="1472"/>
                  <a:pt x="20051" y="1474"/>
                </a:cubicBezTo>
                <a:cubicBezTo>
                  <a:pt x="20278" y="1340"/>
                  <a:pt x="20434" y="1226"/>
                  <a:pt x="20711" y="1066"/>
                </a:cubicBezTo>
                <a:lnTo>
                  <a:pt x="20711" y="1066"/>
                </a:lnTo>
                <a:lnTo>
                  <a:pt x="20705" y="1078"/>
                </a:lnTo>
                <a:cubicBezTo>
                  <a:pt x="20778" y="1036"/>
                  <a:pt x="20797" y="1024"/>
                  <a:pt x="20794" y="1024"/>
                </a:cubicBezTo>
                <a:cubicBezTo>
                  <a:pt x="20789" y="1024"/>
                  <a:pt x="20742" y="1047"/>
                  <a:pt x="20736" y="1047"/>
                </a:cubicBezTo>
                <a:cubicBezTo>
                  <a:pt x="20734" y="1047"/>
                  <a:pt x="20736" y="1045"/>
                  <a:pt x="20742" y="1041"/>
                </a:cubicBezTo>
                <a:cubicBezTo>
                  <a:pt x="20962" y="900"/>
                  <a:pt x="21050" y="900"/>
                  <a:pt x="21193" y="791"/>
                </a:cubicBezTo>
                <a:lnTo>
                  <a:pt x="21193" y="791"/>
                </a:lnTo>
                <a:lnTo>
                  <a:pt x="20962" y="918"/>
                </a:lnTo>
                <a:cubicBezTo>
                  <a:pt x="21012" y="884"/>
                  <a:pt x="21027" y="873"/>
                  <a:pt x="21024" y="873"/>
                </a:cubicBezTo>
                <a:cubicBezTo>
                  <a:pt x="21020" y="873"/>
                  <a:pt x="20955" y="911"/>
                  <a:pt x="20939" y="911"/>
                </a:cubicBezTo>
                <a:cubicBezTo>
                  <a:pt x="20935" y="911"/>
                  <a:pt x="20934" y="908"/>
                  <a:pt x="20938" y="902"/>
                </a:cubicBezTo>
                <a:cubicBezTo>
                  <a:pt x="21240" y="710"/>
                  <a:pt x="21779" y="408"/>
                  <a:pt x="22210" y="144"/>
                </a:cubicBezTo>
                <a:lnTo>
                  <a:pt x="22210" y="144"/>
                </a:lnTo>
                <a:cubicBezTo>
                  <a:pt x="22094" y="198"/>
                  <a:pt x="21983" y="256"/>
                  <a:pt x="21877" y="320"/>
                </a:cubicBezTo>
                <a:cubicBezTo>
                  <a:pt x="21922" y="266"/>
                  <a:pt x="21974" y="233"/>
                  <a:pt x="21950" y="233"/>
                </a:cubicBezTo>
                <a:cubicBezTo>
                  <a:pt x="21943" y="233"/>
                  <a:pt x="21930" y="236"/>
                  <a:pt x="21909" y="242"/>
                </a:cubicBezTo>
                <a:lnTo>
                  <a:pt x="21708" y="358"/>
                </a:lnTo>
                <a:lnTo>
                  <a:pt x="21691" y="334"/>
                </a:lnTo>
                <a:cubicBezTo>
                  <a:pt x="21745" y="302"/>
                  <a:pt x="21800" y="272"/>
                  <a:pt x="21851" y="246"/>
                </a:cubicBezTo>
                <a:cubicBezTo>
                  <a:pt x="21870" y="216"/>
                  <a:pt x="22157" y="75"/>
                  <a:pt x="22164" y="54"/>
                </a:cubicBezTo>
                <a:lnTo>
                  <a:pt x="22164" y="54"/>
                </a:lnTo>
                <a:lnTo>
                  <a:pt x="21992" y="154"/>
                </a:lnTo>
                <a:cubicBezTo>
                  <a:pt x="21981" y="159"/>
                  <a:pt x="21974" y="161"/>
                  <a:pt x="21971" y="161"/>
                </a:cubicBezTo>
                <a:cubicBezTo>
                  <a:pt x="21954" y="161"/>
                  <a:pt x="22119" y="65"/>
                  <a:pt x="22222"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 name="Google Shape;12;p2"/>
          <p:cNvSpPr/>
          <p:nvPr/>
        </p:nvSpPr>
        <p:spPr>
          <a:xfrm>
            <a:off x="8498650" y="269476"/>
            <a:ext cx="1200530" cy="2804614"/>
          </a:xfrm>
          <a:custGeom>
            <a:avLst/>
            <a:gdLst/>
            <a:ahLst/>
            <a:cxnLst/>
            <a:rect l="l" t="t" r="r" b="b"/>
            <a:pathLst>
              <a:path w="8178" h="19105" extrusionOk="0">
                <a:moveTo>
                  <a:pt x="4806" y="0"/>
                </a:moveTo>
                <a:cubicBezTo>
                  <a:pt x="4270" y="0"/>
                  <a:pt x="3760" y="379"/>
                  <a:pt x="3343" y="752"/>
                </a:cubicBezTo>
                <a:cubicBezTo>
                  <a:pt x="2417" y="1583"/>
                  <a:pt x="1539" y="2505"/>
                  <a:pt x="994" y="3624"/>
                </a:cubicBezTo>
                <a:cubicBezTo>
                  <a:pt x="448" y="4743"/>
                  <a:pt x="269" y="6089"/>
                  <a:pt x="749" y="7238"/>
                </a:cubicBezTo>
                <a:cubicBezTo>
                  <a:pt x="1147" y="8192"/>
                  <a:pt x="1990" y="9028"/>
                  <a:pt x="1932" y="10062"/>
                </a:cubicBezTo>
                <a:cubicBezTo>
                  <a:pt x="1881" y="11000"/>
                  <a:pt x="1103" y="11715"/>
                  <a:pt x="698" y="12563"/>
                </a:cubicBezTo>
                <a:cubicBezTo>
                  <a:pt x="0" y="14016"/>
                  <a:pt x="480" y="15825"/>
                  <a:pt x="1502" y="17069"/>
                </a:cubicBezTo>
                <a:cubicBezTo>
                  <a:pt x="2266" y="18003"/>
                  <a:pt x="3391" y="19105"/>
                  <a:pt x="4438" y="19105"/>
                </a:cubicBezTo>
                <a:cubicBezTo>
                  <a:pt x="4860" y="19105"/>
                  <a:pt x="5269" y="18925"/>
                  <a:pt x="5636" y="18484"/>
                </a:cubicBezTo>
                <a:cubicBezTo>
                  <a:pt x="6751" y="17148"/>
                  <a:pt x="7200" y="14548"/>
                  <a:pt x="7494" y="12883"/>
                </a:cubicBezTo>
                <a:cubicBezTo>
                  <a:pt x="8178" y="9033"/>
                  <a:pt x="7779" y="4982"/>
                  <a:pt x="6253" y="1373"/>
                </a:cubicBezTo>
                <a:cubicBezTo>
                  <a:pt x="6012" y="800"/>
                  <a:pt x="5669" y="175"/>
                  <a:pt x="5067" y="31"/>
                </a:cubicBezTo>
                <a:cubicBezTo>
                  <a:pt x="4979" y="10"/>
                  <a:pt x="4892" y="0"/>
                  <a:pt x="480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3" name="Google Shape;13;p2"/>
          <p:cNvGrpSpPr/>
          <p:nvPr/>
        </p:nvGrpSpPr>
        <p:grpSpPr>
          <a:xfrm>
            <a:off x="8498644" y="4187754"/>
            <a:ext cx="1340696" cy="1924090"/>
            <a:chOff x="-1396750" y="3025955"/>
            <a:chExt cx="1340696" cy="1924090"/>
          </a:xfrm>
        </p:grpSpPr>
        <p:sp>
          <p:nvSpPr>
            <p:cNvPr id="14" name="Google Shape;14;p2"/>
            <p:cNvSpPr/>
            <p:nvPr/>
          </p:nvSpPr>
          <p:spPr>
            <a:xfrm>
              <a:off x="-1396750" y="3025955"/>
              <a:ext cx="1340696" cy="1924090"/>
            </a:xfrm>
            <a:custGeom>
              <a:avLst/>
              <a:gdLst/>
              <a:ahLst/>
              <a:cxnLst/>
              <a:rect l="l" t="t" r="r" b="b"/>
              <a:pathLst>
                <a:path w="16089" h="23090" extrusionOk="0">
                  <a:moveTo>
                    <a:pt x="5343" y="1"/>
                  </a:moveTo>
                  <a:cubicBezTo>
                    <a:pt x="4266" y="1"/>
                    <a:pt x="3032" y="1474"/>
                    <a:pt x="2899" y="2383"/>
                  </a:cubicBezTo>
                  <a:cubicBezTo>
                    <a:pt x="2667" y="3933"/>
                    <a:pt x="2993" y="5336"/>
                    <a:pt x="2424" y="6900"/>
                  </a:cubicBezTo>
                  <a:cubicBezTo>
                    <a:pt x="1946" y="8206"/>
                    <a:pt x="1175" y="9392"/>
                    <a:pt x="726" y="10708"/>
                  </a:cubicBezTo>
                  <a:cubicBezTo>
                    <a:pt x="1" y="12835"/>
                    <a:pt x="170" y="15156"/>
                    <a:pt x="452" y="17384"/>
                  </a:cubicBezTo>
                  <a:cubicBezTo>
                    <a:pt x="649" y="18955"/>
                    <a:pt x="957" y="20632"/>
                    <a:pt x="2083" y="21744"/>
                  </a:cubicBezTo>
                  <a:cubicBezTo>
                    <a:pt x="3171" y="22817"/>
                    <a:pt x="4715" y="23090"/>
                    <a:pt x="6288" y="23090"/>
                  </a:cubicBezTo>
                  <a:cubicBezTo>
                    <a:pt x="6954" y="23090"/>
                    <a:pt x="7624" y="23041"/>
                    <a:pt x="8268" y="22983"/>
                  </a:cubicBezTo>
                  <a:lnTo>
                    <a:pt x="13869" y="22478"/>
                  </a:lnTo>
                  <a:cubicBezTo>
                    <a:pt x="14837" y="22392"/>
                    <a:pt x="16088" y="22015"/>
                    <a:pt x="16084" y="21042"/>
                  </a:cubicBezTo>
                  <a:cubicBezTo>
                    <a:pt x="16081" y="20498"/>
                    <a:pt x="15641" y="20046"/>
                    <a:pt x="15563" y="19508"/>
                  </a:cubicBezTo>
                  <a:cubicBezTo>
                    <a:pt x="15488" y="18990"/>
                    <a:pt x="15762" y="18491"/>
                    <a:pt x="15861" y="17977"/>
                  </a:cubicBezTo>
                  <a:cubicBezTo>
                    <a:pt x="16074" y="16875"/>
                    <a:pt x="15495" y="15795"/>
                    <a:pt x="15268" y="14695"/>
                  </a:cubicBezTo>
                  <a:cubicBezTo>
                    <a:pt x="14974" y="13263"/>
                    <a:pt x="15278" y="11785"/>
                    <a:pt x="15583" y="10356"/>
                  </a:cubicBezTo>
                  <a:cubicBezTo>
                    <a:pt x="15667" y="9960"/>
                    <a:pt x="15752" y="9564"/>
                    <a:pt x="15836" y="9170"/>
                  </a:cubicBezTo>
                  <a:cubicBezTo>
                    <a:pt x="15889" y="8927"/>
                    <a:pt x="15938" y="8665"/>
                    <a:pt x="15838" y="8438"/>
                  </a:cubicBezTo>
                  <a:cubicBezTo>
                    <a:pt x="15771" y="8285"/>
                    <a:pt x="15641" y="8167"/>
                    <a:pt x="15516" y="8054"/>
                  </a:cubicBezTo>
                  <a:lnTo>
                    <a:pt x="14180" y="6856"/>
                  </a:lnTo>
                  <a:cubicBezTo>
                    <a:pt x="13742" y="6464"/>
                    <a:pt x="13295" y="6061"/>
                    <a:pt x="13026" y="5540"/>
                  </a:cubicBezTo>
                  <a:cubicBezTo>
                    <a:pt x="12757" y="5021"/>
                    <a:pt x="12699" y="4350"/>
                    <a:pt x="13035" y="3868"/>
                  </a:cubicBezTo>
                  <a:lnTo>
                    <a:pt x="13035" y="3868"/>
                  </a:lnTo>
                  <a:cubicBezTo>
                    <a:pt x="12928" y="3874"/>
                    <a:pt x="12817" y="3878"/>
                    <a:pt x="12704" y="3878"/>
                  </a:cubicBezTo>
                  <a:cubicBezTo>
                    <a:pt x="11948" y="3878"/>
                    <a:pt x="11116" y="3704"/>
                    <a:pt x="10925" y="3013"/>
                  </a:cubicBezTo>
                  <a:cubicBezTo>
                    <a:pt x="10862" y="2788"/>
                    <a:pt x="10886" y="2540"/>
                    <a:pt x="10798" y="2325"/>
                  </a:cubicBezTo>
                  <a:cubicBezTo>
                    <a:pt x="10559" y="1748"/>
                    <a:pt x="9598" y="1519"/>
                    <a:pt x="9704" y="905"/>
                  </a:cubicBezTo>
                  <a:lnTo>
                    <a:pt x="9704" y="905"/>
                  </a:lnTo>
                  <a:cubicBezTo>
                    <a:pt x="9274" y="1189"/>
                    <a:pt x="8760" y="1328"/>
                    <a:pt x="8246" y="1328"/>
                  </a:cubicBezTo>
                  <a:cubicBezTo>
                    <a:pt x="7553" y="1328"/>
                    <a:pt x="6858" y="1077"/>
                    <a:pt x="6359" y="595"/>
                  </a:cubicBezTo>
                  <a:cubicBezTo>
                    <a:pt x="6151" y="391"/>
                    <a:pt x="5961" y="145"/>
                    <a:pt x="5685" y="55"/>
                  </a:cubicBezTo>
                  <a:cubicBezTo>
                    <a:pt x="5574" y="18"/>
                    <a:pt x="5459" y="1"/>
                    <a:pt x="5343"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 name="Google Shape;15;p2"/>
            <p:cNvSpPr/>
            <p:nvPr/>
          </p:nvSpPr>
          <p:spPr>
            <a:xfrm>
              <a:off x="-1227075" y="3653575"/>
              <a:ext cx="985078" cy="1229026"/>
            </a:xfrm>
            <a:custGeom>
              <a:avLst/>
              <a:gdLst/>
              <a:ahLst/>
              <a:cxnLst/>
              <a:rect l="l" t="t" r="r" b="b"/>
              <a:pathLst>
                <a:path w="8584" h="10710" extrusionOk="0">
                  <a:moveTo>
                    <a:pt x="4027" y="1"/>
                  </a:moveTo>
                  <a:cubicBezTo>
                    <a:pt x="3970" y="1"/>
                    <a:pt x="3896" y="34"/>
                    <a:pt x="3858" y="73"/>
                  </a:cubicBezTo>
                  <a:cubicBezTo>
                    <a:pt x="3700" y="228"/>
                    <a:pt x="3684" y="612"/>
                    <a:pt x="3816" y="791"/>
                  </a:cubicBezTo>
                  <a:cubicBezTo>
                    <a:pt x="3994" y="1029"/>
                    <a:pt x="4217" y="1196"/>
                    <a:pt x="4530" y="1226"/>
                  </a:cubicBezTo>
                  <a:cubicBezTo>
                    <a:pt x="4715" y="1245"/>
                    <a:pt x="4777" y="1321"/>
                    <a:pt x="4810" y="1506"/>
                  </a:cubicBezTo>
                  <a:cubicBezTo>
                    <a:pt x="4824" y="1578"/>
                    <a:pt x="4821" y="1652"/>
                    <a:pt x="4840" y="1724"/>
                  </a:cubicBezTo>
                  <a:cubicBezTo>
                    <a:pt x="4956" y="2187"/>
                    <a:pt x="5204" y="2577"/>
                    <a:pt x="5542" y="2912"/>
                  </a:cubicBezTo>
                  <a:cubicBezTo>
                    <a:pt x="5711" y="3082"/>
                    <a:pt x="5919" y="3163"/>
                    <a:pt x="6135" y="3209"/>
                  </a:cubicBezTo>
                  <a:cubicBezTo>
                    <a:pt x="6253" y="3193"/>
                    <a:pt x="6376" y="3228"/>
                    <a:pt x="6438" y="3105"/>
                  </a:cubicBezTo>
                  <a:lnTo>
                    <a:pt x="6438" y="3107"/>
                  </a:lnTo>
                  <a:cubicBezTo>
                    <a:pt x="6529" y="2926"/>
                    <a:pt x="6566" y="2729"/>
                    <a:pt x="6355" y="2572"/>
                  </a:cubicBezTo>
                  <a:cubicBezTo>
                    <a:pt x="6267" y="2507"/>
                    <a:pt x="6188" y="2431"/>
                    <a:pt x="6116" y="2347"/>
                  </a:cubicBezTo>
                  <a:cubicBezTo>
                    <a:pt x="6001" y="2218"/>
                    <a:pt x="5887" y="2088"/>
                    <a:pt x="5783" y="1949"/>
                  </a:cubicBezTo>
                  <a:cubicBezTo>
                    <a:pt x="5676" y="1810"/>
                    <a:pt x="5551" y="1680"/>
                    <a:pt x="5486" y="1525"/>
                  </a:cubicBezTo>
                  <a:cubicBezTo>
                    <a:pt x="5414" y="1351"/>
                    <a:pt x="5273" y="1196"/>
                    <a:pt x="5299" y="990"/>
                  </a:cubicBezTo>
                  <a:cubicBezTo>
                    <a:pt x="5331" y="742"/>
                    <a:pt x="5199" y="566"/>
                    <a:pt x="5046" y="406"/>
                  </a:cubicBezTo>
                  <a:cubicBezTo>
                    <a:pt x="4777" y="126"/>
                    <a:pt x="4407" y="75"/>
                    <a:pt x="4050" y="3"/>
                  </a:cubicBezTo>
                  <a:cubicBezTo>
                    <a:pt x="4043" y="2"/>
                    <a:pt x="4035" y="1"/>
                    <a:pt x="4027" y="1"/>
                  </a:cubicBezTo>
                  <a:close/>
                  <a:moveTo>
                    <a:pt x="447" y="2266"/>
                  </a:moveTo>
                  <a:cubicBezTo>
                    <a:pt x="348" y="2266"/>
                    <a:pt x="274" y="2315"/>
                    <a:pt x="182" y="2419"/>
                  </a:cubicBezTo>
                  <a:cubicBezTo>
                    <a:pt x="40" y="2581"/>
                    <a:pt x="1" y="2778"/>
                    <a:pt x="3" y="2982"/>
                  </a:cubicBezTo>
                  <a:cubicBezTo>
                    <a:pt x="8" y="3045"/>
                    <a:pt x="36" y="3102"/>
                    <a:pt x="80" y="3146"/>
                  </a:cubicBezTo>
                  <a:cubicBezTo>
                    <a:pt x="145" y="3205"/>
                    <a:pt x="212" y="3276"/>
                    <a:pt x="301" y="3276"/>
                  </a:cubicBezTo>
                  <a:cubicBezTo>
                    <a:pt x="328" y="3276"/>
                    <a:pt x="358" y="3269"/>
                    <a:pt x="390" y="3253"/>
                  </a:cubicBezTo>
                  <a:cubicBezTo>
                    <a:pt x="511" y="3276"/>
                    <a:pt x="626" y="3309"/>
                    <a:pt x="744" y="3320"/>
                  </a:cubicBezTo>
                  <a:cubicBezTo>
                    <a:pt x="782" y="3324"/>
                    <a:pt x="821" y="3328"/>
                    <a:pt x="857" y="3328"/>
                  </a:cubicBezTo>
                  <a:cubicBezTo>
                    <a:pt x="952" y="3328"/>
                    <a:pt x="1036" y="3300"/>
                    <a:pt x="1076" y="3167"/>
                  </a:cubicBezTo>
                  <a:cubicBezTo>
                    <a:pt x="1090" y="3119"/>
                    <a:pt x="1152" y="3091"/>
                    <a:pt x="1182" y="3045"/>
                  </a:cubicBezTo>
                  <a:cubicBezTo>
                    <a:pt x="1205" y="3010"/>
                    <a:pt x="1231" y="2959"/>
                    <a:pt x="1224" y="2922"/>
                  </a:cubicBezTo>
                  <a:cubicBezTo>
                    <a:pt x="1196" y="2716"/>
                    <a:pt x="1134" y="2526"/>
                    <a:pt x="923" y="2431"/>
                  </a:cubicBezTo>
                  <a:cubicBezTo>
                    <a:pt x="823" y="2387"/>
                    <a:pt x="724" y="2340"/>
                    <a:pt x="622" y="2303"/>
                  </a:cubicBezTo>
                  <a:cubicBezTo>
                    <a:pt x="554" y="2279"/>
                    <a:pt x="497" y="2266"/>
                    <a:pt x="447" y="2266"/>
                  </a:cubicBezTo>
                  <a:close/>
                  <a:moveTo>
                    <a:pt x="8162" y="1394"/>
                  </a:moveTo>
                  <a:cubicBezTo>
                    <a:pt x="8006" y="1394"/>
                    <a:pt x="7887" y="1482"/>
                    <a:pt x="7770" y="1583"/>
                  </a:cubicBezTo>
                  <a:cubicBezTo>
                    <a:pt x="7657" y="1685"/>
                    <a:pt x="7675" y="1814"/>
                    <a:pt x="7715" y="1935"/>
                  </a:cubicBezTo>
                  <a:cubicBezTo>
                    <a:pt x="7791" y="2167"/>
                    <a:pt x="7872" y="2396"/>
                    <a:pt x="7967" y="2621"/>
                  </a:cubicBezTo>
                  <a:cubicBezTo>
                    <a:pt x="8067" y="2852"/>
                    <a:pt x="8164" y="3089"/>
                    <a:pt x="8296" y="3302"/>
                  </a:cubicBezTo>
                  <a:cubicBezTo>
                    <a:pt x="8361" y="3408"/>
                    <a:pt x="8421" y="3519"/>
                    <a:pt x="8472" y="3631"/>
                  </a:cubicBezTo>
                  <a:lnTo>
                    <a:pt x="8583" y="1541"/>
                  </a:lnTo>
                  <a:cubicBezTo>
                    <a:pt x="8484" y="1472"/>
                    <a:pt x="8373" y="1425"/>
                    <a:pt x="8257" y="1404"/>
                  </a:cubicBezTo>
                  <a:cubicBezTo>
                    <a:pt x="8224" y="1397"/>
                    <a:pt x="8192" y="1394"/>
                    <a:pt x="8162" y="1394"/>
                  </a:cubicBezTo>
                  <a:close/>
                  <a:moveTo>
                    <a:pt x="3261" y="3739"/>
                  </a:moveTo>
                  <a:cubicBezTo>
                    <a:pt x="3167" y="3739"/>
                    <a:pt x="3077" y="3769"/>
                    <a:pt x="2998" y="3844"/>
                  </a:cubicBezTo>
                  <a:cubicBezTo>
                    <a:pt x="2876" y="3953"/>
                    <a:pt x="2769" y="4075"/>
                    <a:pt x="2679" y="4210"/>
                  </a:cubicBezTo>
                  <a:cubicBezTo>
                    <a:pt x="2544" y="4418"/>
                    <a:pt x="2426" y="4631"/>
                    <a:pt x="2208" y="4768"/>
                  </a:cubicBezTo>
                  <a:cubicBezTo>
                    <a:pt x="2134" y="4812"/>
                    <a:pt x="2102" y="4902"/>
                    <a:pt x="2132" y="4983"/>
                  </a:cubicBezTo>
                  <a:cubicBezTo>
                    <a:pt x="2215" y="5250"/>
                    <a:pt x="2478" y="5435"/>
                    <a:pt x="2759" y="5435"/>
                  </a:cubicBezTo>
                  <a:cubicBezTo>
                    <a:pt x="2783" y="5435"/>
                    <a:pt x="2807" y="5433"/>
                    <a:pt x="2832" y="5430"/>
                  </a:cubicBezTo>
                  <a:cubicBezTo>
                    <a:pt x="2896" y="5424"/>
                    <a:pt x="2959" y="5426"/>
                    <a:pt x="3024" y="5424"/>
                  </a:cubicBezTo>
                  <a:cubicBezTo>
                    <a:pt x="3262" y="5421"/>
                    <a:pt x="3508" y="5391"/>
                    <a:pt x="3638" y="5164"/>
                  </a:cubicBezTo>
                  <a:lnTo>
                    <a:pt x="3638" y="5166"/>
                  </a:lnTo>
                  <a:cubicBezTo>
                    <a:pt x="3784" y="4916"/>
                    <a:pt x="3888" y="4643"/>
                    <a:pt x="4008" y="4379"/>
                  </a:cubicBezTo>
                  <a:cubicBezTo>
                    <a:pt x="4073" y="4240"/>
                    <a:pt x="3950" y="4152"/>
                    <a:pt x="3913" y="4041"/>
                  </a:cubicBezTo>
                  <a:cubicBezTo>
                    <a:pt x="3904" y="4010"/>
                    <a:pt x="3886" y="3960"/>
                    <a:pt x="3872" y="3960"/>
                  </a:cubicBezTo>
                  <a:cubicBezTo>
                    <a:pt x="3870" y="3960"/>
                    <a:pt x="3869" y="3960"/>
                    <a:pt x="3867" y="3960"/>
                  </a:cubicBezTo>
                  <a:cubicBezTo>
                    <a:pt x="3712" y="3960"/>
                    <a:pt x="3616" y="3836"/>
                    <a:pt x="3485" y="3786"/>
                  </a:cubicBezTo>
                  <a:cubicBezTo>
                    <a:pt x="3409" y="3757"/>
                    <a:pt x="3334" y="3739"/>
                    <a:pt x="3261" y="3739"/>
                  </a:cubicBezTo>
                  <a:close/>
                  <a:moveTo>
                    <a:pt x="5906" y="4468"/>
                  </a:moveTo>
                  <a:cubicBezTo>
                    <a:pt x="5840" y="4468"/>
                    <a:pt x="5772" y="4478"/>
                    <a:pt x="5702" y="4504"/>
                  </a:cubicBezTo>
                  <a:cubicBezTo>
                    <a:pt x="5691" y="4508"/>
                    <a:pt x="5679" y="4509"/>
                    <a:pt x="5667" y="4509"/>
                  </a:cubicBezTo>
                  <a:cubicBezTo>
                    <a:pt x="5643" y="4509"/>
                    <a:pt x="5618" y="4504"/>
                    <a:pt x="5593" y="4504"/>
                  </a:cubicBezTo>
                  <a:cubicBezTo>
                    <a:pt x="5447" y="4504"/>
                    <a:pt x="5303" y="4555"/>
                    <a:pt x="5190" y="4647"/>
                  </a:cubicBezTo>
                  <a:cubicBezTo>
                    <a:pt x="4979" y="4812"/>
                    <a:pt x="4858" y="5053"/>
                    <a:pt x="4701" y="5259"/>
                  </a:cubicBezTo>
                  <a:cubicBezTo>
                    <a:pt x="4608" y="5384"/>
                    <a:pt x="4657" y="5535"/>
                    <a:pt x="4794" y="5648"/>
                  </a:cubicBezTo>
                  <a:cubicBezTo>
                    <a:pt x="5016" y="5834"/>
                    <a:pt x="5287" y="5924"/>
                    <a:pt x="5556" y="6000"/>
                  </a:cubicBezTo>
                  <a:cubicBezTo>
                    <a:pt x="5579" y="6007"/>
                    <a:pt x="5603" y="6010"/>
                    <a:pt x="5628" y="6010"/>
                  </a:cubicBezTo>
                  <a:cubicBezTo>
                    <a:pt x="5699" y="6010"/>
                    <a:pt x="5776" y="5989"/>
                    <a:pt x="5850" y="5984"/>
                  </a:cubicBezTo>
                  <a:lnTo>
                    <a:pt x="5857" y="6021"/>
                  </a:lnTo>
                  <a:cubicBezTo>
                    <a:pt x="5984" y="5991"/>
                    <a:pt x="6114" y="5947"/>
                    <a:pt x="6244" y="5931"/>
                  </a:cubicBezTo>
                  <a:cubicBezTo>
                    <a:pt x="6431" y="5910"/>
                    <a:pt x="6503" y="5792"/>
                    <a:pt x="6545" y="5627"/>
                  </a:cubicBezTo>
                  <a:cubicBezTo>
                    <a:pt x="6570" y="5523"/>
                    <a:pt x="6610" y="5424"/>
                    <a:pt x="6665" y="5331"/>
                  </a:cubicBezTo>
                  <a:cubicBezTo>
                    <a:pt x="6837" y="5060"/>
                    <a:pt x="6749" y="4729"/>
                    <a:pt x="6445" y="4620"/>
                  </a:cubicBezTo>
                  <a:cubicBezTo>
                    <a:pt x="6270" y="4554"/>
                    <a:pt x="6095" y="4468"/>
                    <a:pt x="5906" y="4468"/>
                  </a:cubicBezTo>
                  <a:close/>
                  <a:moveTo>
                    <a:pt x="6927" y="4136"/>
                  </a:moveTo>
                  <a:lnTo>
                    <a:pt x="6927" y="4136"/>
                  </a:lnTo>
                  <a:cubicBezTo>
                    <a:pt x="6946" y="4224"/>
                    <a:pt x="6950" y="4316"/>
                    <a:pt x="6983" y="4397"/>
                  </a:cubicBezTo>
                  <a:cubicBezTo>
                    <a:pt x="7092" y="4654"/>
                    <a:pt x="7200" y="4914"/>
                    <a:pt x="7330" y="5159"/>
                  </a:cubicBezTo>
                  <a:cubicBezTo>
                    <a:pt x="7420" y="5326"/>
                    <a:pt x="7550" y="5472"/>
                    <a:pt x="7654" y="5632"/>
                  </a:cubicBezTo>
                  <a:cubicBezTo>
                    <a:pt x="7761" y="5790"/>
                    <a:pt x="7877" y="5940"/>
                    <a:pt x="8041" y="6051"/>
                  </a:cubicBezTo>
                  <a:cubicBezTo>
                    <a:pt x="8115" y="6102"/>
                    <a:pt x="8173" y="6209"/>
                    <a:pt x="8199" y="6299"/>
                  </a:cubicBezTo>
                  <a:cubicBezTo>
                    <a:pt x="8236" y="6440"/>
                    <a:pt x="8273" y="6582"/>
                    <a:pt x="8312" y="6723"/>
                  </a:cubicBezTo>
                  <a:lnTo>
                    <a:pt x="8347" y="6028"/>
                  </a:lnTo>
                  <a:cubicBezTo>
                    <a:pt x="8287" y="5947"/>
                    <a:pt x="8215" y="5878"/>
                    <a:pt x="8152" y="5801"/>
                  </a:cubicBezTo>
                  <a:lnTo>
                    <a:pt x="8152" y="5803"/>
                  </a:lnTo>
                  <a:cubicBezTo>
                    <a:pt x="8074" y="5706"/>
                    <a:pt x="7986" y="5611"/>
                    <a:pt x="7914" y="5509"/>
                  </a:cubicBezTo>
                  <a:cubicBezTo>
                    <a:pt x="7828" y="5389"/>
                    <a:pt x="7756" y="5261"/>
                    <a:pt x="7673" y="5141"/>
                  </a:cubicBezTo>
                  <a:cubicBezTo>
                    <a:pt x="7613" y="5051"/>
                    <a:pt x="7525" y="4976"/>
                    <a:pt x="7478" y="4879"/>
                  </a:cubicBezTo>
                  <a:cubicBezTo>
                    <a:pt x="7342" y="4599"/>
                    <a:pt x="7119" y="4381"/>
                    <a:pt x="6927" y="4136"/>
                  </a:cubicBezTo>
                  <a:close/>
                  <a:moveTo>
                    <a:pt x="3120" y="8472"/>
                  </a:moveTo>
                  <a:cubicBezTo>
                    <a:pt x="2971" y="8472"/>
                    <a:pt x="2822" y="8513"/>
                    <a:pt x="2674" y="8541"/>
                  </a:cubicBezTo>
                  <a:cubicBezTo>
                    <a:pt x="2646" y="8548"/>
                    <a:pt x="2623" y="8565"/>
                    <a:pt x="2607" y="8585"/>
                  </a:cubicBezTo>
                  <a:cubicBezTo>
                    <a:pt x="2475" y="8785"/>
                    <a:pt x="2252" y="8907"/>
                    <a:pt x="2171" y="9153"/>
                  </a:cubicBezTo>
                  <a:cubicBezTo>
                    <a:pt x="2123" y="9306"/>
                    <a:pt x="2074" y="9438"/>
                    <a:pt x="2183" y="9584"/>
                  </a:cubicBezTo>
                  <a:cubicBezTo>
                    <a:pt x="2273" y="9702"/>
                    <a:pt x="2310" y="9850"/>
                    <a:pt x="2287" y="9996"/>
                  </a:cubicBezTo>
                  <a:cubicBezTo>
                    <a:pt x="2271" y="10144"/>
                    <a:pt x="2297" y="10293"/>
                    <a:pt x="2364" y="10425"/>
                  </a:cubicBezTo>
                  <a:lnTo>
                    <a:pt x="4923" y="10561"/>
                  </a:lnTo>
                  <a:cubicBezTo>
                    <a:pt x="4889" y="10497"/>
                    <a:pt x="4852" y="10436"/>
                    <a:pt x="4810" y="10378"/>
                  </a:cubicBezTo>
                  <a:cubicBezTo>
                    <a:pt x="4638" y="10142"/>
                    <a:pt x="4625" y="9825"/>
                    <a:pt x="4374" y="9637"/>
                  </a:cubicBezTo>
                  <a:cubicBezTo>
                    <a:pt x="4303" y="9584"/>
                    <a:pt x="4307" y="9436"/>
                    <a:pt x="4240" y="9375"/>
                  </a:cubicBezTo>
                  <a:cubicBezTo>
                    <a:pt x="4147" y="9297"/>
                    <a:pt x="4115" y="9202"/>
                    <a:pt x="4080" y="9100"/>
                  </a:cubicBezTo>
                  <a:cubicBezTo>
                    <a:pt x="4025" y="8940"/>
                    <a:pt x="3946" y="8799"/>
                    <a:pt x="3779" y="8727"/>
                  </a:cubicBezTo>
                  <a:cubicBezTo>
                    <a:pt x="3663" y="8676"/>
                    <a:pt x="3550" y="8620"/>
                    <a:pt x="3441" y="8555"/>
                  </a:cubicBezTo>
                  <a:cubicBezTo>
                    <a:pt x="3334" y="8493"/>
                    <a:pt x="3227" y="8472"/>
                    <a:pt x="3120" y="8472"/>
                  </a:cubicBezTo>
                  <a:close/>
                  <a:moveTo>
                    <a:pt x="6827" y="9297"/>
                  </a:moveTo>
                  <a:cubicBezTo>
                    <a:pt x="6769" y="9297"/>
                    <a:pt x="6691" y="9340"/>
                    <a:pt x="6631" y="9373"/>
                  </a:cubicBezTo>
                  <a:cubicBezTo>
                    <a:pt x="6568" y="9405"/>
                    <a:pt x="6519" y="9466"/>
                    <a:pt x="6461" y="9510"/>
                  </a:cubicBezTo>
                  <a:cubicBezTo>
                    <a:pt x="6346" y="9593"/>
                    <a:pt x="6295" y="9739"/>
                    <a:pt x="6336" y="9876"/>
                  </a:cubicBezTo>
                  <a:cubicBezTo>
                    <a:pt x="6404" y="10133"/>
                    <a:pt x="6415" y="10408"/>
                    <a:pt x="6559" y="10645"/>
                  </a:cubicBezTo>
                  <a:lnTo>
                    <a:pt x="7796" y="10710"/>
                  </a:lnTo>
                  <a:cubicBezTo>
                    <a:pt x="7777" y="10654"/>
                    <a:pt x="7759" y="10598"/>
                    <a:pt x="7740" y="10541"/>
                  </a:cubicBezTo>
                  <a:cubicBezTo>
                    <a:pt x="7729" y="10508"/>
                    <a:pt x="7733" y="10469"/>
                    <a:pt x="7724" y="10434"/>
                  </a:cubicBezTo>
                  <a:cubicBezTo>
                    <a:pt x="7698" y="10337"/>
                    <a:pt x="7671" y="10242"/>
                    <a:pt x="7643" y="10149"/>
                  </a:cubicBezTo>
                  <a:cubicBezTo>
                    <a:pt x="7601" y="10019"/>
                    <a:pt x="7546" y="9892"/>
                    <a:pt x="7522" y="9760"/>
                  </a:cubicBezTo>
                  <a:cubicBezTo>
                    <a:pt x="7504" y="9663"/>
                    <a:pt x="7460" y="9602"/>
                    <a:pt x="7400" y="9528"/>
                  </a:cubicBezTo>
                  <a:cubicBezTo>
                    <a:pt x="7256" y="9355"/>
                    <a:pt x="7043" y="9361"/>
                    <a:pt x="6858" y="9301"/>
                  </a:cubicBezTo>
                  <a:cubicBezTo>
                    <a:pt x="6848" y="9298"/>
                    <a:pt x="6838" y="9297"/>
                    <a:pt x="6827" y="9297"/>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 name="Google Shape;16;p2"/>
          <p:cNvGrpSpPr/>
          <p:nvPr/>
        </p:nvGrpSpPr>
        <p:grpSpPr>
          <a:xfrm>
            <a:off x="-56046" y="3110100"/>
            <a:ext cx="1064258" cy="2033395"/>
            <a:chOff x="-56046" y="3110100"/>
            <a:chExt cx="1064258" cy="2033395"/>
          </a:xfrm>
        </p:grpSpPr>
        <p:sp>
          <p:nvSpPr>
            <p:cNvPr id="17" name="Google Shape;17;p2"/>
            <p:cNvSpPr/>
            <p:nvPr/>
          </p:nvSpPr>
          <p:spPr>
            <a:xfrm>
              <a:off x="6861" y="3186582"/>
              <a:ext cx="1001351" cy="1956913"/>
            </a:xfrm>
            <a:custGeom>
              <a:avLst/>
              <a:gdLst/>
              <a:ahLst/>
              <a:cxnLst/>
              <a:rect l="l" t="t" r="r" b="b"/>
              <a:pathLst>
                <a:path w="9885" h="19318" extrusionOk="0">
                  <a:moveTo>
                    <a:pt x="8551" y="1"/>
                  </a:moveTo>
                  <a:cubicBezTo>
                    <a:pt x="8546" y="1"/>
                    <a:pt x="8541" y="1"/>
                    <a:pt x="8536" y="1"/>
                  </a:cubicBezTo>
                  <a:cubicBezTo>
                    <a:pt x="7468" y="20"/>
                    <a:pt x="6400" y="38"/>
                    <a:pt x="5333" y="59"/>
                  </a:cubicBezTo>
                  <a:cubicBezTo>
                    <a:pt x="5303" y="59"/>
                    <a:pt x="5273" y="60"/>
                    <a:pt x="5243" y="60"/>
                  </a:cubicBezTo>
                  <a:cubicBezTo>
                    <a:pt x="5102" y="60"/>
                    <a:pt x="4954" y="55"/>
                    <a:pt x="4806" y="55"/>
                  </a:cubicBezTo>
                  <a:cubicBezTo>
                    <a:pt x="4232" y="55"/>
                    <a:pt x="3655" y="121"/>
                    <a:pt x="3484" y="763"/>
                  </a:cubicBezTo>
                  <a:cubicBezTo>
                    <a:pt x="3331" y="1342"/>
                    <a:pt x="3477" y="2139"/>
                    <a:pt x="3477" y="2737"/>
                  </a:cubicBezTo>
                  <a:lnTo>
                    <a:pt x="3477" y="6415"/>
                  </a:lnTo>
                  <a:cubicBezTo>
                    <a:pt x="3477" y="7130"/>
                    <a:pt x="2856" y="7253"/>
                    <a:pt x="2234" y="7253"/>
                  </a:cubicBezTo>
                  <a:cubicBezTo>
                    <a:pt x="1911" y="7253"/>
                    <a:pt x="1588" y="7220"/>
                    <a:pt x="1353" y="7219"/>
                  </a:cubicBezTo>
                  <a:cubicBezTo>
                    <a:pt x="1158" y="7219"/>
                    <a:pt x="959" y="7219"/>
                    <a:pt x="781" y="7295"/>
                  </a:cubicBezTo>
                  <a:cubicBezTo>
                    <a:pt x="491" y="7418"/>
                    <a:pt x="313" y="7726"/>
                    <a:pt x="260" y="8037"/>
                  </a:cubicBezTo>
                  <a:cubicBezTo>
                    <a:pt x="0" y="9542"/>
                    <a:pt x="243" y="11250"/>
                    <a:pt x="253" y="12781"/>
                  </a:cubicBezTo>
                  <a:cubicBezTo>
                    <a:pt x="264" y="14581"/>
                    <a:pt x="273" y="16381"/>
                    <a:pt x="283" y="18180"/>
                  </a:cubicBezTo>
                  <a:cubicBezTo>
                    <a:pt x="287" y="18722"/>
                    <a:pt x="440" y="19318"/>
                    <a:pt x="1082" y="19318"/>
                  </a:cubicBezTo>
                  <a:cubicBezTo>
                    <a:pt x="1088" y="19318"/>
                    <a:pt x="1094" y="19318"/>
                    <a:pt x="1100" y="19318"/>
                  </a:cubicBezTo>
                  <a:lnTo>
                    <a:pt x="8300" y="19170"/>
                  </a:lnTo>
                  <a:cubicBezTo>
                    <a:pt x="8810" y="19160"/>
                    <a:pt x="9016" y="18787"/>
                    <a:pt x="9081" y="18366"/>
                  </a:cubicBezTo>
                  <a:cubicBezTo>
                    <a:pt x="9095" y="18266"/>
                    <a:pt x="9101" y="18164"/>
                    <a:pt x="9104" y="18062"/>
                  </a:cubicBezTo>
                  <a:cubicBezTo>
                    <a:pt x="9152" y="14845"/>
                    <a:pt x="9201" y="11627"/>
                    <a:pt x="9247" y="8410"/>
                  </a:cubicBezTo>
                  <a:cubicBezTo>
                    <a:pt x="9273" y="6781"/>
                    <a:pt x="9296" y="5150"/>
                    <a:pt x="9322" y="3520"/>
                  </a:cubicBezTo>
                  <a:cubicBezTo>
                    <a:pt x="9333" y="2730"/>
                    <a:pt x="9885" y="1"/>
                    <a:pt x="8551"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 name="Google Shape;18;p2"/>
            <p:cNvSpPr/>
            <p:nvPr/>
          </p:nvSpPr>
          <p:spPr>
            <a:xfrm>
              <a:off x="-56046" y="3110100"/>
              <a:ext cx="1001857" cy="1966537"/>
            </a:xfrm>
            <a:custGeom>
              <a:avLst/>
              <a:gdLst/>
              <a:ahLst/>
              <a:cxnLst/>
              <a:rect l="l" t="t" r="r" b="b"/>
              <a:pathLst>
                <a:path w="9890" h="19413" fill="none" extrusionOk="0">
                  <a:moveTo>
                    <a:pt x="9081" y="18449"/>
                  </a:moveTo>
                  <a:cubicBezTo>
                    <a:pt x="9095" y="18347"/>
                    <a:pt x="9102" y="18245"/>
                    <a:pt x="9104" y="18143"/>
                  </a:cubicBezTo>
                  <a:cubicBezTo>
                    <a:pt x="9153" y="14926"/>
                    <a:pt x="9201" y="11710"/>
                    <a:pt x="9248" y="8493"/>
                  </a:cubicBezTo>
                  <a:cubicBezTo>
                    <a:pt x="9273" y="6862"/>
                    <a:pt x="9296" y="5234"/>
                    <a:pt x="9322" y="3603"/>
                  </a:cubicBezTo>
                  <a:cubicBezTo>
                    <a:pt x="9333" y="2808"/>
                    <a:pt x="9889" y="63"/>
                    <a:pt x="8536" y="84"/>
                  </a:cubicBezTo>
                  <a:cubicBezTo>
                    <a:pt x="7469" y="103"/>
                    <a:pt x="6401" y="121"/>
                    <a:pt x="5333" y="140"/>
                  </a:cubicBezTo>
                  <a:cubicBezTo>
                    <a:pt x="4633" y="154"/>
                    <a:pt x="3709" y="1"/>
                    <a:pt x="3484" y="846"/>
                  </a:cubicBezTo>
                  <a:cubicBezTo>
                    <a:pt x="3331" y="1425"/>
                    <a:pt x="3477" y="2222"/>
                    <a:pt x="3477" y="2820"/>
                  </a:cubicBezTo>
                  <a:lnTo>
                    <a:pt x="3477" y="6496"/>
                  </a:lnTo>
                  <a:cubicBezTo>
                    <a:pt x="3477" y="7585"/>
                    <a:pt x="2041" y="7305"/>
                    <a:pt x="1353" y="7302"/>
                  </a:cubicBezTo>
                  <a:cubicBezTo>
                    <a:pt x="1159" y="7302"/>
                    <a:pt x="959" y="7302"/>
                    <a:pt x="781" y="7376"/>
                  </a:cubicBezTo>
                  <a:cubicBezTo>
                    <a:pt x="491" y="7501"/>
                    <a:pt x="313" y="7807"/>
                    <a:pt x="260" y="8118"/>
                  </a:cubicBezTo>
                  <a:cubicBezTo>
                    <a:pt x="0" y="9623"/>
                    <a:pt x="244" y="11333"/>
                    <a:pt x="253" y="12862"/>
                  </a:cubicBezTo>
                  <a:cubicBezTo>
                    <a:pt x="264" y="14662"/>
                    <a:pt x="274" y="16464"/>
                    <a:pt x="283" y="18264"/>
                  </a:cubicBezTo>
                  <a:cubicBezTo>
                    <a:pt x="288" y="18810"/>
                    <a:pt x="443" y="19413"/>
                    <a:pt x="1101" y="19399"/>
                  </a:cubicBezTo>
                  <a:lnTo>
                    <a:pt x="8300" y="19250"/>
                  </a:lnTo>
                  <a:cubicBezTo>
                    <a:pt x="8812" y="19241"/>
                    <a:pt x="9016" y="18871"/>
                    <a:pt x="9081" y="18449"/>
                  </a:cubicBezTo>
                  <a:close/>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9" name="Google Shape;19;p2"/>
          <p:cNvGrpSpPr/>
          <p:nvPr/>
        </p:nvGrpSpPr>
        <p:grpSpPr>
          <a:xfrm>
            <a:off x="965304" y="3745455"/>
            <a:ext cx="631620" cy="1553456"/>
            <a:chOff x="889085" y="3601710"/>
            <a:chExt cx="597164" cy="1468850"/>
          </a:xfrm>
        </p:grpSpPr>
        <p:sp>
          <p:nvSpPr>
            <p:cNvPr id="20" name="Google Shape;20;p2"/>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 name="Google Shape;21;p2"/>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22" name="Google Shape;22;p2"/>
          <p:cNvGrpSpPr/>
          <p:nvPr/>
        </p:nvGrpSpPr>
        <p:grpSpPr>
          <a:xfrm>
            <a:off x="113834" y="4118588"/>
            <a:ext cx="818808" cy="1096167"/>
            <a:chOff x="113834" y="3966188"/>
            <a:chExt cx="818808" cy="1096167"/>
          </a:xfrm>
        </p:grpSpPr>
        <p:sp>
          <p:nvSpPr>
            <p:cNvPr id="23" name="Google Shape;23;p2"/>
            <p:cNvSpPr/>
            <p:nvPr/>
          </p:nvSpPr>
          <p:spPr>
            <a:xfrm>
              <a:off x="164788" y="4075897"/>
              <a:ext cx="767854" cy="568901"/>
            </a:xfrm>
            <a:custGeom>
              <a:avLst/>
              <a:gdLst/>
              <a:ahLst/>
              <a:cxnLst/>
              <a:rect l="l" t="t" r="r" b="b"/>
              <a:pathLst>
                <a:path w="7580" h="5616" extrusionOk="0">
                  <a:moveTo>
                    <a:pt x="4274" y="1"/>
                  </a:moveTo>
                  <a:cubicBezTo>
                    <a:pt x="3072" y="1"/>
                    <a:pt x="1264" y="791"/>
                    <a:pt x="753" y="1609"/>
                  </a:cubicBezTo>
                  <a:cubicBezTo>
                    <a:pt x="0" y="2816"/>
                    <a:pt x="2259" y="2512"/>
                    <a:pt x="2208" y="2966"/>
                  </a:cubicBezTo>
                  <a:cubicBezTo>
                    <a:pt x="2159" y="3418"/>
                    <a:pt x="1003" y="3870"/>
                    <a:pt x="1557" y="5091"/>
                  </a:cubicBezTo>
                  <a:cubicBezTo>
                    <a:pt x="1734" y="5482"/>
                    <a:pt x="2050" y="5615"/>
                    <a:pt x="2398" y="5615"/>
                  </a:cubicBezTo>
                  <a:cubicBezTo>
                    <a:pt x="3136" y="5615"/>
                    <a:pt x="4017" y="5019"/>
                    <a:pt x="4017" y="5019"/>
                  </a:cubicBezTo>
                  <a:lnTo>
                    <a:pt x="4818" y="4773"/>
                  </a:lnTo>
                  <a:cubicBezTo>
                    <a:pt x="7230" y="4472"/>
                    <a:pt x="7580" y="3518"/>
                    <a:pt x="7429" y="2306"/>
                  </a:cubicBezTo>
                  <a:cubicBezTo>
                    <a:pt x="7278" y="1095"/>
                    <a:pt x="5673" y="1961"/>
                    <a:pt x="5372" y="611"/>
                  </a:cubicBezTo>
                  <a:cubicBezTo>
                    <a:pt x="5275" y="177"/>
                    <a:pt x="4843" y="1"/>
                    <a:pt x="4274"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 name="Google Shape;24;p2"/>
            <p:cNvSpPr/>
            <p:nvPr/>
          </p:nvSpPr>
          <p:spPr>
            <a:xfrm>
              <a:off x="113834" y="3966188"/>
              <a:ext cx="768158" cy="1096167"/>
            </a:xfrm>
            <a:custGeom>
              <a:avLst/>
              <a:gdLst/>
              <a:ahLst/>
              <a:cxnLst/>
              <a:rect l="l" t="t" r="r" b="b"/>
              <a:pathLst>
                <a:path w="7583" h="10821" fill="none" extrusionOk="0">
                  <a:moveTo>
                    <a:pt x="4017" y="10820"/>
                  </a:moveTo>
                  <a:lnTo>
                    <a:pt x="4017" y="5759"/>
                  </a:lnTo>
                  <a:cubicBezTo>
                    <a:pt x="4017" y="5759"/>
                    <a:pt x="2111" y="7049"/>
                    <a:pt x="1557" y="5828"/>
                  </a:cubicBezTo>
                  <a:cubicBezTo>
                    <a:pt x="1006" y="4608"/>
                    <a:pt x="2159" y="4156"/>
                    <a:pt x="2210" y="3704"/>
                  </a:cubicBezTo>
                  <a:cubicBezTo>
                    <a:pt x="2261" y="3253"/>
                    <a:pt x="0" y="3554"/>
                    <a:pt x="753" y="2349"/>
                  </a:cubicBezTo>
                  <a:cubicBezTo>
                    <a:pt x="1506" y="1145"/>
                    <a:pt x="5071" y="0"/>
                    <a:pt x="5372" y="1351"/>
                  </a:cubicBezTo>
                  <a:cubicBezTo>
                    <a:pt x="5673" y="2699"/>
                    <a:pt x="7281" y="1835"/>
                    <a:pt x="7432" y="3046"/>
                  </a:cubicBezTo>
                  <a:cubicBezTo>
                    <a:pt x="7582" y="4256"/>
                    <a:pt x="7230" y="5210"/>
                    <a:pt x="4821" y="5511"/>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25" name="Google Shape;25;p2"/>
          <p:cNvSpPr/>
          <p:nvPr/>
        </p:nvSpPr>
        <p:spPr>
          <a:xfrm rot="7199989" flipH="1">
            <a:off x="5399729" y="2277996"/>
            <a:ext cx="4545547" cy="3234001"/>
          </a:xfrm>
          <a:custGeom>
            <a:avLst/>
            <a:gdLst/>
            <a:ahLst/>
            <a:cxnLst/>
            <a:rect l="l" t="t" r="r" b="b"/>
            <a:pathLst>
              <a:path w="51519" h="36654" fill="none" extrusionOk="0">
                <a:moveTo>
                  <a:pt x="0" y="34286"/>
                </a:moveTo>
                <a:cubicBezTo>
                  <a:pt x="3758" y="36568"/>
                  <a:pt x="8747" y="36653"/>
                  <a:pt x="12583" y="34504"/>
                </a:cubicBezTo>
                <a:cubicBezTo>
                  <a:pt x="16417" y="32354"/>
                  <a:pt x="18946" y="28050"/>
                  <a:pt x="18958" y="23653"/>
                </a:cubicBezTo>
                <a:cubicBezTo>
                  <a:pt x="18965" y="21682"/>
                  <a:pt x="18504" y="19743"/>
                  <a:pt x="18180" y="17797"/>
                </a:cubicBezTo>
                <a:cubicBezTo>
                  <a:pt x="17853" y="15852"/>
                  <a:pt x="17663" y="13829"/>
                  <a:pt x="18198" y="11930"/>
                </a:cubicBezTo>
                <a:cubicBezTo>
                  <a:pt x="18736" y="10033"/>
                  <a:pt x="20130" y="8272"/>
                  <a:pt x="22044" y="7793"/>
                </a:cubicBezTo>
                <a:cubicBezTo>
                  <a:pt x="23957" y="7316"/>
                  <a:pt x="26271" y="8513"/>
                  <a:pt x="26575" y="10461"/>
                </a:cubicBezTo>
                <a:cubicBezTo>
                  <a:pt x="26815" y="12013"/>
                  <a:pt x="25632" y="13646"/>
                  <a:pt x="24080" y="13897"/>
                </a:cubicBezTo>
                <a:cubicBezTo>
                  <a:pt x="22530" y="14147"/>
                  <a:pt x="20890" y="12970"/>
                  <a:pt x="20633" y="11420"/>
                </a:cubicBezTo>
                <a:cubicBezTo>
                  <a:pt x="20373" y="9873"/>
                  <a:pt x="21541" y="8226"/>
                  <a:pt x="23088" y="7959"/>
                </a:cubicBezTo>
                <a:cubicBezTo>
                  <a:pt x="24728" y="7677"/>
                  <a:pt x="26285" y="8770"/>
                  <a:pt x="27439" y="9970"/>
                </a:cubicBezTo>
                <a:cubicBezTo>
                  <a:pt x="28594" y="11170"/>
                  <a:pt x="29630" y="12583"/>
                  <a:pt x="31154" y="13253"/>
                </a:cubicBezTo>
                <a:cubicBezTo>
                  <a:pt x="33943" y="14478"/>
                  <a:pt x="37615" y="12129"/>
                  <a:pt x="37668" y="9083"/>
                </a:cubicBezTo>
                <a:cubicBezTo>
                  <a:pt x="37714" y="6553"/>
                  <a:pt x="35773" y="3811"/>
                  <a:pt x="37184" y="1707"/>
                </a:cubicBezTo>
                <a:cubicBezTo>
                  <a:pt x="38328" y="0"/>
                  <a:pt x="41032" y="155"/>
                  <a:pt x="42692" y="1369"/>
                </a:cubicBezTo>
                <a:cubicBezTo>
                  <a:pt x="44356" y="2583"/>
                  <a:pt x="45322" y="4501"/>
                  <a:pt x="46521" y="6171"/>
                </a:cubicBezTo>
                <a:cubicBezTo>
                  <a:pt x="47724" y="7841"/>
                  <a:pt x="49461" y="9419"/>
                  <a:pt x="51518" y="9352"/>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 name="Google Shape;26;p2"/>
          <p:cNvSpPr/>
          <p:nvPr/>
        </p:nvSpPr>
        <p:spPr>
          <a:xfrm rot="-1704600">
            <a:off x="3822245" y="-226661"/>
            <a:ext cx="1745082" cy="1096151"/>
          </a:xfrm>
          <a:custGeom>
            <a:avLst/>
            <a:gdLst/>
            <a:ahLst/>
            <a:cxnLst/>
            <a:rect l="l" t="t" r="r" b="b"/>
            <a:pathLst>
              <a:path w="19417" h="12197" fill="none" extrusionOk="0">
                <a:moveTo>
                  <a:pt x="17936" y="4902"/>
                </a:moveTo>
                <a:cubicBezTo>
                  <a:pt x="19037" y="5896"/>
                  <a:pt x="19417" y="7605"/>
                  <a:pt x="18842" y="8972"/>
                </a:cubicBezTo>
                <a:cubicBezTo>
                  <a:pt x="18265" y="10337"/>
                  <a:pt x="16776" y="11258"/>
                  <a:pt x="15298" y="11166"/>
                </a:cubicBezTo>
                <a:cubicBezTo>
                  <a:pt x="13987" y="11082"/>
                  <a:pt x="12838" y="10304"/>
                  <a:pt x="11765" y="9551"/>
                </a:cubicBezTo>
                <a:cubicBezTo>
                  <a:pt x="10691" y="8796"/>
                  <a:pt x="9546" y="8013"/>
                  <a:pt x="8237" y="7920"/>
                </a:cubicBezTo>
                <a:cubicBezTo>
                  <a:pt x="6929" y="7826"/>
                  <a:pt x="5453" y="8731"/>
                  <a:pt x="5439" y="10042"/>
                </a:cubicBezTo>
                <a:cubicBezTo>
                  <a:pt x="5425" y="11247"/>
                  <a:pt x="6741" y="12197"/>
                  <a:pt x="7934" y="12021"/>
                </a:cubicBezTo>
                <a:cubicBezTo>
                  <a:pt x="9127" y="11842"/>
                  <a:pt x="10058" y="10777"/>
                  <a:pt x="10336" y="9602"/>
                </a:cubicBezTo>
                <a:cubicBezTo>
                  <a:pt x="10616" y="8430"/>
                  <a:pt x="10341" y="7184"/>
                  <a:pt x="9852" y="6081"/>
                </a:cubicBezTo>
                <a:cubicBezTo>
                  <a:pt x="8214" y="2384"/>
                  <a:pt x="4015" y="1"/>
                  <a:pt x="0" y="494"/>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 name="Google Shape;27;p2"/>
          <p:cNvSpPr/>
          <p:nvPr/>
        </p:nvSpPr>
        <p:spPr>
          <a:xfrm rot="10501061">
            <a:off x="2292275" y="4464854"/>
            <a:ext cx="2543368" cy="1172480"/>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 name="Google Shape;28;p2"/>
          <p:cNvSpPr/>
          <p:nvPr/>
        </p:nvSpPr>
        <p:spPr>
          <a:xfrm>
            <a:off x="8201050" y="201675"/>
            <a:ext cx="1490287" cy="1924102"/>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 name="Google Shape;29;p2"/>
          <p:cNvSpPr/>
          <p:nvPr/>
        </p:nvSpPr>
        <p:spPr>
          <a:xfrm rot="-8451184">
            <a:off x="7298318" y="-114990"/>
            <a:ext cx="1749996" cy="1703552"/>
          </a:xfrm>
          <a:custGeom>
            <a:avLst/>
            <a:gdLst/>
            <a:ahLst/>
            <a:cxnLst/>
            <a:rect l="l" t="t" r="r" b="b"/>
            <a:pathLst>
              <a:path w="21289" h="20724" extrusionOk="0">
                <a:moveTo>
                  <a:pt x="20365" y="374"/>
                </a:moveTo>
                <a:lnTo>
                  <a:pt x="20365" y="374"/>
                </a:lnTo>
                <a:cubicBezTo>
                  <a:pt x="20342" y="389"/>
                  <a:pt x="20327" y="404"/>
                  <a:pt x="20316" y="420"/>
                </a:cubicBezTo>
                <a:lnTo>
                  <a:pt x="20316" y="420"/>
                </a:lnTo>
                <a:cubicBezTo>
                  <a:pt x="20330" y="408"/>
                  <a:pt x="20346" y="393"/>
                  <a:pt x="20365" y="374"/>
                </a:cubicBezTo>
                <a:close/>
                <a:moveTo>
                  <a:pt x="19935" y="1563"/>
                </a:moveTo>
                <a:lnTo>
                  <a:pt x="19885" y="1573"/>
                </a:lnTo>
                <a:cubicBezTo>
                  <a:pt x="19908" y="1570"/>
                  <a:pt x="19924" y="1567"/>
                  <a:pt x="19935" y="1563"/>
                </a:cubicBezTo>
                <a:close/>
                <a:moveTo>
                  <a:pt x="15250" y="4613"/>
                </a:moveTo>
                <a:cubicBezTo>
                  <a:pt x="15242" y="4619"/>
                  <a:pt x="15234" y="4626"/>
                  <a:pt x="15224" y="4633"/>
                </a:cubicBezTo>
                <a:cubicBezTo>
                  <a:pt x="15233" y="4627"/>
                  <a:pt x="15242" y="4620"/>
                  <a:pt x="15250" y="4613"/>
                </a:cubicBezTo>
                <a:close/>
                <a:moveTo>
                  <a:pt x="7965" y="7978"/>
                </a:moveTo>
                <a:cubicBezTo>
                  <a:pt x="7964" y="7979"/>
                  <a:pt x="7964" y="7979"/>
                  <a:pt x="7963" y="7980"/>
                </a:cubicBezTo>
                <a:lnTo>
                  <a:pt x="7963" y="7980"/>
                </a:lnTo>
                <a:cubicBezTo>
                  <a:pt x="7964" y="7979"/>
                  <a:pt x="7964" y="7979"/>
                  <a:pt x="7965" y="7978"/>
                </a:cubicBezTo>
                <a:close/>
                <a:moveTo>
                  <a:pt x="9581" y="9757"/>
                </a:moveTo>
                <a:lnTo>
                  <a:pt x="9581" y="9757"/>
                </a:lnTo>
                <a:cubicBezTo>
                  <a:pt x="9581" y="9757"/>
                  <a:pt x="9581" y="9757"/>
                  <a:pt x="9582" y="9757"/>
                </a:cubicBezTo>
                <a:cubicBezTo>
                  <a:pt x="9581" y="9757"/>
                  <a:pt x="9581" y="9757"/>
                  <a:pt x="9581" y="9757"/>
                </a:cubicBezTo>
                <a:close/>
                <a:moveTo>
                  <a:pt x="7361" y="11539"/>
                </a:moveTo>
                <a:cubicBezTo>
                  <a:pt x="7358" y="11548"/>
                  <a:pt x="7357" y="11555"/>
                  <a:pt x="7358" y="11560"/>
                </a:cubicBezTo>
                <a:cubicBezTo>
                  <a:pt x="7359" y="11552"/>
                  <a:pt x="7360" y="11545"/>
                  <a:pt x="7361" y="11539"/>
                </a:cubicBezTo>
                <a:close/>
                <a:moveTo>
                  <a:pt x="4935" y="15872"/>
                </a:moveTo>
                <a:lnTo>
                  <a:pt x="4960" y="15972"/>
                </a:lnTo>
                <a:lnTo>
                  <a:pt x="4988" y="15970"/>
                </a:lnTo>
                <a:lnTo>
                  <a:pt x="4988" y="15970"/>
                </a:lnTo>
                <a:cubicBezTo>
                  <a:pt x="4976" y="15943"/>
                  <a:pt x="4959" y="15905"/>
                  <a:pt x="4935" y="15872"/>
                </a:cubicBezTo>
                <a:close/>
                <a:moveTo>
                  <a:pt x="5020" y="15968"/>
                </a:moveTo>
                <a:lnTo>
                  <a:pt x="4988" y="15970"/>
                </a:lnTo>
                <a:lnTo>
                  <a:pt x="4988" y="15970"/>
                </a:lnTo>
                <a:cubicBezTo>
                  <a:pt x="4998" y="15993"/>
                  <a:pt x="5005" y="16009"/>
                  <a:pt x="5010" y="16009"/>
                </a:cubicBezTo>
                <a:cubicBezTo>
                  <a:pt x="5015" y="16009"/>
                  <a:pt x="5018" y="15997"/>
                  <a:pt x="5020" y="15968"/>
                </a:cubicBezTo>
                <a:close/>
                <a:moveTo>
                  <a:pt x="3369" y="17894"/>
                </a:moveTo>
                <a:cubicBezTo>
                  <a:pt x="3370" y="17895"/>
                  <a:pt x="3372" y="17896"/>
                  <a:pt x="3373" y="17897"/>
                </a:cubicBezTo>
                <a:cubicBezTo>
                  <a:pt x="3372" y="17896"/>
                  <a:pt x="3370" y="17895"/>
                  <a:pt x="3369" y="17894"/>
                </a:cubicBezTo>
                <a:close/>
                <a:moveTo>
                  <a:pt x="2647" y="18829"/>
                </a:moveTo>
                <a:lnTo>
                  <a:pt x="2681" y="18847"/>
                </a:lnTo>
                <a:cubicBezTo>
                  <a:pt x="2669" y="18840"/>
                  <a:pt x="2658" y="18834"/>
                  <a:pt x="2647" y="18829"/>
                </a:cubicBezTo>
                <a:close/>
                <a:moveTo>
                  <a:pt x="2354" y="19693"/>
                </a:moveTo>
                <a:lnTo>
                  <a:pt x="2354" y="19693"/>
                </a:lnTo>
                <a:cubicBezTo>
                  <a:pt x="2354" y="19694"/>
                  <a:pt x="2354" y="19696"/>
                  <a:pt x="2354" y="19697"/>
                </a:cubicBezTo>
                <a:cubicBezTo>
                  <a:pt x="2354" y="19696"/>
                  <a:pt x="2354" y="19694"/>
                  <a:pt x="2354" y="19693"/>
                </a:cubicBezTo>
                <a:close/>
                <a:moveTo>
                  <a:pt x="1474" y="20091"/>
                </a:moveTo>
                <a:lnTo>
                  <a:pt x="1474" y="20091"/>
                </a:lnTo>
                <a:cubicBezTo>
                  <a:pt x="1467" y="20098"/>
                  <a:pt x="1460" y="20105"/>
                  <a:pt x="1453" y="20114"/>
                </a:cubicBezTo>
                <a:lnTo>
                  <a:pt x="1453" y="20114"/>
                </a:lnTo>
                <a:cubicBezTo>
                  <a:pt x="1460" y="20108"/>
                  <a:pt x="1467" y="20100"/>
                  <a:pt x="1474" y="20091"/>
                </a:cubicBezTo>
                <a:close/>
                <a:moveTo>
                  <a:pt x="21000" y="0"/>
                </a:moveTo>
                <a:cubicBezTo>
                  <a:pt x="20863" y="0"/>
                  <a:pt x="20696" y="159"/>
                  <a:pt x="20513" y="225"/>
                </a:cubicBezTo>
                <a:cubicBezTo>
                  <a:pt x="20550" y="292"/>
                  <a:pt x="20413" y="486"/>
                  <a:pt x="20545" y="486"/>
                </a:cubicBezTo>
                <a:cubicBezTo>
                  <a:pt x="20561" y="486"/>
                  <a:pt x="20580" y="484"/>
                  <a:pt x="20603" y="478"/>
                </a:cubicBezTo>
                <a:lnTo>
                  <a:pt x="20603" y="478"/>
                </a:lnTo>
                <a:cubicBezTo>
                  <a:pt x="20629" y="568"/>
                  <a:pt x="20513" y="656"/>
                  <a:pt x="20425" y="684"/>
                </a:cubicBezTo>
                <a:cubicBezTo>
                  <a:pt x="20453" y="633"/>
                  <a:pt x="20242" y="530"/>
                  <a:pt x="20316" y="420"/>
                </a:cubicBezTo>
                <a:lnTo>
                  <a:pt x="20316" y="420"/>
                </a:lnTo>
                <a:cubicBezTo>
                  <a:pt x="20214" y="510"/>
                  <a:pt x="20253" y="418"/>
                  <a:pt x="20075" y="524"/>
                </a:cubicBezTo>
                <a:cubicBezTo>
                  <a:pt x="20076" y="513"/>
                  <a:pt x="20068" y="509"/>
                  <a:pt x="20053" y="509"/>
                </a:cubicBezTo>
                <a:cubicBezTo>
                  <a:pt x="20004" y="509"/>
                  <a:pt x="19886" y="551"/>
                  <a:pt x="19791" y="551"/>
                </a:cubicBezTo>
                <a:cubicBezTo>
                  <a:pt x="19725" y="551"/>
                  <a:pt x="19671" y="531"/>
                  <a:pt x="19658" y="464"/>
                </a:cubicBezTo>
                <a:lnTo>
                  <a:pt x="19658" y="464"/>
                </a:lnTo>
                <a:cubicBezTo>
                  <a:pt x="19614" y="566"/>
                  <a:pt x="19755" y="735"/>
                  <a:pt x="19505" y="830"/>
                </a:cubicBezTo>
                <a:cubicBezTo>
                  <a:pt x="19612" y="936"/>
                  <a:pt x="19897" y="860"/>
                  <a:pt x="19758" y="1062"/>
                </a:cubicBezTo>
                <a:lnTo>
                  <a:pt x="19850" y="934"/>
                </a:lnTo>
                <a:cubicBezTo>
                  <a:pt x="20027" y="934"/>
                  <a:pt x="19876" y="1060"/>
                  <a:pt x="20041" y="1060"/>
                </a:cubicBezTo>
                <a:cubicBezTo>
                  <a:pt x="20055" y="1060"/>
                  <a:pt x="20072" y="1059"/>
                  <a:pt x="20091" y="1057"/>
                </a:cubicBezTo>
                <a:lnTo>
                  <a:pt x="20091" y="1057"/>
                </a:lnTo>
                <a:cubicBezTo>
                  <a:pt x="20039" y="1069"/>
                  <a:pt x="19966" y="1136"/>
                  <a:pt x="19906" y="1136"/>
                </a:cubicBezTo>
                <a:cubicBezTo>
                  <a:pt x="19885" y="1136"/>
                  <a:pt x="19866" y="1128"/>
                  <a:pt x="19850" y="1108"/>
                </a:cubicBezTo>
                <a:lnTo>
                  <a:pt x="19850" y="1108"/>
                </a:lnTo>
                <a:cubicBezTo>
                  <a:pt x="20001" y="1360"/>
                  <a:pt x="19561" y="1356"/>
                  <a:pt x="19621" y="1560"/>
                </a:cubicBezTo>
                <a:cubicBezTo>
                  <a:pt x="19588" y="1531"/>
                  <a:pt x="19556" y="1518"/>
                  <a:pt x="19522" y="1518"/>
                </a:cubicBezTo>
                <a:cubicBezTo>
                  <a:pt x="19477" y="1518"/>
                  <a:pt x="19427" y="1540"/>
                  <a:pt x="19362" y="1578"/>
                </a:cubicBezTo>
                <a:cubicBezTo>
                  <a:pt x="19352" y="1499"/>
                  <a:pt x="19257" y="1453"/>
                  <a:pt x="19334" y="1367"/>
                </a:cubicBezTo>
                <a:cubicBezTo>
                  <a:pt x="19402" y="1362"/>
                  <a:pt x="19445" y="1330"/>
                  <a:pt x="19512" y="1330"/>
                </a:cubicBezTo>
                <a:cubicBezTo>
                  <a:pt x="19531" y="1330"/>
                  <a:pt x="19553" y="1333"/>
                  <a:pt x="19577" y="1339"/>
                </a:cubicBezTo>
                <a:cubicBezTo>
                  <a:pt x="19533" y="1263"/>
                  <a:pt x="19483" y="1236"/>
                  <a:pt x="19429" y="1236"/>
                </a:cubicBezTo>
                <a:cubicBezTo>
                  <a:pt x="19305" y="1236"/>
                  <a:pt x="19159" y="1378"/>
                  <a:pt x="19003" y="1390"/>
                </a:cubicBezTo>
                <a:cubicBezTo>
                  <a:pt x="19040" y="1402"/>
                  <a:pt x="19058" y="1425"/>
                  <a:pt x="19014" y="1483"/>
                </a:cubicBezTo>
                <a:cubicBezTo>
                  <a:pt x="18953" y="1486"/>
                  <a:pt x="18863" y="1498"/>
                  <a:pt x="18784" y="1498"/>
                </a:cubicBezTo>
                <a:cubicBezTo>
                  <a:pt x="18681" y="1498"/>
                  <a:pt x="18595" y="1478"/>
                  <a:pt x="18613" y="1390"/>
                </a:cubicBezTo>
                <a:lnTo>
                  <a:pt x="18613" y="1390"/>
                </a:lnTo>
                <a:cubicBezTo>
                  <a:pt x="18407" y="1483"/>
                  <a:pt x="18203" y="1580"/>
                  <a:pt x="17999" y="1673"/>
                </a:cubicBezTo>
                <a:cubicBezTo>
                  <a:pt x="17972" y="1613"/>
                  <a:pt x="18078" y="1613"/>
                  <a:pt x="18108" y="1576"/>
                </a:cubicBezTo>
                <a:lnTo>
                  <a:pt x="18108" y="1576"/>
                </a:lnTo>
                <a:lnTo>
                  <a:pt x="17756" y="1712"/>
                </a:lnTo>
                <a:cubicBezTo>
                  <a:pt x="17640" y="1661"/>
                  <a:pt x="17842" y="1580"/>
                  <a:pt x="17844" y="1483"/>
                </a:cubicBezTo>
                <a:lnTo>
                  <a:pt x="17844" y="1483"/>
                </a:lnTo>
                <a:cubicBezTo>
                  <a:pt x="17761" y="1520"/>
                  <a:pt x="17675" y="1555"/>
                  <a:pt x="17592" y="1592"/>
                </a:cubicBezTo>
                <a:lnTo>
                  <a:pt x="17592" y="1497"/>
                </a:lnTo>
                <a:cubicBezTo>
                  <a:pt x="17562" y="1557"/>
                  <a:pt x="17394" y="1661"/>
                  <a:pt x="17259" y="1661"/>
                </a:cubicBezTo>
                <a:cubicBezTo>
                  <a:pt x="17218" y="1661"/>
                  <a:pt x="17179" y="1651"/>
                  <a:pt x="17149" y="1627"/>
                </a:cubicBezTo>
                <a:cubicBezTo>
                  <a:pt x="17020" y="1705"/>
                  <a:pt x="16987" y="1812"/>
                  <a:pt x="16932" y="1905"/>
                </a:cubicBezTo>
                <a:cubicBezTo>
                  <a:pt x="16878" y="1995"/>
                  <a:pt x="16804" y="2071"/>
                  <a:pt x="16593" y="2099"/>
                </a:cubicBezTo>
                <a:cubicBezTo>
                  <a:pt x="16547" y="1963"/>
                  <a:pt x="16779" y="1953"/>
                  <a:pt x="16827" y="1833"/>
                </a:cubicBezTo>
                <a:cubicBezTo>
                  <a:pt x="16824" y="1832"/>
                  <a:pt x="16820" y="1832"/>
                  <a:pt x="16816" y="1832"/>
                </a:cubicBezTo>
                <a:cubicBezTo>
                  <a:pt x="16742" y="1832"/>
                  <a:pt x="16627" y="1938"/>
                  <a:pt x="16536" y="1938"/>
                </a:cubicBezTo>
                <a:cubicBezTo>
                  <a:pt x="16509" y="1938"/>
                  <a:pt x="16484" y="1928"/>
                  <a:pt x="16464" y="1905"/>
                </a:cubicBezTo>
                <a:cubicBezTo>
                  <a:pt x="16234" y="2106"/>
                  <a:pt x="16371" y="2324"/>
                  <a:pt x="16306" y="2512"/>
                </a:cubicBezTo>
                <a:cubicBezTo>
                  <a:pt x="16264" y="2534"/>
                  <a:pt x="16235" y="2543"/>
                  <a:pt x="16217" y="2543"/>
                </a:cubicBezTo>
                <a:cubicBezTo>
                  <a:pt x="16145" y="2543"/>
                  <a:pt x="16225" y="2405"/>
                  <a:pt x="16204" y="2377"/>
                </a:cubicBezTo>
                <a:lnTo>
                  <a:pt x="16204" y="2377"/>
                </a:lnTo>
                <a:cubicBezTo>
                  <a:pt x="16151" y="2396"/>
                  <a:pt x="16147" y="2582"/>
                  <a:pt x="16077" y="2582"/>
                </a:cubicBezTo>
                <a:cubicBezTo>
                  <a:pt x="16059" y="2582"/>
                  <a:pt x="16036" y="2570"/>
                  <a:pt x="16007" y="2539"/>
                </a:cubicBezTo>
                <a:lnTo>
                  <a:pt x="16007" y="2539"/>
                </a:lnTo>
                <a:cubicBezTo>
                  <a:pt x="15955" y="2672"/>
                  <a:pt x="15950" y="2798"/>
                  <a:pt x="16076" y="2798"/>
                </a:cubicBezTo>
                <a:cubicBezTo>
                  <a:pt x="16088" y="2798"/>
                  <a:pt x="16103" y="2797"/>
                  <a:pt x="16119" y="2794"/>
                </a:cubicBezTo>
                <a:lnTo>
                  <a:pt x="16119" y="2794"/>
                </a:lnTo>
                <a:cubicBezTo>
                  <a:pt x="16007" y="2847"/>
                  <a:pt x="15880" y="2991"/>
                  <a:pt x="15880" y="3061"/>
                </a:cubicBezTo>
                <a:cubicBezTo>
                  <a:pt x="15878" y="2964"/>
                  <a:pt x="15850" y="2944"/>
                  <a:pt x="15812" y="2944"/>
                </a:cubicBezTo>
                <a:cubicBezTo>
                  <a:pt x="15785" y="2944"/>
                  <a:pt x="15752" y="2954"/>
                  <a:pt x="15720" y="2954"/>
                </a:cubicBezTo>
                <a:cubicBezTo>
                  <a:pt x="15686" y="2954"/>
                  <a:pt x="15652" y="2943"/>
                  <a:pt x="15625" y="2898"/>
                </a:cubicBezTo>
                <a:cubicBezTo>
                  <a:pt x="15498" y="2933"/>
                  <a:pt x="15373" y="2984"/>
                  <a:pt x="15257" y="3049"/>
                </a:cubicBezTo>
                <a:cubicBezTo>
                  <a:pt x="15129" y="3128"/>
                  <a:pt x="15018" y="3239"/>
                  <a:pt x="14995" y="3383"/>
                </a:cubicBezTo>
                <a:lnTo>
                  <a:pt x="14933" y="3151"/>
                </a:lnTo>
                <a:lnTo>
                  <a:pt x="14750" y="3278"/>
                </a:lnTo>
                <a:cubicBezTo>
                  <a:pt x="14536" y="3232"/>
                  <a:pt x="14851" y="3056"/>
                  <a:pt x="14944" y="2991"/>
                </a:cubicBezTo>
                <a:lnTo>
                  <a:pt x="14944" y="2991"/>
                </a:lnTo>
                <a:cubicBezTo>
                  <a:pt x="14666" y="3112"/>
                  <a:pt x="14495" y="3220"/>
                  <a:pt x="14261" y="3355"/>
                </a:cubicBezTo>
                <a:cubicBezTo>
                  <a:pt x="14353" y="3359"/>
                  <a:pt x="14335" y="3424"/>
                  <a:pt x="14402" y="3468"/>
                </a:cubicBezTo>
                <a:cubicBezTo>
                  <a:pt x="14365" y="3596"/>
                  <a:pt x="14221" y="3598"/>
                  <a:pt x="14152" y="3670"/>
                </a:cubicBezTo>
                <a:cubicBezTo>
                  <a:pt x="14106" y="3633"/>
                  <a:pt x="14089" y="3584"/>
                  <a:pt x="14147" y="3531"/>
                </a:cubicBezTo>
                <a:lnTo>
                  <a:pt x="14147" y="3531"/>
                </a:lnTo>
                <a:lnTo>
                  <a:pt x="13999" y="3649"/>
                </a:lnTo>
                <a:cubicBezTo>
                  <a:pt x="13941" y="3515"/>
                  <a:pt x="13862" y="3561"/>
                  <a:pt x="13976" y="3387"/>
                </a:cubicBezTo>
                <a:lnTo>
                  <a:pt x="13976" y="3387"/>
                </a:lnTo>
                <a:lnTo>
                  <a:pt x="13848" y="3512"/>
                </a:lnTo>
                <a:cubicBezTo>
                  <a:pt x="13821" y="3522"/>
                  <a:pt x="13800" y="3526"/>
                  <a:pt x="13785" y="3526"/>
                </a:cubicBezTo>
                <a:cubicBezTo>
                  <a:pt x="13703" y="3526"/>
                  <a:pt x="13800" y="3396"/>
                  <a:pt x="13816" y="3341"/>
                </a:cubicBezTo>
                <a:lnTo>
                  <a:pt x="13816" y="3341"/>
                </a:lnTo>
                <a:lnTo>
                  <a:pt x="13540" y="3471"/>
                </a:lnTo>
                <a:cubicBezTo>
                  <a:pt x="13485" y="3591"/>
                  <a:pt x="13656" y="3549"/>
                  <a:pt x="13496" y="3688"/>
                </a:cubicBezTo>
                <a:cubicBezTo>
                  <a:pt x="13420" y="3695"/>
                  <a:pt x="13343" y="3714"/>
                  <a:pt x="13272" y="3742"/>
                </a:cubicBezTo>
                <a:cubicBezTo>
                  <a:pt x="13197" y="3772"/>
                  <a:pt x="13126" y="3807"/>
                  <a:pt x="13054" y="3844"/>
                </a:cubicBezTo>
                <a:cubicBezTo>
                  <a:pt x="12910" y="3922"/>
                  <a:pt x="12769" y="4010"/>
                  <a:pt x="12623" y="4075"/>
                </a:cubicBezTo>
                <a:lnTo>
                  <a:pt x="12882" y="4075"/>
                </a:lnTo>
                <a:cubicBezTo>
                  <a:pt x="12699" y="4142"/>
                  <a:pt x="12855" y="4321"/>
                  <a:pt x="12857" y="4434"/>
                </a:cubicBezTo>
                <a:cubicBezTo>
                  <a:pt x="12776" y="4469"/>
                  <a:pt x="12688" y="4522"/>
                  <a:pt x="12600" y="4571"/>
                </a:cubicBezTo>
                <a:cubicBezTo>
                  <a:pt x="12521" y="4617"/>
                  <a:pt x="12438" y="4652"/>
                  <a:pt x="12350" y="4675"/>
                </a:cubicBezTo>
                <a:cubicBezTo>
                  <a:pt x="12431" y="4490"/>
                  <a:pt x="12282" y="4386"/>
                  <a:pt x="12095" y="4386"/>
                </a:cubicBezTo>
                <a:cubicBezTo>
                  <a:pt x="11784" y="4566"/>
                  <a:pt x="11993" y="4726"/>
                  <a:pt x="11872" y="4902"/>
                </a:cubicBezTo>
                <a:cubicBezTo>
                  <a:pt x="11864" y="4799"/>
                  <a:pt x="11834" y="4767"/>
                  <a:pt x="11796" y="4767"/>
                </a:cubicBezTo>
                <a:cubicBezTo>
                  <a:pt x="11736" y="4767"/>
                  <a:pt x="11655" y="4848"/>
                  <a:pt x="11601" y="4848"/>
                </a:cubicBezTo>
                <a:cubicBezTo>
                  <a:pt x="11582" y="4848"/>
                  <a:pt x="11567" y="4838"/>
                  <a:pt x="11557" y="4812"/>
                </a:cubicBezTo>
                <a:cubicBezTo>
                  <a:pt x="11372" y="4944"/>
                  <a:pt x="11198" y="5097"/>
                  <a:pt x="11025" y="5247"/>
                </a:cubicBezTo>
                <a:cubicBezTo>
                  <a:pt x="10856" y="5407"/>
                  <a:pt x="10675" y="5555"/>
                  <a:pt x="10487" y="5692"/>
                </a:cubicBezTo>
                <a:cubicBezTo>
                  <a:pt x="10520" y="5720"/>
                  <a:pt x="10654" y="5676"/>
                  <a:pt x="10612" y="5759"/>
                </a:cubicBezTo>
                <a:cubicBezTo>
                  <a:pt x="10569" y="5819"/>
                  <a:pt x="10500" y="5851"/>
                  <a:pt x="10430" y="5851"/>
                </a:cubicBezTo>
                <a:cubicBezTo>
                  <a:pt x="10389" y="5851"/>
                  <a:pt x="10348" y="5840"/>
                  <a:pt x="10311" y="5817"/>
                </a:cubicBezTo>
                <a:cubicBezTo>
                  <a:pt x="10149" y="5970"/>
                  <a:pt x="10103" y="6121"/>
                  <a:pt x="10093" y="6232"/>
                </a:cubicBezTo>
                <a:cubicBezTo>
                  <a:pt x="10119" y="6197"/>
                  <a:pt x="10140" y="6183"/>
                  <a:pt x="10157" y="6183"/>
                </a:cubicBezTo>
                <a:cubicBezTo>
                  <a:pt x="10181" y="6183"/>
                  <a:pt x="10200" y="6210"/>
                  <a:pt x="10219" y="6253"/>
                </a:cubicBezTo>
                <a:cubicBezTo>
                  <a:pt x="10151" y="6316"/>
                  <a:pt x="10100" y="6321"/>
                  <a:pt x="10058" y="6321"/>
                </a:cubicBezTo>
                <a:cubicBezTo>
                  <a:pt x="10051" y="6321"/>
                  <a:pt x="10044" y="6320"/>
                  <a:pt x="10037" y="6320"/>
                </a:cubicBezTo>
                <a:cubicBezTo>
                  <a:pt x="9987" y="6320"/>
                  <a:pt x="9948" y="6327"/>
                  <a:pt x="9904" y="6447"/>
                </a:cubicBezTo>
                <a:cubicBezTo>
                  <a:pt x="9767" y="6362"/>
                  <a:pt x="10042" y="6246"/>
                  <a:pt x="9936" y="6139"/>
                </a:cubicBezTo>
                <a:lnTo>
                  <a:pt x="9936" y="6139"/>
                </a:lnTo>
                <a:cubicBezTo>
                  <a:pt x="9774" y="6248"/>
                  <a:pt x="9716" y="6373"/>
                  <a:pt x="9646" y="6519"/>
                </a:cubicBezTo>
                <a:cubicBezTo>
                  <a:pt x="9565" y="6463"/>
                  <a:pt x="9727" y="6424"/>
                  <a:pt x="9613" y="6424"/>
                </a:cubicBezTo>
                <a:cubicBezTo>
                  <a:pt x="9610" y="6424"/>
                  <a:pt x="9606" y="6424"/>
                  <a:pt x="9602" y="6424"/>
                </a:cubicBezTo>
                <a:cubicBezTo>
                  <a:pt x="9405" y="6667"/>
                  <a:pt x="9185" y="6973"/>
                  <a:pt x="9042" y="7154"/>
                </a:cubicBezTo>
                <a:lnTo>
                  <a:pt x="8914" y="7094"/>
                </a:lnTo>
                <a:cubicBezTo>
                  <a:pt x="8808" y="7193"/>
                  <a:pt x="8752" y="7277"/>
                  <a:pt x="8738" y="7365"/>
                </a:cubicBezTo>
                <a:cubicBezTo>
                  <a:pt x="8731" y="7365"/>
                  <a:pt x="8724" y="7366"/>
                  <a:pt x="8719" y="7366"/>
                </a:cubicBezTo>
                <a:cubicBezTo>
                  <a:pt x="8650" y="7366"/>
                  <a:pt x="8675" y="7307"/>
                  <a:pt x="8720" y="7251"/>
                </a:cubicBezTo>
                <a:lnTo>
                  <a:pt x="8720" y="7251"/>
                </a:lnTo>
                <a:cubicBezTo>
                  <a:pt x="8562" y="7367"/>
                  <a:pt x="8446" y="7601"/>
                  <a:pt x="8372" y="7680"/>
                </a:cubicBezTo>
                <a:cubicBezTo>
                  <a:pt x="8335" y="7610"/>
                  <a:pt x="8449" y="7601"/>
                  <a:pt x="8433" y="7531"/>
                </a:cubicBezTo>
                <a:lnTo>
                  <a:pt x="8433" y="7531"/>
                </a:lnTo>
                <a:cubicBezTo>
                  <a:pt x="8379" y="7568"/>
                  <a:pt x="8335" y="7615"/>
                  <a:pt x="8298" y="7670"/>
                </a:cubicBezTo>
                <a:cubicBezTo>
                  <a:pt x="8280" y="7698"/>
                  <a:pt x="8259" y="7728"/>
                  <a:pt x="8243" y="7756"/>
                </a:cubicBezTo>
                <a:lnTo>
                  <a:pt x="8189" y="7844"/>
                </a:lnTo>
                <a:cubicBezTo>
                  <a:pt x="8123" y="7952"/>
                  <a:pt x="8055" y="8042"/>
                  <a:pt x="7948" y="8042"/>
                </a:cubicBezTo>
                <a:cubicBezTo>
                  <a:pt x="7943" y="8042"/>
                  <a:pt x="7938" y="8041"/>
                  <a:pt x="7932" y="8041"/>
                </a:cubicBezTo>
                <a:cubicBezTo>
                  <a:pt x="7934" y="8018"/>
                  <a:pt x="7946" y="7996"/>
                  <a:pt x="7963" y="7980"/>
                </a:cubicBezTo>
                <a:lnTo>
                  <a:pt x="7963" y="7980"/>
                </a:lnTo>
                <a:cubicBezTo>
                  <a:pt x="7834" y="8095"/>
                  <a:pt x="7712" y="8220"/>
                  <a:pt x="7603" y="8356"/>
                </a:cubicBezTo>
                <a:cubicBezTo>
                  <a:pt x="7490" y="8488"/>
                  <a:pt x="7381" y="8632"/>
                  <a:pt x="7242" y="8768"/>
                </a:cubicBezTo>
                <a:cubicBezTo>
                  <a:pt x="6876" y="8905"/>
                  <a:pt x="7293" y="8991"/>
                  <a:pt x="7024" y="9220"/>
                </a:cubicBezTo>
                <a:cubicBezTo>
                  <a:pt x="6982" y="9177"/>
                  <a:pt x="6943" y="9159"/>
                  <a:pt x="6908" y="9159"/>
                </a:cubicBezTo>
                <a:cubicBezTo>
                  <a:pt x="6741" y="9159"/>
                  <a:pt x="6641" y="9552"/>
                  <a:pt x="6519" y="9600"/>
                </a:cubicBezTo>
                <a:lnTo>
                  <a:pt x="6589" y="9602"/>
                </a:lnTo>
                <a:cubicBezTo>
                  <a:pt x="6575" y="9713"/>
                  <a:pt x="6503" y="9788"/>
                  <a:pt x="6417" y="9836"/>
                </a:cubicBezTo>
                <a:cubicBezTo>
                  <a:pt x="6336" y="9883"/>
                  <a:pt x="6246" y="9913"/>
                  <a:pt x="6153" y="9924"/>
                </a:cubicBezTo>
                <a:cubicBezTo>
                  <a:pt x="6040" y="10026"/>
                  <a:pt x="5933" y="10137"/>
                  <a:pt x="5836" y="10255"/>
                </a:cubicBezTo>
                <a:cubicBezTo>
                  <a:pt x="5785" y="10320"/>
                  <a:pt x="5739" y="10388"/>
                  <a:pt x="5697" y="10459"/>
                </a:cubicBezTo>
                <a:cubicBezTo>
                  <a:pt x="5660" y="10527"/>
                  <a:pt x="5630" y="10598"/>
                  <a:pt x="5609" y="10675"/>
                </a:cubicBezTo>
                <a:lnTo>
                  <a:pt x="5593" y="10587"/>
                </a:lnTo>
                <a:cubicBezTo>
                  <a:pt x="5514" y="10809"/>
                  <a:pt x="5340" y="10835"/>
                  <a:pt x="5261" y="11057"/>
                </a:cubicBezTo>
                <a:cubicBezTo>
                  <a:pt x="5250" y="11040"/>
                  <a:pt x="5263" y="10979"/>
                  <a:pt x="5230" y="10979"/>
                </a:cubicBezTo>
                <a:cubicBezTo>
                  <a:pt x="5222" y="10979"/>
                  <a:pt x="5211" y="10983"/>
                  <a:pt x="5196" y="10992"/>
                </a:cubicBezTo>
                <a:cubicBezTo>
                  <a:pt x="5146" y="11036"/>
                  <a:pt x="5099" y="11080"/>
                  <a:pt x="5051" y="11126"/>
                </a:cubicBezTo>
                <a:cubicBezTo>
                  <a:pt x="5004" y="11173"/>
                  <a:pt x="4960" y="11221"/>
                  <a:pt x="4914" y="11268"/>
                </a:cubicBezTo>
                <a:cubicBezTo>
                  <a:pt x="4826" y="11365"/>
                  <a:pt x="4738" y="11465"/>
                  <a:pt x="4654" y="11567"/>
                </a:cubicBezTo>
                <a:cubicBezTo>
                  <a:pt x="4569" y="11669"/>
                  <a:pt x="4488" y="11768"/>
                  <a:pt x="4407" y="11875"/>
                </a:cubicBezTo>
                <a:cubicBezTo>
                  <a:pt x="4328" y="11984"/>
                  <a:pt x="4251" y="12090"/>
                  <a:pt x="4175" y="12199"/>
                </a:cubicBezTo>
                <a:lnTo>
                  <a:pt x="3948" y="12521"/>
                </a:lnTo>
                <a:lnTo>
                  <a:pt x="3890" y="12602"/>
                </a:lnTo>
                <a:lnTo>
                  <a:pt x="3834" y="12683"/>
                </a:lnTo>
                <a:lnTo>
                  <a:pt x="3721" y="12848"/>
                </a:lnTo>
                <a:cubicBezTo>
                  <a:pt x="3647" y="12954"/>
                  <a:pt x="3568" y="13061"/>
                  <a:pt x="3489" y="13165"/>
                </a:cubicBezTo>
                <a:cubicBezTo>
                  <a:pt x="3452" y="13218"/>
                  <a:pt x="3411" y="13269"/>
                  <a:pt x="3371" y="13320"/>
                </a:cubicBezTo>
                <a:lnTo>
                  <a:pt x="3251" y="13473"/>
                </a:lnTo>
                <a:cubicBezTo>
                  <a:pt x="3093" y="13668"/>
                  <a:pt x="2933" y="13869"/>
                  <a:pt x="2771" y="14075"/>
                </a:cubicBezTo>
                <a:cubicBezTo>
                  <a:pt x="2614" y="14286"/>
                  <a:pt x="2451" y="14502"/>
                  <a:pt x="2292" y="14722"/>
                </a:cubicBezTo>
                <a:cubicBezTo>
                  <a:pt x="1977" y="15166"/>
                  <a:pt x="1664" y="15630"/>
                  <a:pt x="1377" y="16109"/>
                </a:cubicBezTo>
                <a:cubicBezTo>
                  <a:pt x="800" y="17066"/>
                  <a:pt x="311" y="18074"/>
                  <a:pt x="1" y="19012"/>
                </a:cubicBezTo>
                <a:cubicBezTo>
                  <a:pt x="161" y="19269"/>
                  <a:pt x="334" y="19517"/>
                  <a:pt x="524" y="19755"/>
                </a:cubicBezTo>
                <a:cubicBezTo>
                  <a:pt x="821" y="20128"/>
                  <a:pt x="1198" y="20508"/>
                  <a:pt x="1490" y="20571"/>
                </a:cubicBezTo>
                <a:cubicBezTo>
                  <a:pt x="1496" y="20568"/>
                  <a:pt x="1502" y="20567"/>
                  <a:pt x="1508" y="20567"/>
                </a:cubicBezTo>
                <a:cubicBezTo>
                  <a:pt x="1545" y="20567"/>
                  <a:pt x="1567" y="20619"/>
                  <a:pt x="1587" y="20663"/>
                </a:cubicBezTo>
                <a:cubicBezTo>
                  <a:pt x="1602" y="20696"/>
                  <a:pt x="1617" y="20723"/>
                  <a:pt x="1637" y="20723"/>
                </a:cubicBezTo>
                <a:cubicBezTo>
                  <a:pt x="1649" y="20723"/>
                  <a:pt x="1663" y="20714"/>
                  <a:pt x="1680" y="20691"/>
                </a:cubicBezTo>
                <a:lnTo>
                  <a:pt x="1594" y="20485"/>
                </a:lnTo>
                <a:lnTo>
                  <a:pt x="1594" y="20485"/>
                </a:lnTo>
                <a:cubicBezTo>
                  <a:pt x="1622" y="20511"/>
                  <a:pt x="1663" y="20517"/>
                  <a:pt x="1707" y="20517"/>
                </a:cubicBezTo>
                <a:cubicBezTo>
                  <a:pt x="1739" y="20517"/>
                  <a:pt x="1771" y="20514"/>
                  <a:pt x="1801" y="20514"/>
                </a:cubicBezTo>
                <a:cubicBezTo>
                  <a:pt x="1816" y="20514"/>
                  <a:pt x="1831" y="20515"/>
                  <a:pt x="1845" y="20517"/>
                </a:cubicBezTo>
                <a:cubicBezTo>
                  <a:pt x="1808" y="20479"/>
                  <a:pt x="1762" y="20472"/>
                  <a:pt x="1713" y="20472"/>
                </a:cubicBezTo>
                <a:cubicBezTo>
                  <a:pt x="1686" y="20472"/>
                  <a:pt x="1658" y="20475"/>
                  <a:pt x="1630" y="20475"/>
                </a:cubicBezTo>
                <a:cubicBezTo>
                  <a:pt x="1552" y="20475"/>
                  <a:pt x="1473" y="20458"/>
                  <a:pt x="1416" y="20334"/>
                </a:cubicBezTo>
                <a:cubicBezTo>
                  <a:pt x="1358" y="20266"/>
                  <a:pt x="1406" y="20171"/>
                  <a:pt x="1453" y="20114"/>
                </a:cubicBezTo>
                <a:lnTo>
                  <a:pt x="1453" y="20114"/>
                </a:lnTo>
                <a:cubicBezTo>
                  <a:pt x="1440" y="20126"/>
                  <a:pt x="1428" y="20131"/>
                  <a:pt x="1417" y="20131"/>
                </a:cubicBezTo>
                <a:cubicBezTo>
                  <a:pt x="1363" y="20131"/>
                  <a:pt x="1339" y="20006"/>
                  <a:pt x="1321" y="19945"/>
                </a:cubicBezTo>
                <a:cubicBezTo>
                  <a:pt x="1416" y="19889"/>
                  <a:pt x="1456" y="19746"/>
                  <a:pt x="1557" y="19746"/>
                </a:cubicBezTo>
                <a:cubicBezTo>
                  <a:pt x="1559" y="19746"/>
                  <a:pt x="1562" y="19746"/>
                  <a:pt x="1564" y="19746"/>
                </a:cubicBezTo>
                <a:cubicBezTo>
                  <a:pt x="1539" y="19716"/>
                  <a:pt x="1553" y="19642"/>
                  <a:pt x="1590" y="19605"/>
                </a:cubicBezTo>
                <a:lnTo>
                  <a:pt x="1638" y="19623"/>
                </a:lnTo>
                <a:cubicBezTo>
                  <a:pt x="1642" y="19583"/>
                  <a:pt x="1637" y="19571"/>
                  <a:pt x="1626" y="19571"/>
                </a:cubicBezTo>
                <a:cubicBezTo>
                  <a:pt x="1611" y="19571"/>
                  <a:pt x="1585" y="19597"/>
                  <a:pt x="1562" y="19597"/>
                </a:cubicBezTo>
                <a:cubicBezTo>
                  <a:pt x="1555" y="19597"/>
                  <a:pt x="1547" y="19594"/>
                  <a:pt x="1541" y="19586"/>
                </a:cubicBezTo>
                <a:cubicBezTo>
                  <a:pt x="1564" y="19505"/>
                  <a:pt x="1719" y="19443"/>
                  <a:pt x="1773" y="19322"/>
                </a:cubicBezTo>
                <a:lnTo>
                  <a:pt x="1773" y="19322"/>
                </a:lnTo>
                <a:cubicBezTo>
                  <a:pt x="1720" y="19443"/>
                  <a:pt x="1733" y="19572"/>
                  <a:pt x="1743" y="19681"/>
                </a:cubicBezTo>
                <a:cubicBezTo>
                  <a:pt x="1781" y="19647"/>
                  <a:pt x="1812" y="19633"/>
                  <a:pt x="1839" y="19633"/>
                </a:cubicBezTo>
                <a:cubicBezTo>
                  <a:pt x="1946" y="19633"/>
                  <a:pt x="1978" y="19860"/>
                  <a:pt x="2058" y="19945"/>
                </a:cubicBezTo>
                <a:cubicBezTo>
                  <a:pt x="2085" y="19746"/>
                  <a:pt x="2035" y="19639"/>
                  <a:pt x="2028" y="19459"/>
                </a:cubicBezTo>
                <a:cubicBezTo>
                  <a:pt x="2057" y="19439"/>
                  <a:pt x="2086" y="19431"/>
                  <a:pt x="2113" y="19431"/>
                </a:cubicBezTo>
                <a:cubicBezTo>
                  <a:pt x="2250" y="19431"/>
                  <a:pt x="2353" y="19640"/>
                  <a:pt x="2354" y="19693"/>
                </a:cubicBezTo>
                <a:lnTo>
                  <a:pt x="2354" y="19693"/>
                </a:lnTo>
                <a:cubicBezTo>
                  <a:pt x="2362" y="19506"/>
                  <a:pt x="2299" y="19268"/>
                  <a:pt x="2289" y="19160"/>
                </a:cubicBezTo>
                <a:lnTo>
                  <a:pt x="2289" y="19160"/>
                </a:lnTo>
                <a:cubicBezTo>
                  <a:pt x="2412" y="19371"/>
                  <a:pt x="2479" y="19380"/>
                  <a:pt x="2572" y="19558"/>
                </a:cubicBezTo>
                <a:cubicBezTo>
                  <a:pt x="2739" y="19491"/>
                  <a:pt x="2623" y="19399"/>
                  <a:pt x="2586" y="19304"/>
                </a:cubicBezTo>
                <a:lnTo>
                  <a:pt x="2586" y="19304"/>
                </a:lnTo>
                <a:cubicBezTo>
                  <a:pt x="2586" y="19346"/>
                  <a:pt x="2571" y="19401"/>
                  <a:pt x="2533" y="19401"/>
                </a:cubicBezTo>
                <a:cubicBezTo>
                  <a:pt x="2531" y="19401"/>
                  <a:pt x="2530" y="19401"/>
                  <a:pt x="2528" y="19401"/>
                </a:cubicBezTo>
                <a:cubicBezTo>
                  <a:pt x="2618" y="19262"/>
                  <a:pt x="2326" y="19139"/>
                  <a:pt x="2248" y="19000"/>
                </a:cubicBezTo>
                <a:cubicBezTo>
                  <a:pt x="2354" y="18945"/>
                  <a:pt x="2468" y="18817"/>
                  <a:pt x="2587" y="18817"/>
                </a:cubicBezTo>
                <a:cubicBezTo>
                  <a:pt x="2606" y="18817"/>
                  <a:pt x="2627" y="18821"/>
                  <a:pt x="2647" y="18829"/>
                </a:cubicBezTo>
                <a:lnTo>
                  <a:pt x="2647" y="18829"/>
                </a:lnTo>
                <a:lnTo>
                  <a:pt x="2507" y="18755"/>
                </a:lnTo>
                <a:cubicBezTo>
                  <a:pt x="2517" y="18702"/>
                  <a:pt x="2535" y="18685"/>
                  <a:pt x="2558" y="18685"/>
                </a:cubicBezTo>
                <a:cubicBezTo>
                  <a:pt x="2600" y="18685"/>
                  <a:pt x="2656" y="18742"/>
                  <a:pt x="2699" y="18750"/>
                </a:cubicBezTo>
                <a:cubicBezTo>
                  <a:pt x="2607" y="18639"/>
                  <a:pt x="2407" y="18604"/>
                  <a:pt x="2477" y="18363"/>
                </a:cubicBezTo>
                <a:lnTo>
                  <a:pt x="2477" y="18363"/>
                </a:lnTo>
                <a:cubicBezTo>
                  <a:pt x="2533" y="18404"/>
                  <a:pt x="2571" y="18419"/>
                  <a:pt x="2598" y="18419"/>
                </a:cubicBezTo>
                <a:cubicBezTo>
                  <a:pt x="2675" y="18419"/>
                  <a:pt x="2669" y="18300"/>
                  <a:pt x="2753" y="18300"/>
                </a:cubicBezTo>
                <a:cubicBezTo>
                  <a:pt x="2777" y="18300"/>
                  <a:pt x="2810" y="18311"/>
                  <a:pt x="2855" y="18338"/>
                </a:cubicBezTo>
                <a:cubicBezTo>
                  <a:pt x="2894" y="18229"/>
                  <a:pt x="2780" y="18106"/>
                  <a:pt x="2868" y="18020"/>
                </a:cubicBezTo>
                <a:cubicBezTo>
                  <a:pt x="2876" y="18019"/>
                  <a:pt x="2884" y="18019"/>
                  <a:pt x="2891" y="18019"/>
                </a:cubicBezTo>
                <a:cubicBezTo>
                  <a:pt x="3078" y="18019"/>
                  <a:pt x="3113" y="18371"/>
                  <a:pt x="3040" y="18405"/>
                </a:cubicBezTo>
                <a:cubicBezTo>
                  <a:pt x="3021" y="18440"/>
                  <a:pt x="3006" y="18453"/>
                  <a:pt x="2992" y="18453"/>
                </a:cubicBezTo>
                <a:cubicBezTo>
                  <a:pt x="2957" y="18453"/>
                  <a:pt x="2936" y="18370"/>
                  <a:pt x="2916" y="18370"/>
                </a:cubicBezTo>
                <a:cubicBezTo>
                  <a:pt x="2913" y="18370"/>
                  <a:pt x="2909" y="18372"/>
                  <a:pt x="2906" y="18379"/>
                </a:cubicBezTo>
                <a:lnTo>
                  <a:pt x="2906" y="18558"/>
                </a:lnTo>
                <a:cubicBezTo>
                  <a:pt x="2961" y="18525"/>
                  <a:pt x="3017" y="18497"/>
                  <a:pt x="3072" y="18470"/>
                </a:cubicBezTo>
                <a:cubicBezTo>
                  <a:pt x="3102" y="18459"/>
                  <a:pt x="3131" y="18452"/>
                  <a:pt x="3160" y="18452"/>
                </a:cubicBezTo>
                <a:cubicBezTo>
                  <a:pt x="3191" y="18452"/>
                  <a:pt x="3221" y="18460"/>
                  <a:pt x="3248" y="18481"/>
                </a:cubicBezTo>
                <a:cubicBezTo>
                  <a:pt x="3258" y="18425"/>
                  <a:pt x="3240" y="18412"/>
                  <a:pt x="3212" y="18412"/>
                </a:cubicBezTo>
                <a:cubicBezTo>
                  <a:pt x="3190" y="18412"/>
                  <a:pt x="3160" y="18421"/>
                  <a:pt x="3136" y="18421"/>
                </a:cubicBezTo>
                <a:cubicBezTo>
                  <a:pt x="3104" y="18421"/>
                  <a:pt x="3081" y="18406"/>
                  <a:pt x="3089" y="18338"/>
                </a:cubicBezTo>
                <a:lnTo>
                  <a:pt x="3204" y="18284"/>
                </a:lnTo>
                <a:cubicBezTo>
                  <a:pt x="3225" y="18097"/>
                  <a:pt x="2994" y="18206"/>
                  <a:pt x="3075" y="17990"/>
                </a:cubicBezTo>
                <a:lnTo>
                  <a:pt x="3075" y="17990"/>
                </a:lnTo>
                <a:cubicBezTo>
                  <a:pt x="3083" y="18031"/>
                  <a:pt x="3094" y="18046"/>
                  <a:pt x="3106" y="18046"/>
                </a:cubicBezTo>
                <a:cubicBezTo>
                  <a:pt x="3146" y="18046"/>
                  <a:pt x="3208" y="17875"/>
                  <a:pt x="3309" y="17875"/>
                </a:cubicBezTo>
                <a:cubicBezTo>
                  <a:pt x="3328" y="17875"/>
                  <a:pt x="3348" y="17881"/>
                  <a:pt x="3369" y="17894"/>
                </a:cubicBezTo>
                <a:lnTo>
                  <a:pt x="3369" y="17894"/>
                </a:lnTo>
                <a:cubicBezTo>
                  <a:pt x="3263" y="17823"/>
                  <a:pt x="3305" y="17732"/>
                  <a:pt x="3357" y="17643"/>
                </a:cubicBezTo>
                <a:cubicBezTo>
                  <a:pt x="3411" y="17550"/>
                  <a:pt x="3473" y="17457"/>
                  <a:pt x="3394" y="17383"/>
                </a:cubicBezTo>
                <a:lnTo>
                  <a:pt x="3394" y="17383"/>
                </a:lnTo>
                <a:lnTo>
                  <a:pt x="3281" y="17453"/>
                </a:lnTo>
                <a:lnTo>
                  <a:pt x="3394" y="17492"/>
                </a:lnTo>
                <a:cubicBezTo>
                  <a:pt x="3366" y="17548"/>
                  <a:pt x="3346" y="17608"/>
                  <a:pt x="3327" y="17668"/>
                </a:cubicBezTo>
                <a:cubicBezTo>
                  <a:pt x="3311" y="17731"/>
                  <a:pt x="3278" y="17786"/>
                  <a:pt x="3230" y="17828"/>
                </a:cubicBezTo>
                <a:cubicBezTo>
                  <a:pt x="3200" y="17687"/>
                  <a:pt x="3021" y="17747"/>
                  <a:pt x="3012" y="17596"/>
                </a:cubicBezTo>
                <a:cubicBezTo>
                  <a:pt x="3006" y="17505"/>
                  <a:pt x="3019" y="17476"/>
                  <a:pt x="3042" y="17476"/>
                </a:cubicBezTo>
                <a:cubicBezTo>
                  <a:pt x="3054" y="17476"/>
                  <a:pt x="3068" y="17484"/>
                  <a:pt x="3084" y="17497"/>
                </a:cubicBezTo>
                <a:cubicBezTo>
                  <a:pt x="3122" y="17530"/>
                  <a:pt x="3162" y="17589"/>
                  <a:pt x="3175" y="17589"/>
                </a:cubicBezTo>
                <a:cubicBezTo>
                  <a:pt x="3177" y="17589"/>
                  <a:pt x="3178" y="17588"/>
                  <a:pt x="3179" y="17587"/>
                </a:cubicBezTo>
                <a:lnTo>
                  <a:pt x="3156" y="17355"/>
                </a:lnTo>
                <a:lnTo>
                  <a:pt x="2994" y="17406"/>
                </a:lnTo>
                <a:cubicBezTo>
                  <a:pt x="3028" y="17258"/>
                  <a:pt x="3126" y="17082"/>
                  <a:pt x="3244" y="16920"/>
                </a:cubicBezTo>
                <a:cubicBezTo>
                  <a:pt x="3313" y="16879"/>
                  <a:pt x="3355" y="16865"/>
                  <a:pt x="3382" y="16865"/>
                </a:cubicBezTo>
                <a:cubicBezTo>
                  <a:pt x="3448" y="16865"/>
                  <a:pt x="3424" y="16952"/>
                  <a:pt x="3498" y="16952"/>
                </a:cubicBezTo>
                <a:cubicBezTo>
                  <a:pt x="3517" y="16952"/>
                  <a:pt x="3544" y="16945"/>
                  <a:pt x="3582" y="16929"/>
                </a:cubicBezTo>
                <a:cubicBezTo>
                  <a:pt x="3582" y="16818"/>
                  <a:pt x="3517" y="16802"/>
                  <a:pt x="3605" y="16700"/>
                </a:cubicBezTo>
                <a:lnTo>
                  <a:pt x="3605" y="16700"/>
                </a:lnTo>
                <a:cubicBezTo>
                  <a:pt x="3568" y="16704"/>
                  <a:pt x="3540" y="16737"/>
                  <a:pt x="3543" y="16774"/>
                </a:cubicBezTo>
                <a:cubicBezTo>
                  <a:pt x="3540" y="16809"/>
                  <a:pt x="3547" y="16843"/>
                  <a:pt x="3529" y="16864"/>
                </a:cubicBezTo>
                <a:cubicBezTo>
                  <a:pt x="3441" y="16846"/>
                  <a:pt x="3457" y="16783"/>
                  <a:pt x="3475" y="16718"/>
                </a:cubicBezTo>
                <a:cubicBezTo>
                  <a:pt x="3496" y="16654"/>
                  <a:pt x="3524" y="16582"/>
                  <a:pt x="3455" y="16545"/>
                </a:cubicBezTo>
                <a:cubicBezTo>
                  <a:pt x="3463" y="16543"/>
                  <a:pt x="3471" y="16543"/>
                  <a:pt x="3479" y="16543"/>
                </a:cubicBezTo>
                <a:cubicBezTo>
                  <a:pt x="3546" y="16543"/>
                  <a:pt x="3590" y="16585"/>
                  <a:pt x="3619" y="16651"/>
                </a:cubicBezTo>
                <a:cubicBezTo>
                  <a:pt x="3681" y="16451"/>
                  <a:pt x="3802" y="16297"/>
                  <a:pt x="3981" y="16297"/>
                </a:cubicBezTo>
                <a:cubicBezTo>
                  <a:pt x="4003" y="16297"/>
                  <a:pt x="4026" y="16299"/>
                  <a:pt x="4050" y="16304"/>
                </a:cubicBezTo>
                <a:lnTo>
                  <a:pt x="3934" y="16109"/>
                </a:lnTo>
                <a:cubicBezTo>
                  <a:pt x="3986" y="16053"/>
                  <a:pt x="4019" y="16033"/>
                  <a:pt x="4039" y="16033"/>
                </a:cubicBezTo>
                <a:cubicBezTo>
                  <a:pt x="4045" y="16033"/>
                  <a:pt x="4050" y="16034"/>
                  <a:pt x="4054" y="16037"/>
                </a:cubicBezTo>
                <a:cubicBezTo>
                  <a:pt x="4071" y="16054"/>
                  <a:pt x="4073" y="16095"/>
                  <a:pt x="4075" y="16142"/>
                </a:cubicBezTo>
                <a:cubicBezTo>
                  <a:pt x="4077" y="16206"/>
                  <a:pt x="4081" y="16275"/>
                  <a:pt x="4133" y="16275"/>
                </a:cubicBezTo>
                <a:cubicBezTo>
                  <a:pt x="4155" y="16275"/>
                  <a:pt x="4185" y="16263"/>
                  <a:pt x="4226" y="16234"/>
                </a:cubicBezTo>
                <a:cubicBezTo>
                  <a:pt x="4314" y="16135"/>
                  <a:pt x="4383" y="16023"/>
                  <a:pt x="4351" y="15928"/>
                </a:cubicBezTo>
                <a:lnTo>
                  <a:pt x="4351" y="15928"/>
                </a:lnTo>
                <a:lnTo>
                  <a:pt x="4279" y="16021"/>
                </a:lnTo>
                <a:cubicBezTo>
                  <a:pt x="4237" y="15884"/>
                  <a:pt x="4170" y="15847"/>
                  <a:pt x="4191" y="15688"/>
                </a:cubicBezTo>
                <a:cubicBezTo>
                  <a:pt x="4212" y="15667"/>
                  <a:pt x="4234" y="15662"/>
                  <a:pt x="4253" y="15662"/>
                </a:cubicBezTo>
                <a:cubicBezTo>
                  <a:pt x="4269" y="15662"/>
                  <a:pt x="4284" y="15666"/>
                  <a:pt x="4296" y="15666"/>
                </a:cubicBezTo>
                <a:cubicBezTo>
                  <a:pt x="4320" y="15666"/>
                  <a:pt x="4333" y="15653"/>
                  <a:pt x="4323" y="15574"/>
                </a:cubicBezTo>
                <a:cubicBezTo>
                  <a:pt x="4385" y="15532"/>
                  <a:pt x="4434" y="15514"/>
                  <a:pt x="4475" y="15514"/>
                </a:cubicBezTo>
                <a:cubicBezTo>
                  <a:pt x="4578" y="15514"/>
                  <a:pt x="4628" y="15623"/>
                  <a:pt x="4687" y="15725"/>
                </a:cubicBezTo>
                <a:lnTo>
                  <a:pt x="4687" y="15725"/>
                </a:lnTo>
                <a:cubicBezTo>
                  <a:pt x="4730" y="15631"/>
                  <a:pt x="4809" y="15526"/>
                  <a:pt x="4752" y="15463"/>
                </a:cubicBezTo>
                <a:lnTo>
                  <a:pt x="4752" y="15463"/>
                </a:lnTo>
                <a:cubicBezTo>
                  <a:pt x="4791" y="15489"/>
                  <a:pt x="4856" y="15555"/>
                  <a:pt x="4866" y="15631"/>
                </a:cubicBezTo>
                <a:lnTo>
                  <a:pt x="4866" y="15631"/>
                </a:lnTo>
                <a:cubicBezTo>
                  <a:pt x="4627" y="15670"/>
                  <a:pt x="4870" y="15775"/>
                  <a:pt x="4831" y="15775"/>
                </a:cubicBezTo>
                <a:cubicBezTo>
                  <a:pt x="4823" y="15775"/>
                  <a:pt x="4803" y="15770"/>
                  <a:pt x="4763" y="15759"/>
                </a:cubicBezTo>
                <a:lnTo>
                  <a:pt x="4731" y="15795"/>
                </a:lnTo>
                <a:lnTo>
                  <a:pt x="4731" y="15795"/>
                </a:lnTo>
                <a:cubicBezTo>
                  <a:pt x="4716" y="15773"/>
                  <a:pt x="4701" y="15749"/>
                  <a:pt x="4687" y="15725"/>
                </a:cubicBezTo>
                <a:lnTo>
                  <a:pt x="4687" y="15725"/>
                </a:lnTo>
                <a:cubicBezTo>
                  <a:pt x="4664" y="15775"/>
                  <a:pt x="4651" y="15822"/>
                  <a:pt x="4675" y="15857"/>
                </a:cubicBezTo>
                <a:lnTo>
                  <a:pt x="4731" y="15795"/>
                </a:lnTo>
                <a:lnTo>
                  <a:pt x="4731" y="15795"/>
                </a:lnTo>
                <a:cubicBezTo>
                  <a:pt x="4739" y="15805"/>
                  <a:pt x="4746" y="15815"/>
                  <a:pt x="4754" y="15824"/>
                </a:cubicBezTo>
                <a:cubicBezTo>
                  <a:pt x="4780" y="15810"/>
                  <a:pt x="4804" y="15804"/>
                  <a:pt x="4825" y="15804"/>
                </a:cubicBezTo>
                <a:cubicBezTo>
                  <a:pt x="4872" y="15804"/>
                  <a:pt x="4908" y="15834"/>
                  <a:pt x="4935" y="15872"/>
                </a:cubicBezTo>
                <a:lnTo>
                  <a:pt x="4935" y="15872"/>
                </a:lnTo>
                <a:lnTo>
                  <a:pt x="4904" y="15749"/>
                </a:lnTo>
                <a:lnTo>
                  <a:pt x="4904" y="15749"/>
                </a:lnTo>
                <a:lnTo>
                  <a:pt x="5095" y="15810"/>
                </a:lnTo>
                <a:cubicBezTo>
                  <a:pt x="5151" y="15767"/>
                  <a:pt x="5075" y="15653"/>
                  <a:pt x="5141" y="15653"/>
                </a:cubicBezTo>
                <a:cubicBezTo>
                  <a:pt x="5149" y="15653"/>
                  <a:pt x="5159" y="15654"/>
                  <a:pt x="5171" y="15657"/>
                </a:cubicBezTo>
                <a:cubicBezTo>
                  <a:pt x="5319" y="15659"/>
                  <a:pt x="5305" y="15818"/>
                  <a:pt x="5381" y="15818"/>
                </a:cubicBezTo>
                <a:cubicBezTo>
                  <a:pt x="5406" y="15818"/>
                  <a:pt x="5441" y="15801"/>
                  <a:pt x="5495" y="15755"/>
                </a:cubicBezTo>
                <a:cubicBezTo>
                  <a:pt x="5715" y="15549"/>
                  <a:pt x="5458" y="15379"/>
                  <a:pt x="5611" y="15240"/>
                </a:cubicBezTo>
                <a:cubicBezTo>
                  <a:pt x="5603" y="15238"/>
                  <a:pt x="5595" y="15237"/>
                  <a:pt x="5588" y="15237"/>
                </a:cubicBezTo>
                <a:cubicBezTo>
                  <a:pt x="5546" y="15237"/>
                  <a:pt x="5524" y="15275"/>
                  <a:pt x="5486" y="15315"/>
                </a:cubicBezTo>
                <a:cubicBezTo>
                  <a:pt x="5456" y="15210"/>
                  <a:pt x="5333" y="15264"/>
                  <a:pt x="5347" y="15134"/>
                </a:cubicBezTo>
                <a:lnTo>
                  <a:pt x="5347" y="15134"/>
                </a:lnTo>
                <a:cubicBezTo>
                  <a:pt x="5368" y="15140"/>
                  <a:pt x="5388" y="15143"/>
                  <a:pt x="5407" y="15143"/>
                </a:cubicBezTo>
                <a:cubicBezTo>
                  <a:pt x="5469" y="15143"/>
                  <a:pt x="5522" y="15114"/>
                  <a:pt x="5569" y="15071"/>
                </a:cubicBezTo>
                <a:cubicBezTo>
                  <a:pt x="5632" y="15011"/>
                  <a:pt x="5690" y="14946"/>
                  <a:pt x="5739" y="14874"/>
                </a:cubicBezTo>
                <a:cubicBezTo>
                  <a:pt x="5785" y="14965"/>
                  <a:pt x="5922" y="14937"/>
                  <a:pt x="5931" y="15009"/>
                </a:cubicBezTo>
                <a:cubicBezTo>
                  <a:pt x="5963" y="14930"/>
                  <a:pt x="5989" y="14854"/>
                  <a:pt x="5952" y="14777"/>
                </a:cubicBezTo>
                <a:lnTo>
                  <a:pt x="5952" y="14777"/>
                </a:lnTo>
                <a:cubicBezTo>
                  <a:pt x="5905" y="14805"/>
                  <a:pt x="5875" y="14817"/>
                  <a:pt x="5856" y="14817"/>
                </a:cubicBezTo>
                <a:cubicBezTo>
                  <a:pt x="5760" y="14817"/>
                  <a:pt x="5946" y="14523"/>
                  <a:pt x="5810" y="14523"/>
                </a:cubicBezTo>
                <a:cubicBezTo>
                  <a:pt x="5794" y="14523"/>
                  <a:pt x="5774" y="14527"/>
                  <a:pt x="5748" y="14536"/>
                </a:cubicBezTo>
                <a:cubicBezTo>
                  <a:pt x="5917" y="14335"/>
                  <a:pt x="6067" y="14388"/>
                  <a:pt x="6237" y="14321"/>
                </a:cubicBezTo>
                <a:lnTo>
                  <a:pt x="6237" y="14321"/>
                </a:lnTo>
                <a:cubicBezTo>
                  <a:pt x="6255" y="14342"/>
                  <a:pt x="6227" y="14416"/>
                  <a:pt x="6220" y="14467"/>
                </a:cubicBezTo>
                <a:cubicBezTo>
                  <a:pt x="6218" y="14499"/>
                  <a:pt x="6221" y="14522"/>
                  <a:pt x="6247" y="14522"/>
                </a:cubicBezTo>
                <a:cubicBezTo>
                  <a:pt x="6264" y="14522"/>
                  <a:pt x="6290" y="14511"/>
                  <a:pt x="6332" y="14485"/>
                </a:cubicBezTo>
                <a:cubicBezTo>
                  <a:pt x="6362" y="14170"/>
                  <a:pt x="6109" y="14367"/>
                  <a:pt x="6077" y="14075"/>
                </a:cubicBezTo>
                <a:lnTo>
                  <a:pt x="5922" y="14166"/>
                </a:lnTo>
                <a:cubicBezTo>
                  <a:pt x="5741" y="14045"/>
                  <a:pt x="6067" y="13906"/>
                  <a:pt x="6058" y="13841"/>
                </a:cubicBezTo>
                <a:cubicBezTo>
                  <a:pt x="6069" y="13837"/>
                  <a:pt x="6077" y="13835"/>
                  <a:pt x="6083" y="13835"/>
                </a:cubicBezTo>
                <a:cubicBezTo>
                  <a:pt x="6137" y="13835"/>
                  <a:pt x="6030" y="13994"/>
                  <a:pt x="6190" y="14008"/>
                </a:cubicBezTo>
                <a:cubicBezTo>
                  <a:pt x="6325" y="13918"/>
                  <a:pt x="6269" y="13772"/>
                  <a:pt x="6394" y="13746"/>
                </a:cubicBezTo>
                <a:cubicBezTo>
                  <a:pt x="6445" y="13913"/>
                  <a:pt x="6440" y="13830"/>
                  <a:pt x="6471" y="13999"/>
                </a:cubicBezTo>
                <a:cubicBezTo>
                  <a:pt x="6532" y="13923"/>
                  <a:pt x="6569" y="13897"/>
                  <a:pt x="6596" y="13897"/>
                </a:cubicBezTo>
                <a:cubicBezTo>
                  <a:pt x="6649" y="13897"/>
                  <a:pt x="6657" y="14005"/>
                  <a:pt x="6737" y="14005"/>
                </a:cubicBezTo>
                <a:cubicBezTo>
                  <a:pt x="6762" y="14005"/>
                  <a:pt x="6793" y="13995"/>
                  <a:pt x="6834" y="13969"/>
                </a:cubicBezTo>
                <a:cubicBezTo>
                  <a:pt x="6867" y="13885"/>
                  <a:pt x="6735" y="13844"/>
                  <a:pt x="6850" y="13758"/>
                </a:cubicBezTo>
                <a:cubicBezTo>
                  <a:pt x="6776" y="13742"/>
                  <a:pt x="6728" y="13724"/>
                  <a:pt x="6685" y="13724"/>
                </a:cubicBezTo>
                <a:cubicBezTo>
                  <a:pt x="6678" y="13724"/>
                  <a:pt x="6672" y="13725"/>
                  <a:pt x="6665" y="13726"/>
                </a:cubicBezTo>
                <a:cubicBezTo>
                  <a:pt x="6614" y="13730"/>
                  <a:pt x="6570" y="13765"/>
                  <a:pt x="6496" y="13851"/>
                </a:cubicBezTo>
                <a:cubicBezTo>
                  <a:pt x="6433" y="13746"/>
                  <a:pt x="6491" y="13698"/>
                  <a:pt x="6566" y="13647"/>
                </a:cubicBezTo>
                <a:cubicBezTo>
                  <a:pt x="6640" y="13598"/>
                  <a:pt x="6730" y="13552"/>
                  <a:pt x="6730" y="13445"/>
                </a:cubicBezTo>
                <a:lnTo>
                  <a:pt x="6730" y="13445"/>
                </a:lnTo>
                <a:cubicBezTo>
                  <a:pt x="6633" y="13531"/>
                  <a:pt x="6670" y="13445"/>
                  <a:pt x="6605" y="13573"/>
                </a:cubicBezTo>
                <a:cubicBezTo>
                  <a:pt x="6447" y="13464"/>
                  <a:pt x="6392" y="13482"/>
                  <a:pt x="6338" y="13272"/>
                </a:cubicBezTo>
                <a:lnTo>
                  <a:pt x="6338" y="13272"/>
                </a:lnTo>
                <a:cubicBezTo>
                  <a:pt x="6278" y="13417"/>
                  <a:pt x="6396" y="13600"/>
                  <a:pt x="6216" y="13730"/>
                </a:cubicBezTo>
                <a:cubicBezTo>
                  <a:pt x="6030" y="13654"/>
                  <a:pt x="6269" y="13431"/>
                  <a:pt x="6079" y="13267"/>
                </a:cubicBezTo>
                <a:cubicBezTo>
                  <a:pt x="6051" y="13102"/>
                  <a:pt x="6306" y="12973"/>
                  <a:pt x="6454" y="12943"/>
                </a:cubicBezTo>
                <a:cubicBezTo>
                  <a:pt x="6466" y="12813"/>
                  <a:pt x="6512" y="12697"/>
                  <a:pt x="6549" y="12581"/>
                </a:cubicBezTo>
                <a:cubicBezTo>
                  <a:pt x="6568" y="12523"/>
                  <a:pt x="6582" y="12463"/>
                  <a:pt x="6591" y="12403"/>
                </a:cubicBezTo>
                <a:cubicBezTo>
                  <a:pt x="6600" y="12340"/>
                  <a:pt x="6598" y="12275"/>
                  <a:pt x="6586" y="12213"/>
                </a:cubicBezTo>
                <a:cubicBezTo>
                  <a:pt x="6665" y="12180"/>
                  <a:pt x="6730" y="12058"/>
                  <a:pt x="6804" y="11921"/>
                </a:cubicBezTo>
                <a:cubicBezTo>
                  <a:pt x="6843" y="11849"/>
                  <a:pt x="6885" y="11782"/>
                  <a:pt x="6929" y="11715"/>
                </a:cubicBezTo>
                <a:cubicBezTo>
                  <a:pt x="6973" y="11652"/>
                  <a:pt x="7029" y="11597"/>
                  <a:pt x="7094" y="11553"/>
                </a:cubicBezTo>
                <a:cubicBezTo>
                  <a:pt x="7103" y="11556"/>
                  <a:pt x="7113" y="11558"/>
                  <a:pt x="7123" y="11558"/>
                </a:cubicBezTo>
                <a:cubicBezTo>
                  <a:pt x="7197" y="11558"/>
                  <a:pt x="7291" y="11472"/>
                  <a:pt x="7335" y="11472"/>
                </a:cubicBezTo>
                <a:cubicBezTo>
                  <a:pt x="7356" y="11472"/>
                  <a:pt x="7366" y="11490"/>
                  <a:pt x="7361" y="11539"/>
                </a:cubicBezTo>
                <a:lnTo>
                  <a:pt x="7361" y="11539"/>
                </a:lnTo>
                <a:cubicBezTo>
                  <a:pt x="7381" y="11475"/>
                  <a:pt x="7487" y="11325"/>
                  <a:pt x="7383" y="11303"/>
                </a:cubicBezTo>
                <a:lnTo>
                  <a:pt x="7383" y="11303"/>
                </a:lnTo>
                <a:cubicBezTo>
                  <a:pt x="7392" y="11347"/>
                  <a:pt x="7353" y="11347"/>
                  <a:pt x="7321" y="11388"/>
                </a:cubicBezTo>
                <a:lnTo>
                  <a:pt x="7253" y="11256"/>
                </a:lnTo>
                <a:cubicBezTo>
                  <a:pt x="7392" y="11196"/>
                  <a:pt x="7374" y="10957"/>
                  <a:pt x="7529" y="10920"/>
                </a:cubicBezTo>
                <a:lnTo>
                  <a:pt x="7529" y="10920"/>
                </a:lnTo>
                <a:cubicBezTo>
                  <a:pt x="7638" y="10967"/>
                  <a:pt x="7404" y="11152"/>
                  <a:pt x="7562" y="11182"/>
                </a:cubicBezTo>
                <a:cubicBezTo>
                  <a:pt x="7548" y="11113"/>
                  <a:pt x="7552" y="11041"/>
                  <a:pt x="7578" y="10974"/>
                </a:cubicBezTo>
                <a:cubicBezTo>
                  <a:pt x="7606" y="10893"/>
                  <a:pt x="7643" y="10818"/>
                  <a:pt x="7689" y="10747"/>
                </a:cubicBezTo>
                <a:cubicBezTo>
                  <a:pt x="7784" y="10603"/>
                  <a:pt x="7909" y="10478"/>
                  <a:pt x="7999" y="10452"/>
                </a:cubicBezTo>
                <a:cubicBezTo>
                  <a:pt x="8020" y="10441"/>
                  <a:pt x="8041" y="10436"/>
                  <a:pt x="8063" y="10436"/>
                </a:cubicBezTo>
                <a:cubicBezTo>
                  <a:pt x="8140" y="10436"/>
                  <a:pt x="8221" y="10492"/>
                  <a:pt x="8264" y="10492"/>
                </a:cubicBezTo>
                <a:cubicBezTo>
                  <a:pt x="8269" y="10492"/>
                  <a:pt x="8273" y="10491"/>
                  <a:pt x="8277" y="10489"/>
                </a:cubicBezTo>
                <a:lnTo>
                  <a:pt x="8405" y="10350"/>
                </a:lnTo>
                <a:cubicBezTo>
                  <a:pt x="8458" y="10376"/>
                  <a:pt x="8507" y="10422"/>
                  <a:pt x="8581" y="10450"/>
                </a:cubicBezTo>
                <a:cubicBezTo>
                  <a:pt x="8676" y="10415"/>
                  <a:pt x="8680" y="10332"/>
                  <a:pt x="8701" y="10267"/>
                </a:cubicBezTo>
                <a:cubicBezTo>
                  <a:pt x="8743" y="10253"/>
                  <a:pt x="8778" y="10247"/>
                  <a:pt x="8808" y="10247"/>
                </a:cubicBezTo>
                <a:cubicBezTo>
                  <a:pt x="8956" y="10247"/>
                  <a:pt x="8954" y="10406"/>
                  <a:pt x="8944" y="10547"/>
                </a:cubicBezTo>
                <a:lnTo>
                  <a:pt x="8806" y="10598"/>
                </a:lnTo>
                <a:cubicBezTo>
                  <a:pt x="8787" y="10723"/>
                  <a:pt x="8660" y="10798"/>
                  <a:pt x="8829" y="10855"/>
                </a:cubicBezTo>
                <a:cubicBezTo>
                  <a:pt x="8868" y="10795"/>
                  <a:pt x="8822" y="10749"/>
                  <a:pt x="8812" y="10705"/>
                </a:cubicBezTo>
                <a:lnTo>
                  <a:pt x="8812" y="10705"/>
                </a:lnTo>
                <a:lnTo>
                  <a:pt x="8935" y="10716"/>
                </a:lnTo>
                <a:cubicBezTo>
                  <a:pt x="8947" y="10610"/>
                  <a:pt x="9086" y="10432"/>
                  <a:pt x="8984" y="10357"/>
                </a:cubicBezTo>
                <a:cubicBezTo>
                  <a:pt x="9074" y="10334"/>
                  <a:pt x="9137" y="10272"/>
                  <a:pt x="9197" y="10209"/>
                </a:cubicBezTo>
                <a:cubicBezTo>
                  <a:pt x="9257" y="10147"/>
                  <a:pt x="9320" y="10093"/>
                  <a:pt x="9408" y="10079"/>
                </a:cubicBezTo>
                <a:lnTo>
                  <a:pt x="9408" y="10079"/>
                </a:lnTo>
                <a:cubicBezTo>
                  <a:pt x="9404" y="10080"/>
                  <a:pt x="9401" y="10080"/>
                  <a:pt x="9398" y="10080"/>
                </a:cubicBezTo>
                <a:cubicBezTo>
                  <a:pt x="9284" y="10080"/>
                  <a:pt x="9340" y="9964"/>
                  <a:pt x="9255" y="9913"/>
                </a:cubicBezTo>
                <a:lnTo>
                  <a:pt x="9097" y="10003"/>
                </a:lnTo>
                <a:cubicBezTo>
                  <a:pt x="9181" y="9885"/>
                  <a:pt x="9271" y="9679"/>
                  <a:pt x="9429" y="9653"/>
                </a:cubicBezTo>
                <a:cubicBezTo>
                  <a:pt x="9468" y="9723"/>
                  <a:pt x="9482" y="9746"/>
                  <a:pt x="9581" y="9757"/>
                </a:cubicBezTo>
                <a:lnTo>
                  <a:pt x="9581" y="9757"/>
                </a:lnTo>
                <a:cubicBezTo>
                  <a:pt x="9450" y="9742"/>
                  <a:pt x="9644" y="9522"/>
                  <a:pt x="9474" y="9522"/>
                </a:cubicBezTo>
                <a:cubicBezTo>
                  <a:pt x="9462" y="9522"/>
                  <a:pt x="9448" y="9523"/>
                  <a:pt x="9431" y="9526"/>
                </a:cubicBezTo>
                <a:cubicBezTo>
                  <a:pt x="9405" y="9607"/>
                  <a:pt x="9352" y="9679"/>
                  <a:pt x="9278" y="9725"/>
                </a:cubicBezTo>
                <a:cubicBezTo>
                  <a:pt x="9118" y="9642"/>
                  <a:pt x="9222" y="9523"/>
                  <a:pt x="9225" y="9394"/>
                </a:cubicBezTo>
                <a:cubicBezTo>
                  <a:pt x="9283" y="9294"/>
                  <a:pt x="9408" y="9109"/>
                  <a:pt x="9487" y="8970"/>
                </a:cubicBezTo>
                <a:cubicBezTo>
                  <a:pt x="9499" y="8966"/>
                  <a:pt x="9511" y="8964"/>
                  <a:pt x="9525" y="8964"/>
                </a:cubicBezTo>
                <a:cubicBezTo>
                  <a:pt x="9570" y="8964"/>
                  <a:pt x="9620" y="8982"/>
                  <a:pt x="9665" y="8982"/>
                </a:cubicBezTo>
                <a:cubicBezTo>
                  <a:pt x="9713" y="8982"/>
                  <a:pt x="9754" y="8962"/>
                  <a:pt x="9776" y="8877"/>
                </a:cubicBezTo>
                <a:lnTo>
                  <a:pt x="9776" y="8877"/>
                </a:lnTo>
                <a:cubicBezTo>
                  <a:pt x="9773" y="8877"/>
                  <a:pt x="9769" y="8877"/>
                  <a:pt x="9766" y="8877"/>
                </a:cubicBezTo>
                <a:cubicBezTo>
                  <a:pt x="9521" y="8877"/>
                  <a:pt x="9752" y="8546"/>
                  <a:pt x="9688" y="8386"/>
                </a:cubicBezTo>
                <a:cubicBezTo>
                  <a:pt x="9771" y="8363"/>
                  <a:pt x="9797" y="8296"/>
                  <a:pt x="9827" y="8236"/>
                </a:cubicBezTo>
                <a:cubicBezTo>
                  <a:pt x="9852" y="8183"/>
                  <a:pt x="9881" y="8139"/>
                  <a:pt x="9954" y="8139"/>
                </a:cubicBezTo>
                <a:cubicBezTo>
                  <a:pt x="9962" y="8139"/>
                  <a:pt x="9971" y="8139"/>
                  <a:pt x="9980" y="8141"/>
                </a:cubicBezTo>
                <a:cubicBezTo>
                  <a:pt x="9973" y="8185"/>
                  <a:pt x="9922" y="8242"/>
                  <a:pt x="9876" y="8307"/>
                </a:cubicBezTo>
                <a:cubicBezTo>
                  <a:pt x="9832" y="8372"/>
                  <a:pt x="9795" y="8444"/>
                  <a:pt x="9811" y="8511"/>
                </a:cubicBezTo>
                <a:cubicBezTo>
                  <a:pt x="9880" y="8608"/>
                  <a:pt x="10049" y="8717"/>
                  <a:pt x="9910" y="8917"/>
                </a:cubicBezTo>
                <a:cubicBezTo>
                  <a:pt x="10163" y="8782"/>
                  <a:pt x="9973" y="8731"/>
                  <a:pt x="10040" y="8611"/>
                </a:cubicBezTo>
                <a:lnTo>
                  <a:pt x="10040" y="8611"/>
                </a:lnTo>
                <a:lnTo>
                  <a:pt x="9978" y="8685"/>
                </a:lnTo>
                <a:cubicBezTo>
                  <a:pt x="9980" y="8622"/>
                  <a:pt x="9859" y="8606"/>
                  <a:pt x="9924" y="8548"/>
                </a:cubicBezTo>
                <a:cubicBezTo>
                  <a:pt x="10026" y="8476"/>
                  <a:pt x="10144" y="8432"/>
                  <a:pt x="10270" y="8421"/>
                </a:cubicBezTo>
                <a:cubicBezTo>
                  <a:pt x="10369" y="8414"/>
                  <a:pt x="10466" y="8421"/>
                  <a:pt x="10601" y="8412"/>
                </a:cubicBezTo>
                <a:cubicBezTo>
                  <a:pt x="10508" y="8375"/>
                  <a:pt x="10538" y="8249"/>
                  <a:pt x="10575" y="8212"/>
                </a:cubicBezTo>
                <a:cubicBezTo>
                  <a:pt x="10596" y="8208"/>
                  <a:pt x="10614" y="8206"/>
                  <a:pt x="10630" y="8206"/>
                </a:cubicBezTo>
                <a:cubicBezTo>
                  <a:pt x="10798" y="8206"/>
                  <a:pt x="10749" y="8417"/>
                  <a:pt x="10941" y="8470"/>
                </a:cubicBezTo>
                <a:cubicBezTo>
                  <a:pt x="10930" y="8337"/>
                  <a:pt x="11064" y="8270"/>
                  <a:pt x="10974" y="8233"/>
                </a:cubicBezTo>
                <a:cubicBezTo>
                  <a:pt x="10993" y="8217"/>
                  <a:pt x="11006" y="8212"/>
                  <a:pt x="11017" y="8212"/>
                </a:cubicBezTo>
                <a:cubicBezTo>
                  <a:pt x="11040" y="8212"/>
                  <a:pt x="11052" y="8236"/>
                  <a:pt x="11090" y="8236"/>
                </a:cubicBezTo>
                <a:cubicBezTo>
                  <a:pt x="11094" y="8236"/>
                  <a:pt x="11099" y="8236"/>
                  <a:pt x="11103" y="8236"/>
                </a:cubicBezTo>
                <a:cubicBezTo>
                  <a:pt x="11085" y="8124"/>
                  <a:pt x="11101" y="8041"/>
                  <a:pt x="11196" y="7971"/>
                </a:cubicBezTo>
                <a:lnTo>
                  <a:pt x="11196" y="7971"/>
                </a:lnTo>
                <a:cubicBezTo>
                  <a:pt x="11219" y="8020"/>
                  <a:pt x="11252" y="8090"/>
                  <a:pt x="11145" y="8136"/>
                </a:cubicBezTo>
                <a:cubicBezTo>
                  <a:pt x="11163" y="8130"/>
                  <a:pt x="11182" y="8127"/>
                  <a:pt x="11200" y="8127"/>
                </a:cubicBezTo>
                <a:cubicBezTo>
                  <a:pt x="11311" y="8127"/>
                  <a:pt x="11419" y="8226"/>
                  <a:pt x="11435" y="8321"/>
                </a:cubicBezTo>
                <a:lnTo>
                  <a:pt x="11231" y="8391"/>
                </a:lnTo>
                <a:cubicBezTo>
                  <a:pt x="11231" y="8431"/>
                  <a:pt x="11244" y="8444"/>
                  <a:pt x="11264" y="8444"/>
                </a:cubicBezTo>
                <a:cubicBezTo>
                  <a:pt x="11305" y="8444"/>
                  <a:pt x="11376" y="8390"/>
                  <a:pt x="11430" y="8390"/>
                </a:cubicBezTo>
                <a:cubicBezTo>
                  <a:pt x="11449" y="8390"/>
                  <a:pt x="11466" y="8397"/>
                  <a:pt x="11479" y="8416"/>
                </a:cubicBezTo>
                <a:cubicBezTo>
                  <a:pt x="11425" y="8490"/>
                  <a:pt x="11326" y="8472"/>
                  <a:pt x="11300" y="8532"/>
                </a:cubicBezTo>
                <a:cubicBezTo>
                  <a:pt x="11317" y="8541"/>
                  <a:pt x="11333" y="8545"/>
                  <a:pt x="11348" y="8545"/>
                </a:cubicBezTo>
                <a:cubicBezTo>
                  <a:pt x="11441" y="8545"/>
                  <a:pt x="11498" y="8385"/>
                  <a:pt x="11562" y="8324"/>
                </a:cubicBezTo>
                <a:cubicBezTo>
                  <a:pt x="11593" y="8306"/>
                  <a:pt x="11619" y="8298"/>
                  <a:pt x="11640" y="8298"/>
                </a:cubicBezTo>
                <a:cubicBezTo>
                  <a:pt x="11716" y="8298"/>
                  <a:pt x="11741" y="8390"/>
                  <a:pt x="11775" y="8430"/>
                </a:cubicBezTo>
                <a:cubicBezTo>
                  <a:pt x="11816" y="8292"/>
                  <a:pt x="11753" y="8271"/>
                  <a:pt x="11673" y="8271"/>
                </a:cubicBezTo>
                <a:cubicBezTo>
                  <a:pt x="11640" y="8271"/>
                  <a:pt x="11604" y="8275"/>
                  <a:pt x="11571" y="8275"/>
                </a:cubicBezTo>
                <a:cubicBezTo>
                  <a:pt x="11495" y="8275"/>
                  <a:pt x="11436" y="8256"/>
                  <a:pt x="11472" y="8131"/>
                </a:cubicBezTo>
                <a:cubicBezTo>
                  <a:pt x="11467" y="8046"/>
                  <a:pt x="11516" y="7967"/>
                  <a:pt x="11583" y="7895"/>
                </a:cubicBezTo>
                <a:cubicBezTo>
                  <a:pt x="11650" y="7823"/>
                  <a:pt x="11731" y="7756"/>
                  <a:pt x="11794" y="7694"/>
                </a:cubicBezTo>
                <a:cubicBezTo>
                  <a:pt x="11574" y="7647"/>
                  <a:pt x="11669" y="7494"/>
                  <a:pt x="11784" y="7341"/>
                </a:cubicBezTo>
                <a:lnTo>
                  <a:pt x="11784" y="7341"/>
                </a:lnTo>
                <a:cubicBezTo>
                  <a:pt x="11738" y="7373"/>
                  <a:pt x="11704" y="7383"/>
                  <a:pt x="11677" y="7383"/>
                </a:cubicBezTo>
                <a:cubicBezTo>
                  <a:pt x="11633" y="7383"/>
                  <a:pt x="11609" y="7356"/>
                  <a:pt x="11579" y="7356"/>
                </a:cubicBezTo>
                <a:cubicBezTo>
                  <a:pt x="11551" y="7356"/>
                  <a:pt x="11518" y="7380"/>
                  <a:pt x="11458" y="7473"/>
                </a:cubicBezTo>
                <a:lnTo>
                  <a:pt x="11374" y="7369"/>
                </a:lnTo>
                <a:cubicBezTo>
                  <a:pt x="11472" y="7297"/>
                  <a:pt x="11622" y="7265"/>
                  <a:pt x="11720" y="7198"/>
                </a:cubicBezTo>
                <a:cubicBezTo>
                  <a:pt x="11720" y="7242"/>
                  <a:pt x="11761" y="7249"/>
                  <a:pt x="11743" y="7290"/>
                </a:cubicBezTo>
                <a:lnTo>
                  <a:pt x="11995" y="7036"/>
                </a:lnTo>
                <a:lnTo>
                  <a:pt x="12016" y="7128"/>
                </a:lnTo>
                <a:cubicBezTo>
                  <a:pt x="12116" y="7070"/>
                  <a:pt x="12220" y="7022"/>
                  <a:pt x="12327" y="6978"/>
                </a:cubicBezTo>
                <a:cubicBezTo>
                  <a:pt x="12431" y="6934"/>
                  <a:pt x="12519" y="6890"/>
                  <a:pt x="12558" y="6834"/>
                </a:cubicBezTo>
                <a:lnTo>
                  <a:pt x="12558" y="6834"/>
                </a:lnTo>
                <a:cubicBezTo>
                  <a:pt x="12534" y="6855"/>
                  <a:pt x="12503" y="6865"/>
                  <a:pt x="12474" y="6865"/>
                </a:cubicBezTo>
                <a:cubicBezTo>
                  <a:pt x="12408" y="6865"/>
                  <a:pt x="12350" y="6817"/>
                  <a:pt x="12398" y="6753"/>
                </a:cubicBezTo>
                <a:cubicBezTo>
                  <a:pt x="12419" y="6670"/>
                  <a:pt x="12479" y="6549"/>
                  <a:pt x="12570" y="6505"/>
                </a:cubicBezTo>
                <a:cubicBezTo>
                  <a:pt x="12597" y="6526"/>
                  <a:pt x="12633" y="6533"/>
                  <a:pt x="12671" y="6533"/>
                </a:cubicBezTo>
                <a:cubicBezTo>
                  <a:pt x="12735" y="6533"/>
                  <a:pt x="12807" y="6514"/>
                  <a:pt x="12856" y="6514"/>
                </a:cubicBezTo>
                <a:cubicBezTo>
                  <a:pt x="12914" y="6514"/>
                  <a:pt x="12942" y="6539"/>
                  <a:pt x="12896" y="6649"/>
                </a:cubicBezTo>
                <a:cubicBezTo>
                  <a:pt x="12933" y="6607"/>
                  <a:pt x="12970" y="6561"/>
                  <a:pt x="13003" y="6514"/>
                </a:cubicBezTo>
                <a:cubicBezTo>
                  <a:pt x="13019" y="6489"/>
                  <a:pt x="13035" y="6461"/>
                  <a:pt x="13049" y="6433"/>
                </a:cubicBezTo>
                <a:cubicBezTo>
                  <a:pt x="13084" y="6352"/>
                  <a:pt x="13133" y="6280"/>
                  <a:pt x="13191" y="6216"/>
                </a:cubicBezTo>
                <a:lnTo>
                  <a:pt x="13191" y="6216"/>
                </a:lnTo>
                <a:lnTo>
                  <a:pt x="13047" y="6355"/>
                </a:lnTo>
                <a:cubicBezTo>
                  <a:pt x="12965" y="6272"/>
                  <a:pt x="12984" y="6038"/>
                  <a:pt x="12822" y="6038"/>
                </a:cubicBezTo>
                <a:cubicBezTo>
                  <a:pt x="12811" y="6038"/>
                  <a:pt x="12798" y="6039"/>
                  <a:pt x="12785" y="6042"/>
                </a:cubicBezTo>
                <a:cubicBezTo>
                  <a:pt x="12929" y="5857"/>
                  <a:pt x="12690" y="5752"/>
                  <a:pt x="12931" y="5565"/>
                </a:cubicBezTo>
                <a:cubicBezTo>
                  <a:pt x="12932" y="5565"/>
                  <a:pt x="12933" y="5565"/>
                  <a:pt x="12933" y="5565"/>
                </a:cubicBezTo>
                <a:cubicBezTo>
                  <a:pt x="13074" y="5565"/>
                  <a:pt x="13032" y="5795"/>
                  <a:pt x="12908" y="5912"/>
                </a:cubicBezTo>
                <a:cubicBezTo>
                  <a:pt x="12984" y="5873"/>
                  <a:pt x="13086" y="5889"/>
                  <a:pt x="13114" y="5771"/>
                </a:cubicBezTo>
                <a:lnTo>
                  <a:pt x="13114" y="5771"/>
                </a:lnTo>
                <a:cubicBezTo>
                  <a:pt x="13223" y="5822"/>
                  <a:pt x="13077" y="6007"/>
                  <a:pt x="13105" y="6037"/>
                </a:cubicBezTo>
                <a:cubicBezTo>
                  <a:pt x="13239" y="5958"/>
                  <a:pt x="13068" y="5982"/>
                  <a:pt x="13172" y="5875"/>
                </a:cubicBezTo>
                <a:cubicBezTo>
                  <a:pt x="13214" y="5799"/>
                  <a:pt x="13252" y="5776"/>
                  <a:pt x="13291" y="5776"/>
                </a:cubicBezTo>
                <a:cubicBezTo>
                  <a:pt x="13347" y="5776"/>
                  <a:pt x="13403" y="5827"/>
                  <a:pt x="13464" y="5827"/>
                </a:cubicBezTo>
                <a:cubicBezTo>
                  <a:pt x="13499" y="5827"/>
                  <a:pt x="13535" y="5810"/>
                  <a:pt x="13575" y="5759"/>
                </a:cubicBezTo>
                <a:lnTo>
                  <a:pt x="13575" y="5759"/>
                </a:lnTo>
                <a:cubicBezTo>
                  <a:pt x="13556" y="5775"/>
                  <a:pt x="13524" y="5788"/>
                  <a:pt x="13498" y="5788"/>
                </a:cubicBezTo>
                <a:cubicBezTo>
                  <a:pt x="13467" y="5788"/>
                  <a:pt x="13445" y="5771"/>
                  <a:pt x="13457" y="5727"/>
                </a:cubicBezTo>
                <a:cubicBezTo>
                  <a:pt x="13506" y="5699"/>
                  <a:pt x="13552" y="5662"/>
                  <a:pt x="13589" y="5620"/>
                </a:cubicBezTo>
                <a:cubicBezTo>
                  <a:pt x="13610" y="5599"/>
                  <a:pt x="13621" y="5572"/>
                  <a:pt x="13626" y="5542"/>
                </a:cubicBezTo>
                <a:cubicBezTo>
                  <a:pt x="13635" y="5491"/>
                  <a:pt x="13631" y="5440"/>
                  <a:pt x="13716" y="5352"/>
                </a:cubicBezTo>
                <a:cubicBezTo>
                  <a:pt x="13891" y="5420"/>
                  <a:pt x="13952" y="5570"/>
                  <a:pt x="14090" y="5570"/>
                </a:cubicBezTo>
                <a:cubicBezTo>
                  <a:pt x="14116" y="5570"/>
                  <a:pt x="14143" y="5565"/>
                  <a:pt x="14175" y="5553"/>
                </a:cubicBezTo>
                <a:lnTo>
                  <a:pt x="14175" y="5553"/>
                </a:lnTo>
                <a:lnTo>
                  <a:pt x="14073" y="5611"/>
                </a:lnTo>
                <a:cubicBezTo>
                  <a:pt x="14118" y="5624"/>
                  <a:pt x="14161" y="5630"/>
                  <a:pt x="14200" y="5630"/>
                </a:cubicBezTo>
                <a:cubicBezTo>
                  <a:pt x="14263" y="5630"/>
                  <a:pt x="14318" y="5614"/>
                  <a:pt x="14363" y="5586"/>
                </a:cubicBezTo>
                <a:cubicBezTo>
                  <a:pt x="14437" y="5493"/>
                  <a:pt x="14506" y="5403"/>
                  <a:pt x="14571" y="5310"/>
                </a:cubicBezTo>
                <a:cubicBezTo>
                  <a:pt x="14636" y="5215"/>
                  <a:pt x="14699" y="5120"/>
                  <a:pt x="14761" y="5023"/>
                </a:cubicBezTo>
                <a:cubicBezTo>
                  <a:pt x="14824" y="4928"/>
                  <a:pt x="14889" y="4830"/>
                  <a:pt x="14958" y="4735"/>
                </a:cubicBezTo>
                <a:cubicBezTo>
                  <a:pt x="14977" y="4712"/>
                  <a:pt x="14993" y="4689"/>
                  <a:pt x="15011" y="4666"/>
                </a:cubicBezTo>
                <a:cubicBezTo>
                  <a:pt x="15030" y="4643"/>
                  <a:pt x="15048" y="4622"/>
                  <a:pt x="15069" y="4599"/>
                </a:cubicBezTo>
                <a:cubicBezTo>
                  <a:pt x="15109" y="4555"/>
                  <a:pt x="15148" y="4513"/>
                  <a:pt x="15192" y="4469"/>
                </a:cubicBezTo>
                <a:lnTo>
                  <a:pt x="15192" y="4469"/>
                </a:lnTo>
                <a:lnTo>
                  <a:pt x="15069" y="4583"/>
                </a:lnTo>
                <a:cubicBezTo>
                  <a:pt x="14990" y="4555"/>
                  <a:pt x="15155" y="4450"/>
                  <a:pt x="15120" y="4393"/>
                </a:cubicBezTo>
                <a:lnTo>
                  <a:pt x="15120" y="4393"/>
                </a:lnTo>
                <a:lnTo>
                  <a:pt x="15250" y="4413"/>
                </a:lnTo>
                <a:cubicBezTo>
                  <a:pt x="15213" y="4286"/>
                  <a:pt x="14986" y="4416"/>
                  <a:pt x="14979" y="4277"/>
                </a:cubicBezTo>
                <a:lnTo>
                  <a:pt x="14979" y="4277"/>
                </a:lnTo>
                <a:cubicBezTo>
                  <a:pt x="14983" y="4278"/>
                  <a:pt x="14988" y="4278"/>
                  <a:pt x="14992" y="4278"/>
                </a:cubicBezTo>
                <a:cubicBezTo>
                  <a:pt x="15013" y="4278"/>
                  <a:pt x="15032" y="4269"/>
                  <a:pt x="15044" y="4254"/>
                </a:cubicBezTo>
                <a:lnTo>
                  <a:pt x="15044" y="4254"/>
                </a:lnTo>
                <a:lnTo>
                  <a:pt x="14939" y="4265"/>
                </a:lnTo>
                <a:cubicBezTo>
                  <a:pt x="15120" y="4208"/>
                  <a:pt x="15179" y="3995"/>
                  <a:pt x="15340" y="3995"/>
                </a:cubicBezTo>
                <a:cubicBezTo>
                  <a:pt x="15369" y="3995"/>
                  <a:pt x="15401" y="4001"/>
                  <a:pt x="15438" y="4017"/>
                </a:cubicBezTo>
                <a:cubicBezTo>
                  <a:pt x="15086" y="4234"/>
                  <a:pt x="15530" y="4375"/>
                  <a:pt x="15250" y="4613"/>
                </a:cubicBezTo>
                <a:lnTo>
                  <a:pt x="15250" y="4613"/>
                </a:lnTo>
                <a:cubicBezTo>
                  <a:pt x="15274" y="4596"/>
                  <a:pt x="15292" y="4588"/>
                  <a:pt x="15306" y="4588"/>
                </a:cubicBezTo>
                <a:cubicBezTo>
                  <a:pt x="15368" y="4588"/>
                  <a:pt x="15334" y="4746"/>
                  <a:pt x="15370" y="4777"/>
                </a:cubicBezTo>
                <a:cubicBezTo>
                  <a:pt x="15484" y="4747"/>
                  <a:pt x="15373" y="4664"/>
                  <a:pt x="15505" y="4640"/>
                </a:cubicBezTo>
                <a:lnTo>
                  <a:pt x="15505" y="4640"/>
                </a:lnTo>
                <a:cubicBezTo>
                  <a:pt x="15546" y="4724"/>
                  <a:pt x="15345" y="4928"/>
                  <a:pt x="15484" y="4930"/>
                </a:cubicBezTo>
                <a:cubicBezTo>
                  <a:pt x="15428" y="4796"/>
                  <a:pt x="15542" y="4768"/>
                  <a:pt x="15544" y="4654"/>
                </a:cubicBezTo>
                <a:cubicBezTo>
                  <a:pt x="15550" y="4654"/>
                  <a:pt x="15555" y="4653"/>
                  <a:pt x="15560" y="4653"/>
                </a:cubicBezTo>
                <a:cubicBezTo>
                  <a:pt x="15639" y="4653"/>
                  <a:pt x="15589" y="4739"/>
                  <a:pt x="15644" y="4759"/>
                </a:cubicBezTo>
                <a:cubicBezTo>
                  <a:pt x="15685" y="4728"/>
                  <a:pt x="15683" y="4657"/>
                  <a:pt x="15734" y="4652"/>
                </a:cubicBezTo>
                <a:lnTo>
                  <a:pt x="15743" y="4747"/>
                </a:lnTo>
                <a:cubicBezTo>
                  <a:pt x="15889" y="4742"/>
                  <a:pt x="15892" y="4703"/>
                  <a:pt x="15892" y="4652"/>
                </a:cubicBezTo>
                <a:cubicBezTo>
                  <a:pt x="15889" y="4622"/>
                  <a:pt x="15896" y="4594"/>
                  <a:pt x="15910" y="4569"/>
                </a:cubicBezTo>
                <a:cubicBezTo>
                  <a:pt x="15922" y="4550"/>
                  <a:pt x="15936" y="4536"/>
                  <a:pt x="15952" y="4525"/>
                </a:cubicBezTo>
                <a:cubicBezTo>
                  <a:pt x="15977" y="4508"/>
                  <a:pt x="16005" y="4494"/>
                  <a:pt x="16035" y="4485"/>
                </a:cubicBezTo>
                <a:cubicBezTo>
                  <a:pt x="16018" y="4444"/>
                  <a:pt x="15997" y="4428"/>
                  <a:pt x="15972" y="4428"/>
                </a:cubicBezTo>
                <a:cubicBezTo>
                  <a:pt x="15932" y="4428"/>
                  <a:pt x="15882" y="4472"/>
                  <a:pt x="15820" y="4522"/>
                </a:cubicBezTo>
                <a:cubicBezTo>
                  <a:pt x="15732" y="4423"/>
                  <a:pt x="15783" y="4311"/>
                  <a:pt x="15841" y="4200"/>
                </a:cubicBezTo>
                <a:cubicBezTo>
                  <a:pt x="15898" y="4089"/>
                  <a:pt x="15961" y="3973"/>
                  <a:pt x="15887" y="3853"/>
                </a:cubicBezTo>
                <a:cubicBezTo>
                  <a:pt x="15939" y="3816"/>
                  <a:pt x="15968" y="3802"/>
                  <a:pt x="15983" y="3802"/>
                </a:cubicBezTo>
                <a:cubicBezTo>
                  <a:pt x="16030" y="3802"/>
                  <a:pt x="15943" y="3945"/>
                  <a:pt x="16073" y="3945"/>
                </a:cubicBezTo>
                <a:cubicBezTo>
                  <a:pt x="16086" y="3945"/>
                  <a:pt x="16101" y="3944"/>
                  <a:pt x="16119" y="3941"/>
                </a:cubicBezTo>
                <a:lnTo>
                  <a:pt x="16119" y="3941"/>
                </a:lnTo>
                <a:cubicBezTo>
                  <a:pt x="16315" y="4038"/>
                  <a:pt x="16042" y="4189"/>
                  <a:pt x="16044" y="4328"/>
                </a:cubicBezTo>
                <a:lnTo>
                  <a:pt x="16318" y="4316"/>
                </a:lnTo>
                <a:lnTo>
                  <a:pt x="16318" y="4316"/>
                </a:lnTo>
                <a:cubicBezTo>
                  <a:pt x="16348" y="4557"/>
                  <a:pt x="16174" y="4562"/>
                  <a:pt x="16232" y="4766"/>
                </a:cubicBezTo>
                <a:cubicBezTo>
                  <a:pt x="16401" y="4694"/>
                  <a:pt x="16355" y="4652"/>
                  <a:pt x="16487" y="4494"/>
                </a:cubicBezTo>
                <a:cubicBezTo>
                  <a:pt x="16139" y="4478"/>
                  <a:pt x="16542" y="4309"/>
                  <a:pt x="16288" y="4189"/>
                </a:cubicBezTo>
                <a:cubicBezTo>
                  <a:pt x="16302" y="4188"/>
                  <a:pt x="16314" y="4187"/>
                  <a:pt x="16325" y="4187"/>
                </a:cubicBezTo>
                <a:cubicBezTo>
                  <a:pt x="16383" y="4187"/>
                  <a:pt x="16411" y="4199"/>
                  <a:pt x="16447" y="4199"/>
                </a:cubicBezTo>
                <a:cubicBezTo>
                  <a:pt x="16481" y="4199"/>
                  <a:pt x="16523" y="4188"/>
                  <a:pt x="16605" y="4147"/>
                </a:cubicBezTo>
                <a:lnTo>
                  <a:pt x="16605" y="4147"/>
                </a:lnTo>
                <a:cubicBezTo>
                  <a:pt x="16510" y="4251"/>
                  <a:pt x="16681" y="4316"/>
                  <a:pt x="16531" y="4397"/>
                </a:cubicBezTo>
                <a:cubicBezTo>
                  <a:pt x="16603" y="4360"/>
                  <a:pt x="16668" y="4311"/>
                  <a:pt x="16725" y="4254"/>
                </a:cubicBezTo>
                <a:cubicBezTo>
                  <a:pt x="16746" y="4230"/>
                  <a:pt x="16769" y="4212"/>
                  <a:pt x="16793" y="4193"/>
                </a:cubicBezTo>
                <a:cubicBezTo>
                  <a:pt x="16834" y="4163"/>
                  <a:pt x="16878" y="4135"/>
                  <a:pt x="16922" y="4112"/>
                </a:cubicBezTo>
                <a:cubicBezTo>
                  <a:pt x="16932" y="3929"/>
                  <a:pt x="16580" y="4043"/>
                  <a:pt x="16832" y="3795"/>
                </a:cubicBezTo>
                <a:cubicBezTo>
                  <a:pt x="16845" y="3788"/>
                  <a:pt x="16856" y="3786"/>
                  <a:pt x="16865" y="3786"/>
                </a:cubicBezTo>
                <a:cubicBezTo>
                  <a:pt x="16900" y="3786"/>
                  <a:pt x="16903" y="3828"/>
                  <a:pt x="16871" y="3841"/>
                </a:cubicBezTo>
                <a:cubicBezTo>
                  <a:pt x="17115" y="3797"/>
                  <a:pt x="16742" y="3681"/>
                  <a:pt x="16844" y="3542"/>
                </a:cubicBezTo>
                <a:cubicBezTo>
                  <a:pt x="16874" y="3520"/>
                  <a:pt x="16902" y="3511"/>
                  <a:pt x="16924" y="3511"/>
                </a:cubicBezTo>
                <a:cubicBezTo>
                  <a:pt x="16963" y="3511"/>
                  <a:pt x="16984" y="3541"/>
                  <a:pt x="16969" y="3575"/>
                </a:cubicBezTo>
                <a:cubicBezTo>
                  <a:pt x="17073" y="3427"/>
                  <a:pt x="16948" y="3366"/>
                  <a:pt x="17029" y="3290"/>
                </a:cubicBezTo>
                <a:lnTo>
                  <a:pt x="17029" y="3290"/>
                </a:lnTo>
                <a:lnTo>
                  <a:pt x="16978" y="3292"/>
                </a:lnTo>
                <a:cubicBezTo>
                  <a:pt x="16999" y="3230"/>
                  <a:pt x="16790" y="3077"/>
                  <a:pt x="16994" y="2968"/>
                </a:cubicBezTo>
                <a:cubicBezTo>
                  <a:pt x="17031" y="2951"/>
                  <a:pt x="17058" y="2944"/>
                  <a:pt x="17079" y="2944"/>
                </a:cubicBezTo>
                <a:cubicBezTo>
                  <a:pt x="17144" y="2944"/>
                  <a:pt x="17142" y="3014"/>
                  <a:pt x="17163" y="3049"/>
                </a:cubicBezTo>
                <a:cubicBezTo>
                  <a:pt x="17200" y="3003"/>
                  <a:pt x="17256" y="2973"/>
                  <a:pt x="17314" y="2963"/>
                </a:cubicBezTo>
                <a:cubicBezTo>
                  <a:pt x="17339" y="2959"/>
                  <a:pt x="17364" y="2957"/>
                  <a:pt x="17389" y="2957"/>
                </a:cubicBezTo>
                <a:cubicBezTo>
                  <a:pt x="17417" y="2957"/>
                  <a:pt x="17446" y="2960"/>
                  <a:pt x="17474" y="2966"/>
                </a:cubicBezTo>
                <a:cubicBezTo>
                  <a:pt x="17453" y="2940"/>
                  <a:pt x="17448" y="2908"/>
                  <a:pt x="17485" y="2889"/>
                </a:cubicBezTo>
                <a:cubicBezTo>
                  <a:pt x="17530" y="2856"/>
                  <a:pt x="17563" y="2844"/>
                  <a:pt x="17589" y="2844"/>
                </a:cubicBezTo>
                <a:cubicBezTo>
                  <a:pt x="17665" y="2844"/>
                  <a:pt x="17676" y="2952"/>
                  <a:pt x="17733" y="2952"/>
                </a:cubicBezTo>
                <a:cubicBezTo>
                  <a:pt x="17736" y="2952"/>
                  <a:pt x="17738" y="2952"/>
                  <a:pt x="17740" y="2952"/>
                </a:cubicBezTo>
                <a:cubicBezTo>
                  <a:pt x="18060" y="2901"/>
                  <a:pt x="17587" y="2695"/>
                  <a:pt x="17907" y="2546"/>
                </a:cubicBezTo>
                <a:lnTo>
                  <a:pt x="17907" y="2546"/>
                </a:lnTo>
                <a:lnTo>
                  <a:pt x="17511" y="2662"/>
                </a:lnTo>
                <a:cubicBezTo>
                  <a:pt x="17497" y="2596"/>
                  <a:pt x="17465" y="2502"/>
                  <a:pt x="17405" y="2502"/>
                </a:cubicBezTo>
                <a:cubicBezTo>
                  <a:pt x="17395" y="2502"/>
                  <a:pt x="17385" y="2504"/>
                  <a:pt x="17374" y="2509"/>
                </a:cubicBezTo>
                <a:cubicBezTo>
                  <a:pt x="17413" y="2623"/>
                  <a:pt x="17321" y="2773"/>
                  <a:pt x="17189" y="2810"/>
                </a:cubicBezTo>
                <a:cubicBezTo>
                  <a:pt x="17096" y="2702"/>
                  <a:pt x="17467" y="2523"/>
                  <a:pt x="17191" y="2481"/>
                </a:cubicBezTo>
                <a:cubicBezTo>
                  <a:pt x="17279" y="2470"/>
                  <a:pt x="17369" y="2389"/>
                  <a:pt x="17469" y="2359"/>
                </a:cubicBezTo>
                <a:lnTo>
                  <a:pt x="17469" y="2359"/>
                </a:lnTo>
                <a:cubicBezTo>
                  <a:pt x="17459" y="2406"/>
                  <a:pt x="17477" y="2420"/>
                  <a:pt x="17506" y="2420"/>
                </a:cubicBezTo>
                <a:cubicBezTo>
                  <a:pt x="17553" y="2420"/>
                  <a:pt x="17628" y="2385"/>
                  <a:pt x="17671" y="2385"/>
                </a:cubicBezTo>
                <a:cubicBezTo>
                  <a:pt x="17702" y="2385"/>
                  <a:pt x="17716" y="2405"/>
                  <a:pt x="17684" y="2475"/>
                </a:cubicBezTo>
                <a:cubicBezTo>
                  <a:pt x="17766" y="2431"/>
                  <a:pt x="17849" y="2393"/>
                  <a:pt x="17935" y="2359"/>
                </a:cubicBezTo>
                <a:cubicBezTo>
                  <a:pt x="18006" y="2333"/>
                  <a:pt x="18067" y="2315"/>
                  <a:pt x="18127" y="2294"/>
                </a:cubicBezTo>
                <a:cubicBezTo>
                  <a:pt x="18271" y="2248"/>
                  <a:pt x="18407" y="2176"/>
                  <a:pt x="18525" y="2083"/>
                </a:cubicBezTo>
                <a:lnTo>
                  <a:pt x="18525" y="2083"/>
                </a:lnTo>
                <a:cubicBezTo>
                  <a:pt x="18523" y="2178"/>
                  <a:pt x="18368" y="2493"/>
                  <a:pt x="18143" y="2509"/>
                </a:cubicBezTo>
                <a:lnTo>
                  <a:pt x="18097" y="2440"/>
                </a:lnTo>
                <a:lnTo>
                  <a:pt x="18097" y="2440"/>
                </a:lnTo>
                <a:cubicBezTo>
                  <a:pt x="18006" y="2523"/>
                  <a:pt x="18036" y="2536"/>
                  <a:pt x="18100" y="2536"/>
                </a:cubicBezTo>
                <a:cubicBezTo>
                  <a:pt x="18130" y="2536"/>
                  <a:pt x="18167" y="2533"/>
                  <a:pt x="18203" y="2533"/>
                </a:cubicBezTo>
                <a:cubicBezTo>
                  <a:pt x="18269" y="2533"/>
                  <a:pt x="18330" y="2543"/>
                  <a:pt x="18333" y="2597"/>
                </a:cubicBezTo>
                <a:cubicBezTo>
                  <a:pt x="18444" y="2431"/>
                  <a:pt x="18623" y="2387"/>
                  <a:pt x="18817" y="2356"/>
                </a:cubicBezTo>
                <a:cubicBezTo>
                  <a:pt x="18914" y="2340"/>
                  <a:pt x="19014" y="2333"/>
                  <a:pt x="19114" y="2312"/>
                </a:cubicBezTo>
                <a:cubicBezTo>
                  <a:pt x="19213" y="2296"/>
                  <a:pt x="19308" y="2261"/>
                  <a:pt x="19396" y="2208"/>
                </a:cubicBezTo>
                <a:cubicBezTo>
                  <a:pt x="19304" y="2164"/>
                  <a:pt x="19362" y="2095"/>
                  <a:pt x="19352" y="2016"/>
                </a:cubicBezTo>
                <a:lnTo>
                  <a:pt x="19352" y="2016"/>
                </a:lnTo>
                <a:cubicBezTo>
                  <a:pt x="19260" y="2063"/>
                  <a:pt x="19241" y="2087"/>
                  <a:pt x="19202" y="2087"/>
                </a:cubicBezTo>
                <a:cubicBezTo>
                  <a:pt x="19180" y="2087"/>
                  <a:pt x="19151" y="2079"/>
                  <a:pt x="19097" y="2062"/>
                </a:cubicBezTo>
                <a:cubicBezTo>
                  <a:pt x="19084" y="1958"/>
                  <a:pt x="19188" y="1960"/>
                  <a:pt x="19211" y="1872"/>
                </a:cubicBezTo>
                <a:cubicBezTo>
                  <a:pt x="19211" y="1839"/>
                  <a:pt x="19202" y="1827"/>
                  <a:pt x="19187" y="1827"/>
                </a:cubicBezTo>
                <a:cubicBezTo>
                  <a:pt x="19155" y="1827"/>
                  <a:pt x="19095" y="1883"/>
                  <a:pt x="19044" y="1883"/>
                </a:cubicBezTo>
                <a:cubicBezTo>
                  <a:pt x="19036" y="1883"/>
                  <a:pt x="19027" y="1881"/>
                  <a:pt x="19019" y="1877"/>
                </a:cubicBezTo>
                <a:cubicBezTo>
                  <a:pt x="19144" y="1768"/>
                  <a:pt x="19125" y="1759"/>
                  <a:pt x="19179" y="1638"/>
                </a:cubicBezTo>
                <a:cubicBezTo>
                  <a:pt x="19290" y="1692"/>
                  <a:pt x="19297" y="1745"/>
                  <a:pt x="19394" y="1817"/>
                </a:cubicBezTo>
                <a:cubicBezTo>
                  <a:pt x="19759" y="1704"/>
                  <a:pt x="19657" y="1528"/>
                  <a:pt x="19958" y="1465"/>
                </a:cubicBezTo>
                <a:lnTo>
                  <a:pt x="19958" y="1465"/>
                </a:lnTo>
                <a:cubicBezTo>
                  <a:pt x="19814" y="1496"/>
                  <a:pt x="20012" y="1537"/>
                  <a:pt x="19935" y="1563"/>
                </a:cubicBezTo>
                <a:lnTo>
                  <a:pt x="19935" y="1563"/>
                </a:lnTo>
                <a:lnTo>
                  <a:pt x="19987" y="1553"/>
                </a:lnTo>
                <a:lnTo>
                  <a:pt x="19987" y="1553"/>
                </a:lnTo>
                <a:cubicBezTo>
                  <a:pt x="19934" y="1615"/>
                  <a:pt x="19873" y="1671"/>
                  <a:pt x="19809" y="1719"/>
                </a:cubicBezTo>
                <a:lnTo>
                  <a:pt x="19709" y="1794"/>
                </a:lnTo>
                <a:cubicBezTo>
                  <a:pt x="19674" y="1819"/>
                  <a:pt x="19644" y="1844"/>
                  <a:pt x="19616" y="1868"/>
                </a:cubicBezTo>
                <a:cubicBezTo>
                  <a:pt x="19501" y="1967"/>
                  <a:pt x="19429" y="2067"/>
                  <a:pt x="19496" y="2187"/>
                </a:cubicBezTo>
                <a:cubicBezTo>
                  <a:pt x="19591" y="2136"/>
                  <a:pt x="19663" y="2062"/>
                  <a:pt x="19744" y="1988"/>
                </a:cubicBezTo>
                <a:cubicBezTo>
                  <a:pt x="19825" y="1907"/>
                  <a:pt x="19924" y="1842"/>
                  <a:pt x="20033" y="1800"/>
                </a:cubicBezTo>
                <a:lnTo>
                  <a:pt x="20038" y="1851"/>
                </a:lnTo>
                <a:cubicBezTo>
                  <a:pt x="20223" y="1800"/>
                  <a:pt x="20015" y="1789"/>
                  <a:pt x="20040" y="1731"/>
                </a:cubicBezTo>
                <a:cubicBezTo>
                  <a:pt x="20078" y="1697"/>
                  <a:pt x="20116" y="1685"/>
                  <a:pt x="20153" y="1685"/>
                </a:cubicBezTo>
                <a:cubicBezTo>
                  <a:pt x="20235" y="1685"/>
                  <a:pt x="20313" y="1745"/>
                  <a:pt x="20374" y="1745"/>
                </a:cubicBezTo>
                <a:cubicBezTo>
                  <a:pt x="20411" y="1745"/>
                  <a:pt x="20441" y="1724"/>
                  <a:pt x="20464" y="1657"/>
                </a:cubicBezTo>
                <a:lnTo>
                  <a:pt x="20464" y="1657"/>
                </a:lnTo>
                <a:lnTo>
                  <a:pt x="20244" y="1689"/>
                </a:lnTo>
                <a:cubicBezTo>
                  <a:pt x="20367" y="1529"/>
                  <a:pt x="20193" y="1685"/>
                  <a:pt x="20172" y="1502"/>
                </a:cubicBezTo>
                <a:cubicBezTo>
                  <a:pt x="20290" y="1390"/>
                  <a:pt x="20478" y="1312"/>
                  <a:pt x="20682" y="1238"/>
                </a:cubicBezTo>
                <a:cubicBezTo>
                  <a:pt x="20888" y="1166"/>
                  <a:pt x="21106" y="1085"/>
                  <a:pt x="21289" y="960"/>
                </a:cubicBezTo>
                <a:cubicBezTo>
                  <a:pt x="21216" y="931"/>
                  <a:pt x="21172" y="919"/>
                  <a:pt x="21126" y="919"/>
                </a:cubicBezTo>
                <a:cubicBezTo>
                  <a:pt x="21081" y="919"/>
                  <a:pt x="21034" y="931"/>
                  <a:pt x="20958" y="950"/>
                </a:cubicBezTo>
                <a:cubicBezTo>
                  <a:pt x="20955" y="696"/>
                  <a:pt x="21027" y="709"/>
                  <a:pt x="20893" y="533"/>
                </a:cubicBezTo>
                <a:lnTo>
                  <a:pt x="20700" y="582"/>
                </a:lnTo>
                <a:lnTo>
                  <a:pt x="20631" y="367"/>
                </a:lnTo>
                <a:cubicBezTo>
                  <a:pt x="20669" y="353"/>
                  <a:pt x="20708" y="345"/>
                  <a:pt x="20748" y="345"/>
                </a:cubicBezTo>
                <a:cubicBezTo>
                  <a:pt x="20761" y="345"/>
                  <a:pt x="20775" y="346"/>
                  <a:pt x="20788" y="348"/>
                </a:cubicBezTo>
                <a:cubicBezTo>
                  <a:pt x="20772" y="204"/>
                  <a:pt x="21087" y="302"/>
                  <a:pt x="21062" y="167"/>
                </a:cubicBezTo>
                <a:lnTo>
                  <a:pt x="21062" y="167"/>
                </a:lnTo>
                <a:lnTo>
                  <a:pt x="20907" y="237"/>
                </a:lnTo>
                <a:cubicBezTo>
                  <a:pt x="20793" y="149"/>
                  <a:pt x="20985" y="100"/>
                  <a:pt x="21090" y="28"/>
                </a:cubicBezTo>
                <a:cubicBezTo>
                  <a:pt x="21061" y="8"/>
                  <a:pt x="21032" y="0"/>
                  <a:pt x="21000"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30" name="Google Shape;30;p2"/>
          <p:cNvGrpSpPr/>
          <p:nvPr/>
        </p:nvGrpSpPr>
        <p:grpSpPr>
          <a:xfrm>
            <a:off x="2776166" y="4852288"/>
            <a:ext cx="1795826" cy="893252"/>
            <a:chOff x="3339218" y="4582238"/>
            <a:chExt cx="1438041" cy="715289"/>
          </a:xfrm>
        </p:grpSpPr>
        <p:sp>
          <p:nvSpPr>
            <p:cNvPr id="31" name="Google Shape;31;p2"/>
            <p:cNvSpPr/>
            <p:nvPr/>
          </p:nvSpPr>
          <p:spPr>
            <a:xfrm rot="10800000">
              <a:off x="3339467" y="4845372"/>
              <a:ext cx="1437793" cy="452155"/>
            </a:xfrm>
            <a:custGeom>
              <a:avLst/>
              <a:gdLst/>
              <a:ahLst/>
              <a:cxnLst/>
              <a:rect l="l" t="t" r="r" b="b"/>
              <a:pathLst>
                <a:path w="23124" h="7272" extrusionOk="0">
                  <a:moveTo>
                    <a:pt x="361" y="288"/>
                  </a:moveTo>
                  <a:cubicBezTo>
                    <a:pt x="368" y="296"/>
                    <a:pt x="379" y="308"/>
                    <a:pt x="394" y="324"/>
                  </a:cubicBezTo>
                  <a:cubicBezTo>
                    <a:pt x="385" y="314"/>
                    <a:pt x="374" y="301"/>
                    <a:pt x="361" y="288"/>
                  </a:cubicBezTo>
                  <a:close/>
                  <a:moveTo>
                    <a:pt x="876" y="908"/>
                  </a:moveTo>
                  <a:lnTo>
                    <a:pt x="876" y="908"/>
                  </a:lnTo>
                  <a:cubicBezTo>
                    <a:pt x="878" y="910"/>
                    <a:pt x="882" y="913"/>
                    <a:pt x="885" y="916"/>
                  </a:cubicBezTo>
                  <a:lnTo>
                    <a:pt x="885" y="916"/>
                  </a:lnTo>
                  <a:cubicBezTo>
                    <a:pt x="882" y="913"/>
                    <a:pt x="879" y="911"/>
                    <a:pt x="876" y="908"/>
                  </a:cubicBezTo>
                  <a:close/>
                  <a:moveTo>
                    <a:pt x="22739" y="1362"/>
                  </a:moveTo>
                  <a:lnTo>
                    <a:pt x="22739" y="1362"/>
                  </a:lnTo>
                  <a:cubicBezTo>
                    <a:pt x="22727" y="1385"/>
                    <a:pt x="22719" y="1402"/>
                    <a:pt x="22714" y="1414"/>
                  </a:cubicBezTo>
                  <a:lnTo>
                    <a:pt x="22714" y="1414"/>
                  </a:lnTo>
                  <a:cubicBezTo>
                    <a:pt x="22720" y="1400"/>
                    <a:pt x="22729" y="1383"/>
                    <a:pt x="22739" y="1362"/>
                  </a:cubicBezTo>
                  <a:close/>
                  <a:moveTo>
                    <a:pt x="1550" y="1532"/>
                  </a:moveTo>
                  <a:lnTo>
                    <a:pt x="1548" y="1536"/>
                  </a:lnTo>
                  <a:cubicBezTo>
                    <a:pt x="1550" y="1535"/>
                    <a:pt x="1550" y="1534"/>
                    <a:pt x="1550" y="1532"/>
                  </a:cubicBezTo>
                  <a:close/>
                  <a:moveTo>
                    <a:pt x="2412" y="2351"/>
                  </a:moveTo>
                  <a:cubicBezTo>
                    <a:pt x="2412" y="2351"/>
                    <a:pt x="2412" y="2351"/>
                    <a:pt x="2412" y="2351"/>
                  </a:cubicBezTo>
                  <a:cubicBezTo>
                    <a:pt x="2412" y="2351"/>
                    <a:pt x="2412" y="2351"/>
                    <a:pt x="2412" y="2351"/>
                  </a:cubicBezTo>
                  <a:close/>
                  <a:moveTo>
                    <a:pt x="4332" y="3905"/>
                  </a:moveTo>
                  <a:lnTo>
                    <a:pt x="4397" y="3954"/>
                  </a:lnTo>
                  <a:lnTo>
                    <a:pt x="4397" y="3954"/>
                  </a:lnTo>
                  <a:cubicBezTo>
                    <a:pt x="4407" y="3957"/>
                    <a:pt x="4420" y="3962"/>
                    <a:pt x="4433" y="3968"/>
                  </a:cubicBezTo>
                  <a:lnTo>
                    <a:pt x="4433" y="3968"/>
                  </a:lnTo>
                  <a:cubicBezTo>
                    <a:pt x="4387" y="3936"/>
                    <a:pt x="4347" y="3910"/>
                    <a:pt x="4332" y="3905"/>
                  </a:cubicBezTo>
                  <a:close/>
                  <a:moveTo>
                    <a:pt x="4367" y="3977"/>
                  </a:moveTo>
                  <a:lnTo>
                    <a:pt x="4380" y="3991"/>
                  </a:lnTo>
                  <a:lnTo>
                    <a:pt x="4380" y="3991"/>
                  </a:lnTo>
                  <a:cubicBezTo>
                    <a:pt x="4370" y="3986"/>
                    <a:pt x="4362" y="3982"/>
                    <a:pt x="4361" y="3982"/>
                  </a:cubicBezTo>
                  <a:cubicBezTo>
                    <a:pt x="4359" y="3982"/>
                    <a:pt x="4368" y="3988"/>
                    <a:pt x="4395" y="4005"/>
                  </a:cubicBezTo>
                  <a:lnTo>
                    <a:pt x="4380" y="3991"/>
                  </a:lnTo>
                  <a:lnTo>
                    <a:pt x="4380" y="3991"/>
                  </a:lnTo>
                  <a:cubicBezTo>
                    <a:pt x="4395" y="3998"/>
                    <a:pt x="4416" y="4007"/>
                    <a:pt x="4430" y="4011"/>
                  </a:cubicBezTo>
                  <a:lnTo>
                    <a:pt x="4430" y="4011"/>
                  </a:lnTo>
                  <a:lnTo>
                    <a:pt x="4367" y="3977"/>
                  </a:lnTo>
                  <a:close/>
                  <a:moveTo>
                    <a:pt x="19849" y="5052"/>
                  </a:moveTo>
                  <a:cubicBezTo>
                    <a:pt x="19839" y="5060"/>
                    <a:pt x="19827" y="5069"/>
                    <a:pt x="19815" y="5078"/>
                  </a:cubicBezTo>
                  <a:cubicBezTo>
                    <a:pt x="19829" y="5068"/>
                    <a:pt x="19840" y="5059"/>
                    <a:pt x="19849" y="5052"/>
                  </a:cubicBezTo>
                  <a:close/>
                  <a:moveTo>
                    <a:pt x="18764" y="5700"/>
                  </a:moveTo>
                  <a:cubicBezTo>
                    <a:pt x="18759" y="5703"/>
                    <a:pt x="18753" y="5706"/>
                    <a:pt x="18747" y="5710"/>
                  </a:cubicBezTo>
                  <a:cubicBezTo>
                    <a:pt x="18753" y="5707"/>
                    <a:pt x="18758" y="5703"/>
                    <a:pt x="18764" y="5700"/>
                  </a:cubicBezTo>
                  <a:close/>
                  <a:moveTo>
                    <a:pt x="18780" y="5666"/>
                  </a:moveTo>
                  <a:lnTo>
                    <a:pt x="18684" y="5725"/>
                  </a:lnTo>
                  <a:lnTo>
                    <a:pt x="18684" y="5725"/>
                  </a:lnTo>
                  <a:cubicBezTo>
                    <a:pt x="18717" y="5706"/>
                    <a:pt x="18749" y="5687"/>
                    <a:pt x="18780" y="5666"/>
                  </a:cubicBezTo>
                  <a:close/>
                  <a:moveTo>
                    <a:pt x="8782" y="6305"/>
                  </a:moveTo>
                  <a:cubicBezTo>
                    <a:pt x="8789" y="6307"/>
                    <a:pt x="8795" y="6309"/>
                    <a:pt x="8800" y="6310"/>
                  </a:cubicBezTo>
                  <a:lnTo>
                    <a:pt x="8800" y="6310"/>
                  </a:lnTo>
                  <a:cubicBezTo>
                    <a:pt x="8791" y="6308"/>
                    <a:pt x="8785" y="6306"/>
                    <a:pt x="8782" y="6305"/>
                  </a:cubicBezTo>
                  <a:close/>
                  <a:moveTo>
                    <a:pt x="11505" y="6774"/>
                  </a:moveTo>
                  <a:cubicBezTo>
                    <a:pt x="11517" y="6776"/>
                    <a:pt x="11530" y="6778"/>
                    <a:pt x="11543" y="6780"/>
                  </a:cubicBezTo>
                  <a:cubicBezTo>
                    <a:pt x="11531" y="6777"/>
                    <a:pt x="11518" y="6775"/>
                    <a:pt x="11505" y="6774"/>
                  </a:cubicBezTo>
                  <a:close/>
                  <a:moveTo>
                    <a:pt x="14746" y="7096"/>
                  </a:moveTo>
                  <a:cubicBezTo>
                    <a:pt x="14743" y="7097"/>
                    <a:pt x="14741" y="7097"/>
                    <a:pt x="14738" y="7098"/>
                  </a:cubicBezTo>
                  <a:cubicBezTo>
                    <a:pt x="14741" y="7097"/>
                    <a:pt x="14744" y="7097"/>
                    <a:pt x="14746" y="7096"/>
                  </a:cubicBezTo>
                  <a:close/>
                  <a:moveTo>
                    <a:pt x="13767" y="7209"/>
                  </a:moveTo>
                  <a:cubicBezTo>
                    <a:pt x="13774" y="7209"/>
                    <a:pt x="13780" y="7209"/>
                    <a:pt x="13786" y="7209"/>
                  </a:cubicBezTo>
                  <a:lnTo>
                    <a:pt x="13786" y="7209"/>
                  </a:lnTo>
                  <a:cubicBezTo>
                    <a:pt x="13779" y="7209"/>
                    <a:pt x="13773" y="7209"/>
                    <a:pt x="13767" y="7209"/>
                  </a:cubicBezTo>
                  <a:close/>
                  <a:moveTo>
                    <a:pt x="4" y="1"/>
                  </a:moveTo>
                  <a:cubicBezTo>
                    <a:pt x="1" y="1"/>
                    <a:pt x="8" y="11"/>
                    <a:pt x="35" y="39"/>
                  </a:cubicBezTo>
                  <a:lnTo>
                    <a:pt x="156" y="132"/>
                  </a:lnTo>
                  <a:cubicBezTo>
                    <a:pt x="154" y="131"/>
                    <a:pt x="152" y="131"/>
                    <a:pt x="151" y="131"/>
                  </a:cubicBezTo>
                  <a:cubicBezTo>
                    <a:pt x="138" y="131"/>
                    <a:pt x="184" y="191"/>
                    <a:pt x="188" y="208"/>
                  </a:cubicBezTo>
                  <a:cubicBezTo>
                    <a:pt x="192" y="210"/>
                    <a:pt x="195" y="211"/>
                    <a:pt x="197" y="211"/>
                  </a:cubicBezTo>
                  <a:cubicBezTo>
                    <a:pt x="216" y="211"/>
                    <a:pt x="143" y="122"/>
                    <a:pt x="163" y="122"/>
                  </a:cubicBezTo>
                  <a:cubicBezTo>
                    <a:pt x="170" y="122"/>
                    <a:pt x="186" y="131"/>
                    <a:pt x="218" y="155"/>
                  </a:cubicBezTo>
                  <a:cubicBezTo>
                    <a:pt x="249" y="172"/>
                    <a:pt x="314" y="236"/>
                    <a:pt x="361" y="288"/>
                  </a:cubicBezTo>
                  <a:lnTo>
                    <a:pt x="361" y="288"/>
                  </a:lnTo>
                  <a:cubicBezTo>
                    <a:pt x="353" y="278"/>
                    <a:pt x="352" y="274"/>
                    <a:pt x="354" y="274"/>
                  </a:cubicBezTo>
                  <a:cubicBezTo>
                    <a:pt x="362" y="274"/>
                    <a:pt x="427" y="328"/>
                    <a:pt x="459" y="354"/>
                  </a:cubicBezTo>
                  <a:cubicBezTo>
                    <a:pt x="519" y="424"/>
                    <a:pt x="628" y="528"/>
                    <a:pt x="649" y="567"/>
                  </a:cubicBezTo>
                  <a:cubicBezTo>
                    <a:pt x="686" y="595"/>
                    <a:pt x="718" y="625"/>
                    <a:pt x="749" y="660"/>
                  </a:cubicBezTo>
                  <a:lnTo>
                    <a:pt x="749" y="667"/>
                  </a:lnTo>
                  <a:cubicBezTo>
                    <a:pt x="771" y="687"/>
                    <a:pt x="780" y="694"/>
                    <a:pt x="781" y="694"/>
                  </a:cubicBezTo>
                  <a:cubicBezTo>
                    <a:pt x="785" y="694"/>
                    <a:pt x="742" y="650"/>
                    <a:pt x="748" y="650"/>
                  </a:cubicBezTo>
                  <a:lnTo>
                    <a:pt x="748" y="650"/>
                  </a:lnTo>
                  <a:cubicBezTo>
                    <a:pt x="748" y="650"/>
                    <a:pt x="749" y="650"/>
                    <a:pt x="751" y="651"/>
                  </a:cubicBezTo>
                  <a:cubicBezTo>
                    <a:pt x="809" y="706"/>
                    <a:pt x="890" y="806"/>
                    <a:pt x="985" y="896"/>
                  </a:cubicBezTo>
                  <a:cubicBezTo>
                    <a:pt x="890" y="806"/>
                    <a:pt x="806" y="737"/>
                    <a:pt x="735" y="674"/>
                  </a:cubicBezTo>
                  <a:lnTo>
                    <a:pt x="735" y="674"/>
                  </a:lnTo>
                  <a:cubicBezTo>
                    <a:pt x="786" y="731"/>
                    <a:pt x="800" y="751"/>
                    <a:pt x="792" y="751"/>
                  </a:cubicBezTo>
                  <a:cubicBezTo>
                    <a:pt x="776" y="751"/>
                    <a:pt x="665" y="659"/>
                    <a:pt x="630" y="642"/>
                  </a:cubicBezTo>
                  <a:lnTo>
                    <a:pt x="630" y="642"/>
                  </a:lnTo>
                  <a:cubicBezTo>
                    <a:pt x="774" y="774"/>
                    <a:pt x="834" y="815"/>
                    <a:pt x="955" y="917"/>
                  </a:cubicBezTo>
                  <a:cubicBezTo>
                    <a:pt x="1000" y="969"/>
                    <a:pt x="1008" y="987"/>
                    <a:pt x="997" y="987"/>
                  </a:cubicBezTo>
                  <a:cubicBezTo>
                    <a:pt x="979" y="987"/>
                    <a:pt x="915" y="941"/>
                    <a:pt x="885" y="916"/>
                  </a:cubicBezTo>
                  <a:lnTo>
                    <a:pt x="885" y="916"/>
                  </a:lnTo>
                  <a:cubicBezTo>
                    <a:pt x="1015" y="1029"/>
                    <a:pt x="1156" y="1139"/>
                    <a:pt x="1226" y="1198"/>
                  </a:cubicBezTo>
                  <a:cubicBezTo>
                    <a:pt x="1115" y="1126"/>
                    <a:pt x="1126" y="1149"/>
                    <a:pt x="1027" y="1079"/>
                  </a:cubicBezTo>
                  <a:lnTo>
                    <a:pt x="1027" y="1079"/>
                  </a:lnTo>
                  <a:cubicBezTo>
                    <a:pt x="1117" y="1191"/>
                    <a:pt x="1152" y="1195"/>
                    <a:pt x="1205" y="1235"/>
                  </a:cubicBezTo>
                  <a:cubicBezTo>
                    <a:pt x="1175" y="1211"/>
                    <a:pt x="1149" y="1186"/>
                    <a:pt x="1124" y="1156"/>
                  </a:cubicBezTo>
                  <a:lnTo>
                    <a:pt x="1124" y="1156"/>
                  </a:lnTo>
                  <a:cubicBezTo>
                    <a:pt x="1244" y="1272"/>
                    <a:pt x="1249" y="1225"/>
                    <a:pt x="1325" y="1272"/>
                  </a:cubicBezTo>
                  <a:cubicBezTo>
                    <a:pt x="1401" y="1358"/>
                    <a:pt x="1549" y="1507"/>
                    <a:pt x="1550" y="1532"/>
                  </a:cubicBezTo>
                  <a:lnTo>
                    <a:pt x="1550" y="1532"/>
                  </a:lnTo>
                  <a:lnTo>
                    <a:pt x="1562" y="1517"/>
                  </a:lnTo>
                  <a:cubicBezTo>
                    <a:pt x="1673" y="1612"/>
                    <a:pt x="1608" y="1577"/>
                    <a:pt x="1620" y="1598"/>
                  </a:cubicBezTo>
                  <a:cubicBezTo>
                    <a:pt x="1633" y="1605"/>
                    <a:pt x="1640" y="1605"/>
                    <a:pt x="1647" y="1605"/>
                  </a:cubicBezTo>
                  <a:cubicBezTo>
                    <a:pt x="1649" y="1605"/>
                    <a:pt x="1651" y="1605"/>
                    <a:pt x="1652" y="1605"/>
                  </a:cubicBezTo>
                  <a:cubicBezTo>
                    <a:pt x="1671" y="1605"/>
                    <a:pt x="1696" y="1610"/>
                    <a:pt x="1823" y="1721"/>
                  </a:cubicBezTo>
                  <a:cubicBezTo>
                    <a:pt x="1768" y="1726"/>
                    <a:pt x="1981" y="1872"/>
                    <a:pt x="1951" y="1895"/>
                  </a:cubicBezTo>
                  <a:cubicBezTo>
                    <a:pt x="2039" y="1969"/>
                    <a:pt x="2090" y="1990"/>
                    <a:pt x="2176" y="2073"/>
                  </a:cubicBezTo>
                  <a:cubicBezTo>
                    <a:pt x="2193" y="2094"/>
                    <a:pt x="2196" y="2103"/>
                    <a:pt x="2189" y="2103"/>
                  </a:cubicBezTo>
                  <a:cubicBezTo>
                    <a:pt x="2164" y="2103"/>
                    <a:pt x="1999" y="1977"/>
                    <a:pt x="1960" y="1937"/>
                  </a:cubicBezTo>
                  <a:cubicBezTo>
                    <a:pt x="1917" y="1897"/>
                    <a:pt x="1907" y="1886"/>
                    <a:pt x="1911" y="1886"/>
                  </a:cubicBezTo>
                  <a:cubicBezTo>
                    <a:pt x="1917" y="1886"/>
                    <a:pt x="1945" y="1906"/>
                    <a:pt x="1949" y="1906"/>
                  </a:cubicBezTo>
                  <a:cubicBezTo>
                    <a:pt x="1950" y="1906"/>
                    <a:pt x="1948" y="1903"/>
                    <a:pt x="1939" y="1895"/>
                  </a:cubicBezTo>
                  <a:cubicBezTo>
                    <a:pt x="1898" y="1862"/>
                    <a:pt x="1856" y="1828"/>
                    <a:pt x="1814" y="1795"/>
                  </a:cubicBezTo>
                  <a:lnTo>
                    <a:pt x="1814" y="1795"/>
                  </a:lnTo>
                  <a:cubicBezTo>
                    <a:pt x="1871" y="1862"/>
                    <a:pt x="1995" y="1981"/>
                    <a:pt x="1970" y="1981"/>
                  </a:cubicBezTo>
                  <a:cubicBezTo>
                    <a:pt x="1970" y="1981"/>
                    <a:pt x="1970" y="1981"/>
                    <a:pt x="1969" y="1981"/>
                  </a:cubicBezTo>
                  <a:lnTo>
                    <a:pt x="1969" y="1981"/>
                  </a:lnTo>
                  <a:cubicBezTo>
                    <a:pt x="1996" y="2002"/>
                    <a:pt x="2008" y="2010"/>
                    <a:pt x="2011" y="2010"/>
                  </a:cubicBezTo>
                  <a:cubicBezTo>
                    <a:pt x="2018" y="2010"/>
                    <a:pt x="1967" y="1958"/>
                    <a:pt x="1975" y="1958"/>
                  </a:cubicBezTo>
                  <a:cubicBezTo>
                    <a:pt x="1978" y="1958"/>
                    <a:pt x="1991" y="1967"/>
                    <a:pt x="2023" y="1992"/>
                  </a:cubicBezTo>
                  <a:lnTo>
                    <a:pt x="2090" y="2071"/>
                  </a:lnTo>
                  <a:cubicBezTo>
                    <a:pt x="2132" y="2105"/>
                    <a:pt x="2147" y="2114"/>
                    <a:pt x="2153" y="2114"/>
                  </a:cubicBezTo>
                  <a:cubicBezTo>
                    <a:pt x="2159" y="2114"/>
                    <a:pt x="2156" y="2105"/>
                    <a:pt x="2162" y="2105"/>
                  </a:cubicBezTo>
                  <a:cubicBezTo>
                    <a:pt x="2169" y="2105"/>
                    <a:pt x="2189" y="2118"/>
                    <a:pt x="2254" y="2175"/>
                  </a:cubicBezTo>
                  <a:cubicBezTo>
                    <a:pt x="2236" y="2161"/>
                    <a:pt x="2227" y="2156"/>
                    <a:pt x="2225" y="2156"/>
                  </a:cubicBezTo>
                  <a:cubicBezTo>
                    <a:pt x="2220" y="2156"/>
                    <a:pt x="2255" y="2189"/>
                    <a:pt x="2296" y="2226"/>
                  </a:cubicBezTo>
                  <a:cubicBezTo>
                    <a:pt x="2353" y="2279"/>
                    <a:pt x="2424" y="2342"/>
                    <a:pt x="2412" y="2351"/>
                  </a:cubicBezTo>
                  <a:lnTo>
                    <a:pt x="2412" y="2351"/>
                  </a:lnTo>
                  <a:cubicBezTo>
                    <a:pt x="2413" y="2350"/>
                    <a:pt x="2414" y="2350"/>
                    <a:pt x="2416" y="2350"/>
                  </a:cubicBezTo>
                  <a:cubicBezTo>
                    <a:pt x="2461" y="2350"/>
                    <a:pt x="2724" y="2618"/>
                    <a:pt x="2778" y="2627"/>
                  </a:cubicBezTo>
                  <a:lnTo>
                    <a:pt x="2692" y="2543"/>
                  </a:lnTo>
                  <a:lnTo>
                    <a:pt x="2701" y="2571"/>
                  </a:lnTo>
                  <a:cubicBezTo>
                    <a:pt x="2602" y="2488"/>
                    <a:pt x="2514" y="2421"/>
                    <a:pt x="2414" y="2326"/>
                  </a:cubicBezTo>
                  <a:lnTo>
                    <a:pt x="2414" y="2326"/>
                  </a:lnTo>
                  <a:cubicBezTo>
                    <a:pt x="2437" y="2341"/>
                    <a:pt x="2447" y="2346"/>
                    <a:pt x="2452" y="2346"/>
                  </a:cubicBezTo>
                  <a:cubicBezTo>
                    <a:pt x="2462" y="2346"/>
                    <a:pt x="2451" y="2328"/>
                    <a:pt x="2460" y="2328"/>
                  </a:cubicBezTo>
                  <a:cubicBezTo>
                    <a:pt x="2465" y="2328"/>
                    <a:pt x="2478" y="2335"/>
                    <a:pt x="2507" y="2356"/>
                  </a:cubicBezTo>
                  <a:cubicBezTo>
                    <a:pt x="2596" y="2422"/>
                    <a:pt x="2608" y="2437"/>
                    <a:pt x="2599" y="2437"/>
                  </a:cubicBezTo>
                  <a:cubicBezTo>
                    <a:pt x="2591" y="2437"/>
                    <a:pt x="2569" y="2426"/>
                    <a:pt x="2565" y="2426"/>
                  </a:cubicBezTo>
                  <a:cubicBezTo>
                    <a:pt x="2563" y="2426"/>
                    <a:pt x="2564" y="2427"/>
                    <a:pt x="2567" y="2430"/>
                  </a:cubicBezTo>
                  <a:cubicBezTo>
                    <a:pt x="2618" y="2467"/>
                    <a:pt x="2667" y="2504"/>
                    <a:pt x="2718" y="2541"/>
                  </a:cubicBezTo>
                  <a:cubicBezTo>
                    <a:pt x="2690" y="2509"/>
                    <a:pt x="2660" y="2479"/>
                    <a:pt x="2632" y="2446"/>
                  </a:cubicBezTo>
                  <a:lnTo>
                    <a:pt x="2632" y="2446"/>
                  </a:lnTo>
                  <a:cubicBezTo>
                    <a:pt x="2743" y="2539"/>
                    <a:pt x="2896" y="2664"/>
                    <a:pt x="3046" y="2794"/>
                  </a:cubicBezTo>
                  <a:cubicBezTo>
                    <a:pt x="3129" y="2872"/>
                    <a:pt x="3142" y="2890"/>
                    <a:pt x="3136" y="2890"/>
                  </a:cubicBezTo>
                  <a:cubicBezTo>
                    <a:pt x="3131" y="2890"/>
                    <a:pt x="3113" y="2878"/>
                    <a:pt x="3108" y="2878"/>
                  </a:cubicBezTo>
                  <a:cubicBezTo>
                    <a:pt x="3103" y="2878"/>
                    <a:pt x="3111" y="2889"/>
                    <a:pt x="3158" y="2935"/>
                  </a:cubicBezTo>
                  <a:cubicBezTo>
                    <a:pt x="3236" y="2990"/>
                    <a:pt x="3225" y="2970"/>
                    <a:pt x="3327" y="3055"/>
                  </a:cubicBezTo>
                  <a:cubicBezTo>
                    <a:pt x="3276" y="3002"/>
                    <a:pt x="3225" y="2977"/>
                    <a:pt x="3185" y="2944"/>
                  </a:cubicBezTo>
                  <a:cubicBezTo>
                    <a:pt x="3181" y="2937"/>
                    <a:pt x="3180" y="2934"/>
                    <a:pt x="3183" y="2934"/>
                  </a:cubicBezTo>
                  <a:cubicBezTo>
                    <a:pt x="3202" y="2934"/>
                    <a:pt x="3357" y="3066"/>
                    <a:pt x="3378" y="3066"/>
                  </a:cubicBezTo>
                  <a:cubicBezTo>
                    <a:pt x="3379" y="3066"/>
                    <a:pt x="3380" y="3066"/>
                    <a:pt x="3380" y="3065"/>
                  </a:cubicBezTo>
                  <a:cubicBezTo>
                    <a:pt x="3402" y="3089"/>
                    <a:pt x="3406" y="3099"/>
                    <a:pt x="3398" y="3099"/>
                  </a:cubicBezTo>
                  <a:cubicBezTo>
                    <a:pt x="3393" y="3099"/>
                    <a:pt x="3382" y="3094"/>
                    <a:pt x="3366" y="3085"/>
                  </a:cubicBezTo>
                  <a:lnTo>
                    <a:pt x="3366" y="3085"/>
                  </a:lnTo>
                  <a:cubicBezTo>
                    <a:pt x="3410" y="3120"/>
                    <a:pt x="3454" y="3155"/>
                    <a:pt x="3496" y="3187"/>
                  </a:cubicBezTo>
                  <a:cubicBezTo>
                    <a:pt x="3538" y="3220"/>
                    <a:pt x="3579" y="3252"/>
                    <a:pt x="3614" y="3282"/>
                  </a:cubicBezTo>
                  <a:cubicBezTo>
                    <a:pt x="3670" y="3326"/>
                    <a:pt x="3721" y="3377"/>
                    <a:pt x="3765" y="3433"/>
                  </a:cubicBezTo>
                  <a:lnTo>
                    <a:pt x="3857" y="3472"/>
                  </a:lnTo>
                  <a:cubicBezTo>
                    <a:pt x="3935" y="3536"/>
                    <a:pt x="3958" y="3557"/>
                    <a:pt x="3953" y="3557"/>
                  </a:cubicBezTo>
                  <a:cubicBezTo>
                    <a:pt x="3948" y="3557"/>
                    <a:pt x="3920" y="3539"/>
                    <a:pt x="3890" y="3519"/>
                  </a:cubicBezTo>
                  <a:cubicBezTo>
                    <a:pt x="3856" y="3498"/>
                    <a:pt x="3821" y="3475"/>
                    <a:pt x="3814" y="3475"/>
                  </a:cubicBezTo>
                  <a:cubicBezTo>
                    <a:pt x="3808" y="3475"/>
                    <a:pt x="3824" y="3492"/>
                    <a:pt x="3883" y="3542"/>
                  </a:cubicBezTo>
                  <a:cubicBezTo>
                    <a:pt x="3966" y="3611"/>
                    <a:pt x="4054" y="3674"/>
                    <a:pt x="4147" y="3732"/>
                  </a:cubicBezTo>
                  <a:lnTo>
                    <a:pt x="4054" y="3660"/>
                  </a:lnTo>
                  <a:lnTo>
                    <a:pt x="4054" y="3660"/>
                  </a:lnTo>
                  <a:cubicBezTo>
                    <a:pt x="4135" y="3704"/>
                    <a:pt x="4135" y="3692"/>
                    <a:pt x="4253" y="3771"/>
                  </a:cubicBezTo>
                  <a:cubicBezTo>
                    <a:pt x="4332" y="3834"/>
                    <a:pt x="4279" y="3815"/>
                    <a:pt x="4388" y="3875"/>
                  </a:cubicBezTo>
                  <a:cubicBezTo>
                    <a:pt x="4500" y="3966"/>
                    <a:pt x="4519" y="3991"/>
                    <a:pt x="4502" y="3991"/>
                  </a:cubicBezTo>
                  <a:cubicBezTo>
                    <a:pt x="4490" y="3991"/>
                    <a:pt x="4461" y="3979"/>
                    <a:pt x="4433" y="3968"/>
                  </a:cubicBezTo>
                  <a:lnTo>
                    <a:pt x="4433" y="3968"/>
                  </a:lnTo>
                  <a:cubicBezTo>
                    <a:pt x="4517" y="4026"/>
                    <a:pt x="4624" y="4104"/>
                    <a:pt x="4645" y="4107"/>
                  </a:cubicBezTo>
                  <a:cubicBezTo>
                    <a:pt x="4644" y="4109"/>
                    <a:pt x="4641" y="4110"/>
                    <a:pt x="4636" y="4110"/>
                  </a:cubicBezTo>
                  <a:cubicBezTo>
                    <a:pt x="4626" y="4110"/>
                    <a:pt x="4606" y="4104"/>
                    <a:pt x="4571" y="4084"/>
                  </a:cubicBezTo>
                  <a:lnTo>
                    <a:pt x="4571" y="4084"/>
                  </a:lnTo>
                  <a:cubicBezTo>
                    <a:pt x="4502" y="4019"/>
                    <a:pt x="4478" y="4006"/>
                    <a:pt x="4469" y="4006"/>
                  </a:cubicBezTo>
                  <a:cubicBezTo>
                    <a:pt x="4463" y="4006"/>
                    <a:pt x="4462" y="4011"/>
                    <a:pt x="4459" y="4011"/>
                  </a:cubicBezTo>
                  <a:cubicBezTo>
                    <a:pt x="4456" y="4011"/>
                    <a:pt x="4452" y="4006"/>
                    <a:pt x="4436" y="3984"/>
                  </a:cubicBezTo>
                  <a:lnTo>
                    <a:pt x="4397" y="3954"/>
                  </a:lnTo>
                  <a:lnTo>
                    <a:pt x="4397" y="3954"/>
                  </a:lnTo>
                  <a:cubicBezTo>
                    <a:pt x="4393" y="3953"/>
                    <a:pt x="4390" y="3952"/>
                    <a:pt x="4388" y="3952"/>
                  </a:cubicBezTo>
                  <a:lnTo>
                    <a:pt x="4388" y="3952"/>
                  </a:lnTo>
                  <a:cubicBezTo>
                    <a:pt x="4443" y="3999"/>
                    <a:pt x="4451" y="4013"/>
                    <a:pt x="4439" y="4013"/>
                  </a:cubicBezTo>
                  <a:cubicBezTo>
                    <a:pt x="4437" y="4013"/>
                    <a:pt x="4434" y="4012"/>
                    <a:pt x="4430" y="4011"/>
                  </a:cubicBezTo>
                  <a:lnTo>
                    <a:pt x="4430" y="4011"/>
                  </a:lnTo>
                  <a:lnTo>
                    <a:pt x="4503" y="4050"/>
                  </a:lnTo>
                  <a:lnTo>
                    <a:pt x="4541" y="4107"/>
                  </a:lnTo>
                  <a:cubicBezTo>
                    <a:pt x="4603" y="4156"/>
                    <a:pt x="4656" y="4170"/>
                    <a:pt x="4684" y="4204"/>
                  </a:cubicBezTo>
                  <a:cubicBezTo>
                    <a:pt x="4706" y="4226"/>
                    <a:pt x="4706" y="4232"/>
                    <a:pt x="4699" y="4232"/>
                  </a:cubicBezTo>
                  <a:cubicBezTo>
                    <a:pt x="4689" y="4232"/>
                    <a:pt x="4663" y="4219"/>
                    <a:pt x="4656" y="4219"/>
                  </a:cubicBezTo>
                  <a:cubicBezTo>
                    <a:pt x="4648" y="4219"/>
                    <a:pt x="4665" y="4236"/>
                    <a:pt x="4758" y="4304"/>
                  </a:cubicBezTo>
                  <a:cubicBezTo>
                    <a:pt x="4835" y="4364"/>
                    <a:pt x="4916" y="4415"/>
                    <a:pt x="5002" y="4459"/>
                  </a:cubicBezTo>
                  <a:cubicBezTo>
                    <a:pt x="5029" y="4473"/>
                    <a:pt x="5055" y="4485"/>
                    <a:pt x="5083" y="4501"/>
                  </a:cubicBezTo>
                  <a:cubicBezTo>
                    <a:pt x="5117" y="4522"/>
                    <a:pt x="5152" y="4543"/>
                    <a:pt x="5187" y="4566"/>
                  </a:cubicBezTo>
                  <a:cubicBezTo>
                    <a:pt x="5152" y="4536"/>
                    <a:pt x="5115" y="4508"/>
                    <a:pt x="5076" y="4482"/>
                  </a:cubicBezTo>
                  <a:lnTo>
                    <a:pt x="5076" y="4482"/>
                  </a:lnTo>
                  <a:cubicBezTo>
                    <a:pt x="5087" y="4488"/>
                    <a:pt x="5093" y="4490"/>
                    <a:pt x="5096" y="4490"/>
                  </a:cubicBezTo>
                  <a:cubicBezTo>
                    <a:pt x="5105" y="4490"/>
                    <a:pt x="5088" y="4473"/>
                    <a:pt x="5095" y="4473"/>
                  </a:cubicBezTo>
                  <a:cubicBezTo>
                    <a:pt x="5100" y="4473"/>
                    <a:pt x="5112" y="4479"/>
                    <a:pt x="5143" y="4496"/>
                  </a:cubicBezTo>
                  <a:cubicBezTo>
                    <a:pt x="5185" y="4549"/>
                    <a:pt x="5372" y="4670"/>
                    <a:pt x="5514" y="4763"/>
                  </a:cubicBezTo>
                  <a:cubicBezTo>
                    <a:pt x="5509" y="4761"/>
                    <a:pt x="5506" y="4761"/>
                    <a:pt x="5504" y="4761"/>
                  </a:cubicBezTo>
                  <a:cubicBezTo>
                    <a:pt x="5487" y="4761"/>
                    <a:pt x="5532" y="4800"/>
                    <a:pt x="5520" y="4800"/>
                  </a:cubicBezTo>
                  <a:cubicBezTo>
                    <a:pt x="5518" y="4800"/>
                    <a:pt x="5514" y="4798"/>
                    <a:pt x="5507" y="4795"/>
                  </a:cubicBezTo>
                  <a:lnTo>
                    <a:pt x="5507" y="4795"/>
                  </a:lnTo>
                  <a:cubicBezTo>
                    <a:pt x="5564" y="4830"/>
                    <a:pt x="5625" y="4862"/>
                    <a:pt x="5687" y="4888"/>
                  </a:cubicBezTo>
                  <a:cubicBezTo>
                    <a:pt x="5623" y="4843"/>
                    <a:pt x="5602" y="4827"/>
                    <a:pt x="5607" y="4827"/>
                  </a:cubicBezTo>
                  <a:cubicBezTo>
                    <a:pt x="5619" y="4827"/>
                    <a:pt x="5795" y="4932"/>
                    <a:pt x="5812" y="4932"/>
                  </a:cubicBezTo>
                  <a:cubicBezTo>
                    <a:pt x="5817" y="4932"/>
                    <a:pt x="5805" y="4921"/>
                    <a:pt x="5764" y="4890"/>
                  </a:cubicBezTo>
                  <a:lnTo>
                    <a:pt x="5764" y="4890"/>
                  </a:lnTo>
                  <a:cubicBezTo>
                    <a:pt x="5877" y="4962"/>
                    <a:pt x="5942" y="5008"/>
                    <a:pt x="5995" y="5048"/>
                  </a:cubicBezTo>
                  <a:cubicBezTo>
                    <a:pt x="6051" y="5087"/>
                    <a:pt x="6095" y="5122"/>
                    <a:pt x="6162" y="5168"/>
                  </a:cubicBezTo>
                  <a:cubicBezTo>
                    <a:pt x="6154" y="5168"/>
                    <a:pt x="6026" y="5099"/>
                    <a:pt x="6015" y="5099"/>
                  </a:cubicBezTo>
                  <a:cubicBezTo>
                    <a:pt x="6010" y="5099"/>
                    <a:pt x="6028" y="5113"/>
                    <a:pt x="6090" y="5152"/>
                  </a:cubicBezTo>
                  <a:cubicBezTo>
                    <a:pt x="6160" y="5185"/>
                    <a:pt x="6188" y="5196"/>
                    <a:pt x="6197" y="5196"/>
                  </a:cubicBezTo>
                  <a:cubicBezTo>
                    <a:pt x="6214" y="5196"/>
                    <a:pt x="6169" y="5161"/>
                    <a:pt x="6189" y="5161"/>
                  </a:cubicBezTo>
                  <a:cubicBezTo>
                    <a:pt x="6198" y="5161"/>
                    <a:pt x="6219" y="5168"/>
                    <a:pt x="6262" y="5186"/>
                  </a:cubicBezTo>
                  <a:lnTo>
                    <a:pt x="6116" y="5092"/>
                  </a:lnTo>
                  <a:cubicBezTo>
                    <a:pt x="6115" y="5088"/>
                    <a:pt x="6117" y="5087"/>
                    <a:pt x="6120" y="5087"/>
                  </a:cubicBezTo>
                  <a:cubicBezTo>
                    <a:pt x="6156" y="5087"/>
                    <a:pt x="6381" y="5239"/>
                    <a:pt x="6417" y="5254"/>
                  </a:cubicBezTo>
                  <a:cubicBezTo>
                    <a:pt x="6435" y="5266"/>
                    <a:pt x="6440" y="5270"/>
                    <a:pt x="6438" y="5270"/>
                  </a:cubicBezTo>
                  <a:cubicBezTo>
                    <a:pt x="6431" y="5270"/>
                    <a:pt x="6362" y="5234"/>
                    <a:pt x="6350" y="5234"/>
                  </a:cubicBezTo>
                  <a:cubicBezTo>
                    <a:pt x="6345" y="5234"/>
                    <a:pt x="6348" y="5239"/>
                    <a:pt x="6366" y="5254"/>
                  </a:cubicBezTo>
                  <a:cubicBezTo>
                    <a:pt x="6419" y="5288"/>
                    <a:pt x="6475" y="5319"/>
                    <a:pt x="6533" y="5346"/>
                  </a:cubicBezTo>
                  <a:cubicBezTo>
                    <a:pt x="6579" y="5367"/>
                    <a:pt x="6621" y="5393"/>
                    <a:pt x="6662" y="5418"/>
                  </a:cubicBezTo>
                  <a:cubicBezTo>
                    <a:pt x="6567" y="5388"/>
                    <a:pt x="6625" y="5411"/>
                    <a:pt x="6521" y="5372"/>
                  </a:cubicBezTo>
                  <a:lnTo>
                    <a:pt x="6521" y="5372"/>
                  </a:lnTo>
                  <a:cubicBezTo>
                    <a:pt x="6669" y="5453"/>
                    <a:pt x="6677" y="5462"/>
                    <a:pt x="6665" y="5462"/>
                  </a:cubicBezTo>
                  <a:cubicBezTo>
                    <a:pt x="6661" y="5462"/>
                    <a:pt x="6655" y="5461"/>
                    <a:pt x="6650" y="5461"/>
                  </a:cubicBezTo>
                  <a:cubicBezTo>
                    <a:pt x="6638" y="5461"/>
                    <a:pt x="6637" y="5469"/>
                    <a:pt x="6737" y="5529"/>
                  </a:cubicBezTo>
                  <a:cubicBezTo>
                    <a:pt x="6818" y="5569"/>
                    <a:pt x="6774" y="5529"/>
                    <a:pt x="6901" y="5601"/>
                  </a:cubicBezTo>
                  <a:cubicBezTo>
                    <a:pt x="6836" y="5543"/>
                    <a:pt x="6848" y="5543"/>
                    <a:pt x="6642" y="5427"/>
                  </a:cubicBezTo>
                  <a:lnTo>
                    <a:pt x="6642" y="5427"/>
                  </a:lnTo>
                  <a:cubicBezTo>
                    <a:pt x="6683" y="5437"/>
                    <a:pt x="6750" y="5474"/>
                    <a:pt x="6827" y="5520"/>
                  </a:cubicBezTo>
                  <a:cubicBezTo>
                    <a:pt x="6901" y="5566"/>
                    <a:pt x="6982" y="5608"/>
                    <a:pt x="7063" y="5643"/>
                  </a:cubicBezTo>
                  <a:cubicBezTo>
                    <a:pt x="7012" y="5610"/>
                    <a:pt x="6957" y="5583"/>
                    <a:pt x="6901" y="5557"/>
                  </a:cubicBezTo>
                  <a:cubicBezTo>
                    <a:pt x="6898" y="5538"/>
                    <a:pt x="6878" y="5519"/>
                    <a:pt x="6897" y="5519"/>
                  </a:cubicBezTo>
                  <a:cubicBezTo>
                    <a:pt x="6908" y="5519"/>
                    <a:pt x="6931" y="5525"/>
                    <a:pt x="6975" y="5539"/>
                  </a:cubicBezTo>
                  <a:cubicBezTo>
                    <a:pt x="6906" y="5508"/>
                    <a:pt x="6855" y="5488"/>
                    <a:pt x="6797" y="5464"/>
                  </a:cubicBezTo>
                  <a:cubicBezTo>
                    <a:pt x="6723" y="5432"/>
                    <a:pt x="6649" y="5395"/>
                    <a:pt x="6579" y="5353"/>
                  </a:cubicBezTo>
                  <a:cubicBezTo>
                    <a:pt x="6574" y="5346"/>
                    <a:pt x="6574" y="5343"/>
                    <a:pt x="6579" y="5343"/>
                  </a:cubicBezTo>
                  <a:cubicBezTo>
                    <a:pt x="6609" y="5343"/>
                    <a:pt x="6789" y="5442"/>
                    <a:pt x="6832" y="5442"/>
                  </a:cubicBezTo>
                  <a:cubicBezTo>
                    <a:pt x="6837" y="5442"/>
                    <a:pt x="6840" y="5441"/>
                    <a:pt x="6841" y="5439"/>
                  </a:cubicBezTo>
                  <a:cubicBezTo>
                    <a:pt x="6866" y="5448"/>
                    <a:pt x="6899" y="5467"/>
                    <a:pt x="6936" y="5483"/>
                  </a:cubicBezTo>
                  <a:cubicBezTo>
                    <a:pt x="6975" y="5502"/>
                    <a:pt x="7017" y="5525"/>
                    <a:pt x="7056" y="5548"/>
                  </a:cubicBezTo>
                  <a:cubicBezTo>
                    <a:pt x="7140" y="5592"/>
                    <a:pt x="7223" y="5643"/>
                    <a:pt x="7274" y="5675"/>
                  </a:cubicBezTo>
                  <a:lnTo>
                    <a:pt x="7584" y="5803"/>
                  </a:lnTo>
                  <a:cubicBezTo>
                    <a:pt x="7677" y="5842"/>
                    <a:pt x="7770" y="5877"/>
                    <a:pt x="7865" y="5905"/>
                  </a:cubicBezTo>
                  <a:cubicBezTo>
                    <a:pt x="8001" y="5974"/>
                    <a:pt x="8360" y="6108"/>
                    <a:pt x="8627" y="6215"/>
                  </a:cubicBezTo>
                  <a:cubicBezTo>
                    <a:pt x="8655" y="6240"/>
                    <a:pt x="8856" y="6318"/>
                    <a:pt x="8833" y="6318"/>
                  </a:cubicBezTo>
                  <a:cubicBezTo>
                    <a:pt x="8829" y="6318"/>
                    <a:pt x="8818" y="6315"/>
                    <a:pt x="8800" y="6310"/>
                  </a:cubicBezTo>
                  <a:lnTo>
                    <a:pt x="8800" y="6310"/>
                  </a:lnTo>
                  <a:cubicBezTo>
                    <a:pt x="8847" y="6325"/>
                    <a:pt x="8964" y="6364"/>
                    <a:pt x="8983" y="6364"/>
                  </a:cubicBezTo>
                  <a:cubicBezTo>
                    <a:pt x="8987" y="6364"/>
                    <a:pt x="8986" y="6362"/>
                    <a:pt x="8977" y="6356"/>
                  </a:cubicBezTo>
                  <a:cubicBezTo>
                    <a:pt x="8944" y="6347"/>
                    <a:pt x="8912" y="6335"/>
                    <a:pt x="8879" y="6322"/>
                  </a:cubicBezTo>
                  <a:lnTo>
                    <a:pt x="8928" y="6322"/>
                  </a:lnTo>
                  <a:cubicBezTo>
                    <a:pt x="9058" y="6375"/>
                    <a:pt x="9211" y="6410"/>
                    <a:pt x="9333" y="6463"/>
                  </a:cubicBezTo>
                  <a:cubicBezTo>
                    <a:pt x="9338" y="6466"/>
                    <a:pt x="9337" y="6468"/>
                    <a:pt x="9334" y="6468"/>
                  </a:cubicBezTo>
                  <a:cubicBezTo>
                    <a:pt x="9313" y="6468"/>
                    <a:pt x="9182" y="6421"/>
                    <a:pt x="9162" y="6421"/>
                  </a:cubicBezTo>
                  <a:cubicBezTo>
                    <a:pt x="9156" y="6421"/>
                    <a:pt x="9159" y="6424"/>
                    <a:pt x="9173" y="6433"/>
                  </a:cubicBezTo>
                  <a:cubicBezTo>
                    <a:pt x="9224" y="6442"/>
                    <a:pt x="9275" y="6456"/>
                    <a:pt x="9326" y="6470"/>
                  </a:cubicBezTo>
                  <a:cubicBezTo>
                    <a:pt x="9396" y="6488"/>
                    <a:pt x="9475" y="6509"/>
                    <a:pt x="9556" y="6532"/>
                  </a:cubicBezTo>
                  <a:cubicBezTo>
                    <a:pt x="9634" y="6556"/>
                    <a:pt x="9716" y="6581"/>
                    <a:pt x="9787" y="6604"/>
                  </a:cubicBezTo>
                  <a:cubicBezTo>
                    <a:pt x="9857" y="6627"/>
                    <a:pt x="9919" y="6644"/>
                    <a:pt x="9956" y="6657"/>
                  </a:cubicBezTo>
                  <a:cubicBezTo>
                    <a:pt x="10063" y="6690"/>
                    <a:pt x="10070" y="6715"/>
                    <a:pt x="10114" y="6732"/>
                  </a:cubicBezTo>
                  <a:lnTo>
                    <a:pt x="10297" y="6780"/>
                  </a:lnTo>
                  <a:cubicBezTo>
                    <a:pt x="10311" y="6794"/>
                    <a:pt x="10329" y="6806"/>
                    <a:pt x="10348" y="6817"/>
                  </a:cubicBezTo>
                  <a:cubicBezTo>
                    <a:pt x="10415" y="6838"/>
                    <a:pt x="10485" y="6852"/>
                    <a:pt x="10556" y="6861"/>
                  </a:cubicBezTo>
                  <a:cubicBezTo>
                    <a:pt x="10693" y="6903"/>
                    <a:pt x="10706" y="6916"/>
                    <a:pt x="10667" y="6916"/>
                  </a:cubicBezTo>
                  <a:cubicBezTo>
                    <a:pt x="10639" y="6916"/>
                    <a:pt x="10586" y="6910"/>
                    <a:pt x="10533" y="6903"/>
                  </a:cubicBezTo>
                  <a:lnTo>
                    <a:pt x="10401" y="6864"/>
                  </a:lnTo>
                  <a:cubicBezTo>
                    <a:pt x="10331" y="6856"/>
                    <a:pt x="10243" y="6831"/>
                    <a:pt x="10221" y="6831"/>
                  </a:cubicBezTo>
                  <a:cubicBezTo>
                    <a:pt x="10211" y="6831"/>
                    <a:pt x="10215" y="6836"/>
                    <a:pt x="10239" y="6850"/>
                  </a:cubicBezTo>
                  <a:cubicBezTo>
                    <a:pt x="10262" y="6857"/>
                    <a:pt x="10285" y="6860"/>
                    <a:pt x="10309" y="6860"/>
                  </a:cubicBezTo>
                  <a:cubicBezTo>
                    <a:pt x="10317" y="6860"/>
                    <a:pt x="10324" y="6860"/>
                    <a:pt x="10332" y="6859"/>
                  </a:cubicBezTo>
                  <a:lnTo>
                    <a:pt x="10408" y="6887"/>
                  </a:lnTo>
                  <a:cubicBezTo>
                    <a:pt x="10477" y="6896"/>
                    <a:pt x="10640" y="6931"/>
                    <a:pt x="10683" y="6931"/>
                  </a:cubicBezTo>
                  <a:cubicBezTo>
                    <a:pt x="10692" y="6931"/>
                    <a:pt x="10696" y="6930"/>
                    <a:pt x="10693" y="6926"/>
                  </a:cubicBezTo>
                  <a:lnTo>
                    <a:pt x="10693" y="6926"/>
                  </a:lnTo>
                  <a:cubicBezTo>
                    <a:pt x="10732" y="6938"/>
                    <a:pt x="10774" y="6952"/>
                    <a:pt x="10816" y="6961"/>
                  </a:cubicBezTo>
                  <a:lnTo>
                    <a:pt x="10946" y="6986"/>
                  </a:lnTo>
                  <a:cubicBezTo>
                    <a:pt x="11031" y="7003"/>
                    <a:pt x="11115" y="7021"/>
                    <a:pt x="11184" y="7040"/>
                  </a:cubicBezTo>
                  <a:cubicBezTo>
                    <a:pt x="11087" y="7012"/>
                    <a:pt x="11214" y="7030"/>
                    <a:pt x="11189" y="7012"/>
                  </a:cubicBezTo>
                  <a:lnTo>
                    <a:pt x="11015" y="6972"/>
                  </a:lnTo>
                  <a:lnTo>
                    <a:pt x="11254" y="7012"/>
                  </a:lnTo>
                  <a:lnTo>
                    <a:pt x="11316" y="7023"/>
                  </a:lnTo>
                  <a:lnTo>
                    <a:pt x="11379" y="7033"/>
                  </a:lnTo>
                  <a:cubicBezTo>
                    <a:pt x="11418" y="7040"/>
                    <a:pt x="11455" y="7047"/>
                    <a:pt x="11488" y="7056"/>
                  </a:cubicBezTo>
                  <a:cubicBezTo>
                    <a:pt x="11469" y="7063"/>
                    <a:pt x="11464" y="7065"/>
                    <a:pt x="11529" y="7084"/>
                  </a:cubicBezTo>
                  <a:cubicBezTo>
                    <a:pt x="11507" y="7077"/>
                    <a:pt x="11510" y="7075"/>
                    <a:pt x="11525" y="7075"/>
                  </a:cubicBezTo>
                  <a:cubicBezTo>
                    <a:pt x="11548" y="7075"/>
                    <a:pt x="11600" y="7080"/>
                    <a:pt x="11625" y="7080"/>
                  </a:cubicBezTo>
                  <a:cubicBezTo>
                    <a:pt x="11651" y="7080"/>
                    <a:pt x="11651" y="7075"/>
                    <a:pt x="11576" y="7056"/>
                  </a:cubicBezTo>
                  <a:cubicBezTo>
                    <a:pt x="11499" y="7049"/>
                    <a:pt x="11427" y="7040"/>
                    <a:pt x="11332" y="7023"/>
                  </a:cubicBezTo>
                  <a:cubicBezTo>
                    <a:pt x="11308" y="7011"/>
                    <a:pt x="11319" y="7007"/>
                    <a:pt x="11347" y="7007"/>
                  </a:cubicBezTo>
                  <a:cubicBezTo>
                    <a:pt x="11387" y="7007"/>
                    <a:pt x="11461" y="7015"/>
                    <a:pt x="11513" y="7016"/>
                  </a:cubicBezTo>
                  <a:lnTo>
                    <a:pt x="11731" y="7044"/>
                  </a:lnTo>
                  <a:cubicBezTo>
                    <a:pt x="11773" y="7049"/>
                    <a:pt x="11819" y="7056"/>
                    <a:pt x="11858" y="7058"/>
                  </a:cubicBezTo>
                  <a:lnTo>
                    <a:pt x="11979" y="7067"/>
                  </a:lnTo>
                  <a:cubicBezTo>
                    <a:pt x="12069" y="7081"/>
                    <a:pt x="12095" y="7109"/>
                    <a:pt x="12252" y="7114"/>
                  </a:cubicBezTo>
                  <a:cubicBezTo>
                    <a:pt x="12168" y="7096"/>
                    <a:pt x="12190" y="7090"/>
                    <a:pt x="12247" y="7090"/>
                  </a:cubicBezTo>
                  <a:cubicBezTo>
                    <a:pt x="12257" y="7090"/>
                    <a:pt x="12268" y="7090"/>
                    <a:pt x="12280" y="7091"/>
                  </a:cubicBezTo>
                  <a:lnTo>
                    <a:pt x="12345" y="7091"/>
                  </a:lnTo>
                  <a:lnTo>
                    <a:pt x="12410" y="7088"/>
                  </a:lnTo>
                  <a:cubicBezTo>
                    <a:pt x="12437" y="7088"/>
                    <a:pt x="12467" y="7086"/>
                    <a:pt x="12498" y="7081"/>
                  </a:cubicBezTo>
                  <a:cubicBezTo>
                    <a:pt x="12648" y="7102"/>
                    <a:pt x="12743" y="7081"/>
                    <a:pt x="12864" y="7107"/>
                  </a:cubicBezTo>
                  <a:cubicBezTo>
                    <a:pt x="12856" y="7107"/>
                    <a:pt x="12847" y="7108"/>
                    <a:pt x="12836" y="7108"/>
                  </a:cubicBezTo>
                  <a:cubicBezTo>
                    <a:pt x="12774" y="7108"/>
                    <a:pt x="12659" y="7101"/>
                    <a:pt x="12580" y="7101"/>
                  </a:cubicBezTo>
                  <a:cubicBezTo>
                    <a:pt x="12549" y="7101"/>
                    <a:pt x="12524" y="7102"/>
                    <a:pt x="12509" y="7105"/>
                  </a:cubicBezTo>
                  <a:cubicBezTo>
                    <a:pt x="12501" y="7116"/>
                    <a:pt x="12543" y="7139"/>
                    <a:pt x="12407" y="7139"/>
                  </a:cubicBezTo>
                  <a:cubicBezTo>
                    <a:pt x="12385" y="7139"/>
                    <a:pt x="12358" y="7138"/>
                    <a:pt x="12326" y="7137"/>
                  </a:cubicBezTo>
                  <a:lnTo>
                    <a:pt x="12326" y="7137"/>
                  </a:lnTo>
                  <a:cubicBezTo>
                    <a:pt x="12419" y="7146"/>
                    <a:pt x="12468" y="7149"/>
                    <a:pt x="12497" y="7149"/>
                  </a:cubicBezTo>
                  <a:cubicBezTo>
                    <a:pt x="12550" y="7149"/>
                    <a:pt x="12536" y="7139"/>
                    <a:pt x="12604" y="7139"/>
                  </a:cubicBezTo>
                  <a:cubicBezTo>
                    <a:pt x="12608" y="7139"/>
                    <a:pt x="12613" y="7139"/>
                    <a:pt x="12618" y="7139"/>
                  </a:cubicBezTo>
                  <a:lnTo>
                    <a:pt x="12523" y="7135"/>
                  </a:lnTo>
                  <a:cubicBezTo>
                    <a:pt x="12560" y="7133"/>
                    <a:pt x="12508" y="7119"/>
                    <a:pt x="12541" y="7119"/>
                  </a:cubicBezTo>
                  <a:cubicBezTo>
                    <a:pt x="12547" y="7119"/>
                    <a:pt x="12556" y="7120"/>
                    <a:pt x="12569" y="7121"/>
                  </a:cubicBezTo>
                  <a:cubicBezTo>
                    <a:pt x="12655" y="7128"/>
                    <a:pt x="12715" y="7135"/>
                    <a:pt x="12771" y="7142"/>
                  </a:cubicBezTo>
                  <a:cubicBezTo>
                    <a:pt x="12824" y="7149"/>
                    <a:pt x="12868" y="7155"/>
                    <a:pt x="12910" y="7160"/>
                  </a:cubicBezTo>
                  <a:lnTo>
                    <a:pt x="13169" y="7193"/>
                  </a:lnTo>
                  <a:cubicBezTo>
                    <a:pt x="13121" y="7181"/>
                    <a:pt x="13223" y="7174"/>
                    <a:pt x="13274" y="7174"/>
                  </a:cubicBezTo>
                  <a:cubicBezTo>
                    <a:pt x="13487" y="7193"/>
                    <a:pt x="13271" y="7206"/>
                    <a:pt x="13401" y="7232"/>
                  </a:cubicBezTo>
                  <a:cubicBezTo>
                    <a:pt x="13475" y="7218"/>
                    <a:pt x="13621" y="7218"/>
                    <a:pt x="13570" y="7209"/>
                  </a:cubicBezTo>
                  <a:cubicBezTo>
                    <a:pt x="13582" y="7208"/>
                    <a:pt x="13591" y="7208"/>
                    <a:pt x="13599" y="7208"/>
                  </a:cubicBezTo>
                  <a:cubicBezTo>
                    <a:pt x="13646" y="7208"/>
                    <a:pt x="13620" y="7214"/>
                    <a:pt x="13672" y="7218"/>
                  </a:cubicBezTo>
                  <a:cubicBezTo>
                    <a:pt x="13741" y="7203"/>
                    <a:pt x="13811" y="7194"/>
                    <a:pt x="13882" y="7194"/>
                  </a:cubicBezTo>
                  <a:cubicBezTo>
                    <a:pt x="13890" y="7194"/>
                    <a:pt x="13898" y="7195"/>
                    <a:pt x="13906" y="7195"/>
                  </a:cubicBezTo>
                  <a:cubicBezTo>
                    <a:pt x="13896" y="7201"/>
                    <a:pt x="13883" y="7209"/>
                    <a:pt x="13800" y="7209"/>
                  </a:cubicBezTo>
                  <a:cubicBezTo>
                    <a:pt x="13796" y="7209"/>
                    <a:pt x="13791" y="7209"/>
                    <a:pt x="13786" y="7209"/>
                  </a:cubicBezTo>
                  <a:lnTo>
                    <a:pt x="13786" y="7209"/>
                  </a:lnTo>
                  <a:cubicBezTo>
                    <a:pt x="13823" y="7210"/>
                    <a:pt x="13859" y="7215"/>
                    <a:pt x="13894" y="7225"/>
                  </a:cubicBezTo>
                  <a:cubicBezTo>
                    <a:pt x="13915" y="7232"/>
                    <a:pt x="13913" y="7241"/>
                    <a:pt x="13885" y="7248"/>
                  </a:cubicBezTo>
                  <a:lnTo>
                    <a:pt x="13681" y="7241"/>
                  </a:lnTo>
                  <a:lnTo>
                    <a:pt x="13681" y="7241"/>
                  </a:lnTo>
                  <a:cubicBezTo>
                    <a:pt x="13589" y="7260"/>
                    <a:pt x="13871" y="7246"/>
                    <a:pt x="13864" y="7260"/>
                  </a:cubicBezTo>
                  <a:cubicBezTo>
                    <a:pt x="13839" y="7262"/>
                    <a:pt x="13815" y="7262"/>
                    <a:pt x="13793" y="7262"/>
                  </a:cubicBezTo>
                  <a:cubicBezTo>
                    <a:pt x="13746" y="7262"/>
                    <a:pt x="13706" y="7259"/>
                    <a:pt x="13669" y="7259"/>
                  </a:cubicBezTo>
                  <a:cubicBezTo>
                    <a:pt x="13662" y="7259"/>
                    <a:pt x="13656" y="7259"/>
                    <a:pt x="13649" y="7260"/>
                  </a:cubicBezTo>
                  <a:cubicBezTo>
                    <a:pt x="13677" y="7265"/>
                    <a:pt x="13707" y="7267"/>
                    <a:pt x="13738" y="7267"/>
                  </a:cubicBezTo>
                  <a:cubicBezTo>
                    <a:pt x="13759" y="7267"/>
                    <a:pt x="13781" y="7266"/>
                    <a:pt x="13802" y="7264"/>
                  </a:cubicBezTo>
                  <a:cubicBezTo>
                    <a:pt x="13834" y="7262"/>
                    <a:pt x="13867" y="7262"/>
                    <a:pt x="13899" y="7260"/>
                  </a:cubicBezTo>
                  <a:cubicBezTo>
                    <a:pt x="13931" y="7255"/>
                    <a:pt x="13962" y="7253"/>
                    <a:pt x="13987" y="7250"/>
                  </a:cubicBezTo>
                  <a:cubicBezTo>
                    <a:pt x="14012" y="7249"/>
                    <a:pt x="14032" y="7249"/>
                    <a:pt x="14048" y="7249"/>
                  </a:cubicBezTo>
                  <a:cubicBezTo>
                    <a:pt x="14135" y="7249"/>
                    <a:pt x="14094" y="7263"/>
                    <a:pt x="14096" y="7271"/>
                  </a:cubicBezTo>
                  <a:cubicBezTo>
                    <a:pt x="14374" y="7227"/>
                    <a:pt x="13772" y="7262"/>
                    <a:pt x="14031" y="7223"/>
                  </a:cubicBezTo>
                  <a:cubicBezTo>
                    <a:pt x="14108" y="7206"/>
                    <a:pt x="14184" y="7197"/>
                    <a:pt x="14263" y="7193"/>
                  </a:cubicBezTo>
                  <a:lnTo>
                    <a:pt x="14409" y="7181"/>
                  </a:lnTo>
                  <a:lnTo>
                    <a:pt x="14550" y="7165"/>
                  </a:lnTo>
                  <a:cubicBezTo>
                    <a:pt x="14399" y="7160"/>
                    <a:pt x="14564" y="7132"/>
                    <a:pt x="14742" y="7107"/>
                  </a:cubicBezTo>
                  <a:lnTo>
                    <a:pt x="14742" y="7107"/>
                  </a:lnTo>
                  <a:cubicBezTo>
                    <a:pt x="14684" y="7113"/>
                    <a:pt x="14651" y="7114"/>
                    <a:pt x="14631" y="7114"/>
                  </a:cubicBezTo>
                  <a:cubicBezTo>
                    <a:pt x="14599" y="7114"/>
                    <a:pt x="14594" y="7110"/>
                    <a:pt x="14572" y="7110"/>
                  </a:cubicBezTo>
                  <a:cubicBezTo>
                    <a:pt x="14550" y="7110"/>
                    <a:pt x="14510" y="7114"/>
                    <a:pt x="14409" y="7130"/>
                  </a:cubicBezTo>
                  <a:lnTo>
                    <a:pt x="14402" y="7114"/>
                  </a:lnTo>
                  <a:cubicBezTo>
                    <a:pt x="14518" y="7102"/>
                    <a:pt x="14657" y="7095"/>
                    <a:pt x="14772" y="7084"/>
                  </a:cubicBezTo>
                  <a:lnTo>
                    <a:pt x="14772" y="7084"/>
                  </a:lnTo>
                  <a:cubicBezTo>
                    <a:pt x="14751" y="7090"/>
                    <a:pt x="14770" y="7092"/>
                    <a:pt x="14746" y="7096"/>
                  </a:cubicBezTo>
                  <a:lnTo>
                    <a:pt x="14746" y="7096"/>
                  </a:lnTo>
                  <a:cubicBezTo>
                    <a:pt x="14859" y="7080"/>
                    <a:pt x="14970" y="7062"/>
                    <a:pt x="15083" y="7044"/>
                  </a:cubicBezTo>
                  <a:lnTo>
                    <a:pt x="15083" y="7044"/>
                  </a:lnTo>
                  <a:lnTo>
                    <a:pt x="15048" y="7060"/>
                  </a:lnTo>
                  <a:cubicBezTo>
                    <a:pt x="15261" y="7030"/>
                    <a:pt x="15523" y="6993"/>
                    <a:pt x="15648" y="6959"/>
                  </a:cubicBezTo>
                  <a:lnTo>
                    <a:pt x="15648" y="6959"/>
                  </a:lnTo>
                  <a:cubicBezTo>
                    <a:pt x="15597" y="6970"/>
                    <a:pt x="15549" y="6977"/>
                    <a:pt x="15527" y="6977"/>
                  </a:cubicBezTo>
                  <a:cubicBezTo>
                    <a:pt x="15504" y="6977"/>
                    <a:pt x="15508" y="6970"/>
                    <a:pt x="15560" y="6956"/>
                  </a:cubicBezTo>
                  <a:cubicBezTo>
                    <a:pt x="15648" y="6928"/>
                    <a:pt x="15736" y="6905"/>
                    <a:pt x="15826" y="6887"/>
                  </a:cubicBezTo>
                  <a:cubicBezTo>
                    <a:pt x="15828" y="6887"/>
                    <a:pt x="15831" y="6887"/>
                    <a:pt x="15834" y="6887"/>
                  </a:cubicBezTo>
                  <a:cubicBezTo>
                    <a:pt x="15884" y="6887"/>
                    <a:pt x="16057" y="6848"/>
                    <a:pt x="16085" y="6848"/>
                  </a:cubicBezTo>
                  <a:cubicBezTo>
                    <a:pt x="16098" y="6848"/>
                    <a:pt x="16082" y="6856"/>
                    <a:pt x="16016" y="6877"/>
                  </a:cubicBezTo>
                  <a:cubicBezTo>
                    <a:pt x="16090" y="6857"/>
                    <a:pt x="16137" y="6845"/>
                    <a:pt x="16174" y="6833"/>
                  </a:cubicBezTo>
                  <a:cubicBezTo>
                    <a:pt x="16209" y="6822"/>
                    <a:pt x="16232" y="6813"/>
                    <a:pt x="16250" y="6803"/>
                  </a:cubicBezTo>
                  <a:cubicBezTo>
                    <a:pt x="16294" y="6787"/>
                    <a:pt x="16336" y="6771"/>
                    <a:pt x="16473" y="6727"/>
                  </a:cubicBezTo>
                  <a:lnTo>
                    <a:pt x="16473" y="6727"/>
                  </a:lnTo>
                  <a:lnTo>
                    <a:pt x="16290" y="6785"/>
                  </a:lnTo>
                  <a:cubicBezTo>
                    <a:pt x="16268" y="6778"/>
                    <a:pt x="16349" y="6737"/>
                    <a:pt x="16307" y="6737"/>
                  </a:cubicBezTo>
                  <a:cubicBezTo>
                    <a:pt x="16294" y="6737"/>
                    <a:pt x="16269" y="6740"/>
                    <a:pt x="16227" y="6750"/>
                  </a:cubicBezTo>
                  <a:cubicBezTo>
                    <a:pt x="16280" y="6736"/>
                    <a:pt x="16329" y="6715"/>
                    <a:pt x="16373" y="6685"/>
                  </a:cubicBezTo>
                  <a:cubicBezTo>
                    <a:pt x="16392" y="6674"/>
                    <a:pt x="16410" y="6664"/>
                    <a:pt x="16429" y="6655"/>
                  </a:cubicBezTo>
                  <a:cubicBezTo>
                    <a:pt x="16459" y="6646"/>
                    <a:pt x="16500" y="6630"/>
                    <a:pt x="16570" y="6606"/>
                  </a:cubicBezTo>
                  <a:cubicBezTo>
                    <a:pt x="16589" y="6602"/>
                    <a:pt x="16601" y="6600"/>
                    <a:pt x="16607" y="6600"/>
                  </a:cubicBezTo>
                  <a:cubicBezTo>
                    <a:pt x="16620" y="6600"/>
                    <a:pt x="16608" y="6609"/>
                    <a:pt x="16581" y="6623"/>
                  </a:cubicBezTo>
                  <a:cubicBezTo>
                    <a:pt x="16561" y="6632"/>
                    <a:pt x="16533" y="6646"/>
                    <a:pt x="16500" y="6660"/>
                  </a:cubicBezTo>
                  <a:cubicBezTo>
                    <a:pt x="16468" y="6671"/>
                    <a:pt x="16429" y="6685"/>
                    <a:pt x="16392" y="6697"/>
                  </a:cubicBezTo>
                  <a:cubicBezTo>
                    <a:pt x="16431" y="6685"/>
                    <a:pt x="16468" y="6678"/>
                    <a:pt x="16507" y="6667"/>
                  </a:cubicBezTo>
                  <a:cubicBezTo>
                    <a:pt x="16547" y="6657"/>
                    <a:pt x="16584" y="6644"/>
                    <a:pt x="16621" y="6625"/>
                  </a:cubicBezTo>
                  <a:cubicBezTo>
                    <a:pt x="16624" y="6625"/>
                    <a:pt x="16626" y="6625"/>
                    <a:pt x="16628" y="6625"/>
                  </a:cubicBezTo>
                  <a:cubicBezTo>
                    <a:pt x="16666" y="6625"/>
                    <a:pt x="16480" y="6695"/>
                    <a:pt x="16489" y="6697"/>
                  </a:cubicBezTo>
                  <a:cubicBezTo>
                    <a:pt x="16632" y="6653"/>
                    <a:pt x="16484" y="6690"/>
                    <a:pt x="16616" y="6644"/>
                  </a:cubicBezTo>
                  <a:cubicBezTo>
                    <a:pt x="16846" y="6551"/>
                    <a:pt x="16776" y="6620"/>
                    <a:pt x="16994" y="6532"/>
                  </a:cubicBezTo>
                  <a:lnTo>
                    <a:pt x="16994" y="6532"/>
                  </a:lnTo>
                  <a:cubicBezTo>
                    <a:pt x="16960" y="6544"/>
                    <a:pt x="16907" y="6560"/>
                    <a:pt x="16897" y="6560"/>
                  </a:cubicBezTo>
                  <a:cubicBezTo>
                    <a:pt x="16892" y="6560"/>
                    <a:pt x="16896" y="6557"/>
                    <a:pt x="16913" y="6549"/>
                  </a:cubicBezTo>
                  <a:cubicBezTo>
                    <a:pt x="17212" y="6442"/>
                    <a:pt x="17075" y="6477"/>
                    <a:pt x="17286" y="6386"/>
                  </a:cubicBezTo>
                  <a:cubicBezTo>
                    <a:pt x="17325" y="6377"/>
                    <a:pt x="17362" y="6375"/>
                    <a:pt x="17402" y="6375"/>
                  </a:cubicBezTo>
                  <a:cubicBezTo>
                    <a:pt x="17422" y="6375"/>
                    <a:pt x="17441" y="6370"/>
                    <a:pt x="17459" y="6366"/>
                  </a:cubicBezTo>
                  <a:cubicBezTo>
                    <a:pt x="17488" y="6358"/>
                    <a:pt x="17516" y="6349"/>
                    <a:pt x="17543" y="6338"/>
                  </a:cubicBezTo>
                  <a:lnTo>
                    <a:pt x="17543" y="6338"/>
                  </a:lnTo>
                  <a:cubicBezTo>
                    <a:pt x="17515" y="6350"/>
                    <a:pt x="17488" y="6362"/>
                    <a:pt x="17459" y="6373"/>
                  </a:cubicBezTo>
                  <a:cubicBezTo>
                    <a:pt x="17543" y="6349"/>
                    <a:pt x="17626" y="6322"/>
                    <a:pt x="17703" y="6284"/>
                  </a:cubicBezTo>
                  <a:cubicBezTo>
                    <a:pt x="17754" y="6261"/>
                    <a:pt x="17800" y="6238"/>
                    <a:pt x="17849" y="6215"/>
                  </a:cubicBezTo>
                  <a:lnTo>
                    <a:pt x="17985" y="6141"/>
                  </a:lnTo>
                  <a:cubicBezTo>
                    <a:pt x="18073" y="6092"/>
                    <a:pt x="18161" y="6044"/>
                    <a:pt x="18247" y="5993"/>
                  </a:cubicBezTo>
                  <a:lnTo>
                    <a:pt x="18377" y="5914"/>
                  </a:lnTo>
                  <a:cubicBezTo>
                    <a:pt x="18421" y="5888"/>
                    <a:pt x="18462" y="5863"/>
                    <a:pt x="18506" y="5835"/>
                  </a:cubicBezTo>
                  <a:lnTo>
                    <a:pt x="18684" y="5725"/>
                  </a:lnTo>
                  <a:lnTo>
                    <a:pt x="18684" y="5725"/>
                  </a:lnTo>
                  <a:cubicBezTo>
                    <a:pt x="18671" y="5733"/>
                    <a:pt x="18657" y="5741"/>
                    <a:pt x="18643" y="5749"/>
                  </a:cubicBezTo>
                  <a:cubicBezTo>
                    <a:pt x="18638" y="5751"/>
                    <a:pt x="18636" y="5752"/>
                    <a:pt x="18634" y="5752"/>
                  </a:cubicBezTo>
                  <a:cubicBezTo>
                    <a:pt x="18621" y="5752"/>
                    <a:pt x="18754" y="5677"/>
                    <a:pt x="18747" y="5671"/>
                  </a:cubicBezTo>
                  <a:lnTo>
                    <a:pt x="18840" y="5629"/>
                  </a:lnTo>
                  <a:cubicBezTo>
                    <a:pt x="18841" y="5626"/>
                    <a:pt x="18841" y="5625"/>
                    <a:pt x="18838" y="5625"/>
                  </a:cubicBezTo>
                  <a:cubicBezTo>
                    <a:pt x="18827" y="5625"/>
                    <a:pt x="18787" y="5645"/>
                    <a:pt x="18750" y="5664"/>
                  </a:cubicBezTo>
                  <a:cubicBezTo>
                    <a:pt x="18718" y="5680"/>
                    <a:pt x="18686" y="5694"/>
                    <a:pt x="18677" y="5694"/>
                  </a:cubicBezTo>
                  <a:cubicBezTo>
                    <a:pt x="18674" y="5694"/>
                    <a:pt x="18674" y="5691"/>
                    <a:pt x="18680" y="5685"/>
                  </a:cubicBezTo>
                  <a:cubicBezTo>
                    <a:pt x="18701" y="5675"/>
                    <a:pt x="18720" y="5666"/>
                    <a:pt x="18738" y="5654"/>
                  </a:cubicBezTo>
                  <a:lnTo>
                    <a:pt x="18738" y="5654"/>
                  </a:lnTo>
                  <a:lnTo>
                    <a:pt x="18657" y="5694"/>
                  </a:lnTo>
                  <a:cubicBezTo>
                    <a:pt x="18740" y="5650"/>
                    <a:pt x="18821" y="5599"/>
                    <a:pt x="18898" y="5546"/>
                  </a:cubicBezTo>
                  <a:cubicBezTo>
                    <a:pt x="18965" y="5502"/>
                    <a:pt x="19037" y="5460"/>
                    <a:pt x="19111" y="5427"/>
                  </a:cubicBezTo>
                  <a:lnTo>
                    <a:pt x="19111" y="5427"/>
                  </a:lnTo>
                  <a:cubicBezTo>
                    <a:pt x="19028" y="5483"/>
                    <a:pt x="18981" y="5511"/>
                    <a:pt x="18958" y="5532"/>
                  </a:cubicBezTo>
                  <a:cubicBezTo>
                    <a:pt x="18933" y="5552"/>
                    <a:pt x="18930" y="5559"/>
                    <a:pt x="18926" y="5569"/>
                  </a:cubicBezTo>
                  <a:cubicBezTo>
                    <a:pt x="18921" y="5587"/>
                    <a:pt x="18917" y="5605"/>
                    <a:pt x="18764" y="5700"/>
                  </a:cubicBezTo>
                  <a:lnTo>
                    <a:pt x="18764" y="5700"/>
                  </a:lnTo>
                  <a:cubicBezTo>
                    <a:pt x="18813" y="5669"/>
                    <a:pt x="18833" y="5659"/>
                    <a:pt x="18838" y="5659"/>
                  </a:cubicBezTo>
                  <a:cubicBezTo>
                    <a:pt x="18849" y="5659"/>
                    <a:pt x="18798" y="5701"/>
                    <a:pt x="18809" y="5701"/>
                  </a:cubicBezTo>
                  <a:cubicBezTo>
                    <a:pt x="18809" y="5701"/>
                    <a:pt x="18809" y="5701"/>
                    <a:pt x="18810" y="5701"/>
                  </a:cubicBezTo>
                  <a:cubicBezTo>
                    <a:pt x="18907" y="5647"/>
                    <a:pt x="18849" y="5664"/>
                    <a:pt x="18960" y="5603"/>
                  </a:cubicBezTo>
                  <a:lnTo>
                    <a:pt x="18960" y="5603"/>
                  </a:lnTo>
                  <a:cubicBezTo>
                    <a:pt x="18964" y="5613"/>
                    <a:pt x="18802" y="5719"/>
                    <a:pt x="18817" y="5719"/>
                  </a:cubicBezTo>
                  <a:cubicBezTo>
                    <a:pt x="18820" y="5719"/>
                    <a:pt x="18828" y="5716"/>
                    <a:pt x="18845" y="5708"/>
                  </a:cubicBezTo>
                  <a:cubicBezTo>
                    <a:pt x="18847" y="5685"/>
                    <a:pt x="18944" y="5631"/>
                    <a:pt x="18984" y="5592"/>
                  </a:cubicBezTo>
                  <a:cubicBezTo>
                    <a:pt x="19008" y="5580"/>
                    <a:pt x="19019" y="5576"/>
                    <a:pt x="19022" y="5576"/>
                  </a:cubicBezTo>
                  <a:cubicBezTo>
                    <a:pt x="19029" y="5576"/>
                    <a:pt x="19011" y="5590"/>
                    <a:pt x="19017" y="5590"/>
                  </a:cubicBezTo>
                  <a:cubicBezTo>
                    <a:pt x="19019" y="5590"/>
                    <a:pt x="19022" y="5590"/>
                    <a:pt x="19028" y="5587"/>
                  </a:cubicBezTo>
                  <a:cubicBezTo>
                    <a:pt x="19069" y="5559"/>
                    <a:pt x="19093" y="5539"/>
                    <a:pt x="19132" y="5515"/>
                  </a:cubicBezTo>
                  <a:lnTo>
                    <a:pt x="19132" y="5515"/>
                  </a:lnTo>
                  <a:lnTo>
                    <a:pt x="19109" y="5546"/>
                  </a:lnTo>
                  <a:cubicBezTo>
                    <a:pt x="19333" y="5418"/>
                    <a:pt x="19167" y="5490"/>
                    <a:pt x="19415" y="5335"/>
                  </a:cubicBezTo>
                  <a:cubicBezTo>
                    <a:pt x="19415" y="5333"/>
                    <a:pt x="19413" y="5332"/>
                    <a:pt x="19411" y="5332"/>
                  </a:cubicBezTo>
                  <a:cubicBezTo>
                    <a:pt x="19395" y="5332"/>
                    <a:pt x="19327" y="5378"/>
                    <a:pt x="19238" y="5437"/>
                  </a:cubicBezTo>
                  <a:cubicBezTo>
                    <a:pt x="19238" y="5437"/>
                    <a:pt x="19237" y="5437"/>
                    <a:pt x="19237" y="5437"/>
                  </a:cubicBezTo>
                  <a:cubicBezTo>
                    <a:pt x="19207" y="5437"/>
                    <a:pt x="19282" y="5380"/>
                    <a:pt x="19357" y="5321"/>
                  </a:cubicBezTo>
                  <a:cubicBezTo>
                    <a:pt x="19435" y="5261"/>
                    <a:pt x="19514" y="5191"/>
                    <a:pt x="19493" y="5184"/>
                  </a:cubicBezTo>
                  <a:cubicBezTo>
                    <a:pt x="19561" y="5136"/>
                    <a:pt x="19583" y="5122"/>
                    <a:pt x="19587" y="5122"/>
                  </a:cubicBezTo>
                  <a:cubicBezTo>
                    <a:pt x="19592" y="5122"/>
                    <a:pt x="19556" y="5154"/>
                    <a:pt x="19566" y="5154"/>
                  </a:cubicBezTo>
                  <a:cubicBezTo>
                    <a:pt x="19571" y="5154"/>
                    <a:pt x="19591" y="5144"/>
                    <a:pt x="19642" y="5112"/>
                  </a:cubicBezTo>
                  <a:cubicBezTo>
                    <a:pt x="19657" y="5104"/>
                    <a:pt x="19667" y="5101"/>
                    <a:pt x="19671" y="5101"/>
                  </a:cubicBezTo>
                  <a:cubicBezTo>
                    <a:pt x="19681" y="5101"/>
                    <a:pt x="19655" y="5126"/>
                    <a:pt x="19616" y="5156"/>
                  </a:cubicBezTo>
                  <a:cubicBezTo>
                    <a:pt x="19563" y="5198"/>
                    <a:pt x="19491" y="5251"/>
                    <a:pt x="19470" y="5275"/>
                  </a:cubicBezTo>
                  <a:lnTo>
                    <a:pt x="19681" y="5149"/>
                  </a:lnTo>
                  <a:lnTo>
                    <a:pt x="19681" y="5149"/>
                  </a:lnTo>
                  <a:cubicBezTo>
                    <a:pt x="19630" y="5219"/>
                    <a:pt x="19498" y="5298"/>
                    <a:pt x="19479" y="5344"/>
                  </a:cubicBezTo>
                  <a:cubicBezTo>
                    <a:pt x="19553" y="5293"/>
                    <a:pt x="19586" y="5268"/>
                    <a:pt x="19618" y="5242"/>
                  </a:cubicBezTo>
                  <a:cubicBezTo>
                    <a:pt x="19651" y="5217"/>
                    <a:pt x="19683" y="5193"/>
                    <a:pt x="19755" y="5133"/>
                  </a:cubicBezTo>
                  <a:lnTo>
                    <a:pt x="19755" y="5133"/>
                  </a:lnTo>
                  <a:cubicBezTo>
                    <a:pt x="19725" y="5154"/>
                    <a:pt x="19692" y="5173"/>
                    <a:pt x="19658" y="5186"/>
                  </a:cubicBezTo>
                  <a:cubicBezTo>
                    <a:pt x="19653" y="5186"/>
                    <a:pt x="19669" y="5173"/>
                    <a:pt x="19688" y="5156"/>
                  </a:cubicBezTo>
                  <a:cubicBezTo>
                    <a:pt x="19714" y="5133"/>
                    <a:pt x="19746" y="5104"/>
                    <a:pt x="19733" y="5104"/>
                  </a:cubicBezTo>
                  <a:cubicBezTo>
                    <a:pt x="19728" y="5104"/>
                    <a:pt x="19716" y="5108"/>
                    <a:pt x="19695" y="5119"/>
                  </a:cubicBezTo>
                  <a:cubicBezTo>
                    <a:pt x="19781" y="5071"/>
                    <a:pt x="19864" y="5015"/>
                    <a:pt x="19943" y="4957"/>
                  </a:cubicBezTo>
                  <a:lnTo>
                    <a:pt x="19943" y="4957"/>
                  </a:lnTo>
                  <a:cubicBezTo>
                    <a:pt x="19853" y="5028"/>
                    <a:pt x="19932" y="4988"/>
                    <a:pt x="19849" y="5052"/>
                  </a:cubicBezTo>
                  <a:lnTo>
                    <a:pt x="19849" y="5052"/>
                  </a:lnTo>
                  <a:cubicBezTo>
                    <a:pt x="20027" y="4919"/>
                    <a:pt x="19982" y="4945"/>
                    <a:pt x="20184" y="4786"/>
                  </a:cubicBezTo>
                  <a:cubicBezTo>
                    <a:pt x="20191" y="4776"/>
                    <a:pt x="20192" y="4772"/>
                    <a:pt x="20188" y="4772"/>
                  </a:cubicBezTo>
                  <a:cubicBezTo>
                    <a:pt x="20175" y="4772"/>
                    <a:pt x="20107" y="4818"/>
                    <a:pt x="20098" y="4818"/>
                  </a:cubicBezTo>
                  <a:cubicBezTo>
                    <a:pt x="20092" y="4818"/>
                    <a:pt x="20114" y="4797"/>
                    <a:pt x="20200" y="4723"/>
                  </a:cubicBezTo>
                  <a:cubicBezTo>
                    <a:pt x="20226" y="4703"/>
                    <a:pt x="20238" y="4695"/>
                    <a:pt x="20241" y="4695"/>
                  </a:cubicBezTo>
                  <a:cubicBezTo>
                    <a:pt x="20243" y="4695"/>
                    <a:pt x="20233" y="4705"/>
                    <a:pt x="20216" y="4719"/>
                  </a:cubicBezTo>
                  <a:cubicBezTo>
                    <a:pt x="20283" y="4667"/>
                    <a:pt x="20295" y="4655"/>
                    <a:pt x="20288" y="4655"/>
                  </a:cubicBezTo>
                  <a:cubicBezTo>
                    <a:pt x="20281" y="4655"/>
                    <a:pt x="20256" y="4666"/>
                    <a:pt x="20246" y="4666"/>
                  </a:cubicBezTo>
                  <a:cubicBezTo>
                    <a:pt x="20237" y="4666"/>
                    <a:pt x="20239" y="4658"/>
                    <a:pt x="20269" y="4628"/>
                  </a:cubicBezTo>
                  <a:cubicBezTo>
                    <a:pt x="20322" y="4584"/>
                    <a:pt x="20355" y="4561"/>
                    <a:pt x="20360" y="4561"/>
                  </a:cubicBezTo>
                  <a:cubicBezTo>
                    <a:pt x="20363" y="4561"/>
                    <a:pt x="20360" y="4566"/>
                    <a:pt x="20350" y="4575"/>
                  </a:cubicBezTo>
                  <a:cubicBezTo>
                    <a:pt x="20459" y="4471"/>
                    <a:pt x="20387" y="4512"/>
                    <a:pt x="20462" y="4445"/>
                  </a:cubicBezTo>
                  <a:lnTo>
                    <a:pt x="20462" y="4445"/>
                  </a:lnTo>
                  <a:lnTo>
                    <a:pt x="20424" y="4475"/>
                  </a:lnTo>
                  <a:cubicBezTo>
                    <a:pt x="20438" y="4459"/>
                    <a:pt x="20420" y="4464"/>
                    <a:pt x="20418" y="4457"/>
                  </a:cubicBezTo>
                  <a:cubicBezTo>
                    <a:pt x="20413" y="4448"/>
                    <a:pt x="20429" y="4427"/>
                    <a:pt x="20510" y="4355"/>
                  </a:cubicBezTo>
                  <a:cubicBezTo>
                    <a:pt x="20575" y="4296"/>
                    <a:pt x="20595" y="4282"/>
                    <a:pt x="20601" y="4282"/>
                  </a:cubicBezTo>
                  <a:cubicBezTo>
                    <a:pt x="20606" y="4282"/>
                    <a:pt x="20602" y="4291"/>
                    <a:pt x="20605" y="4292"/>
                  </a:cubicBezTo>
                  <a:cubicBezTo>
                    <a:pt x="20649" y="4248"/>
                    <a:pt x="20691" y="4214"/>
                    <a:pt x="20728" y="4181"/>
                  </a:cubicBezTo>
                  <a:cubicBezTo>
                    <a:pt x="20767" y="4149"/>
                    <a:pt x="20800" y="4119"/>
                    <a:pt x="20834" y="4093"/>
                  </a:cubicBezTo>
                  <a:lnTo>
                    <a:pt x="20834" y="4093"/>
                  </a:lnTo>
                  <a:cubicBezTo>
                    <a:pt x="20833" y="4094"/>
                    <a:pt x="20832" y="4094"/>
                    <a:pt x="20831" y="4094"/>
                  </a:cubicBezTo>
                  <a:cubicBezTo>
                    <a:pt x="20827" y="4094"/>
                    <a:pt x="20834" y="4084"/>
                    <a:pt x="20855" y="4061"/>
                  </a:cubicBezTo>
                  <a:cubicBezTo>
                    <a:pt x="21004" y="3912"/>
                    <a:pt x="20957" y="3991"/>
                    <a:pt x="21015" y="3938"/>
                  </a:cubicBezTo>
                  <a:cubicBezTo>
                    <a:pt x="21233" y="3734"/>
                    <a:pt x="20962" y="3938"/>
                    <a:pt x="21196" y="3702"/>
                  </a:cubicBezTo>
                  <a:lnTo>
                    <a:pt x="21196" y="3702"/>
                  </a:lnTo>
                  <a:lnTo>
                    <a:pt x="21057" y="3836"/>
                  </a:lnTo>
                  <a:cubicBezTo>
                    <a:pt x="21011" y="3882"/>
                    <a:pt x="20967" y="3926"/>
                    <a:pt x="20918" y="3970"/>
                  </a:cubicBezTo>
                  <a:cubicBezTo>
                    <a:pt x="20920" y="3962"/>
                    <a:pt x="20920" y="3953"/>
                    <a:pt x="20913" y="3953"/>
                  </a:cubicBezTo>
                  <a:cubicBezTo>
                    <a:pt x="20905" y="3953"/>
                    <a:pt x="20889" y="3963"/>
                    <a:pt x="20858" y="3994"/>
                  </a:cubicBezTo>
                  <a:cubicBezTo>
                    <a:pt x="20862" y="4007"/>
                    <a:pt x="20772" y="4114"/>
                    <a:pt x="20675" y="4197"/>
                  </a:cubicBezTo>
                  <a:cubicBezTo>
                    <a:pt x="20674" y="4198"/>
                    <a:pt x="20673" y="4198"/>
                    <a:pt x="20672" y="4198"/>
                  </a:cubicBezTo>
                  <a:cubicBezTo>
                    <a:pt x="20656" y="4198"/>
                    <a:pt x="20815" y="4043"/>
                    <a:pt x="20799" y="4043"/>
                  </a:cubicBezTo>
                  <a:cubicBezTo>
                    <a:pt x="20795" y="4043"/>
                    <a:pt x="20779" y="4054"/>
                    <a:pt x="20744" y="4082"/>
                  </a:cubicBezTo>
                  <a:cubicBezTo>
                    <a:pt x="20802" y="4031"/>
                    <a:pt x="20879" y="3954"/>
                    <a:pt x="20948" y="3889"/>
                  </a:cubicBezTo>
                  <a:lnTo>
                    <a:pt x="20948" y="3889"/>
                  </a:lnTo>
                  <a:cubicBezTo>
                    <a:pt x="20941" y="3899"/>
                    <a:pt x="20939" y="3904"/>
                    <a:pt x="20941" y="3904"/>
                  </a:cubicBezTo>
                  <a:cubicBezTo>
                    <a:pt x="20951" y="3904"/>
                    <a:pt x="21077" y="3772"/>
                    <a:pt x="21086" y="3772"/>
                  </a:cubicBezTo>
                  <a:cubicBezTo>
                    <a:pt x="21089" y="3772"/>
                    <a:pt x="21083" y="3781"/>
                    <a:pt x="21064" y="3806"/>
                  </a:cubicBezTo>
                  <a:cubicBezTo>
                    <a:pt x="21212" y="3655"/>
                    <a:pt x="21293" y="3567"/>
                    <a:pt x="21372" y="3482"/>
                  </a:cubicBezTo>
                  <a:cubicBezTo>
                    <a:pt x="21453" y="3398"/>
                    <a:pt x="21525" y="3312"/>
                    <a:pt x="21648" y="3164"/>
                  </a:cubicBezTo>
                  <a:lnTo>
                    <a:pt x="21648" y="3164"/>
                  </a:lnTo>
                  <a:cubicBezTo>
                    <a:pt x="21617" y="3218"/>
                    <a:pt x="21585" y="3266"/>
                    <a:pt x="21548" y="3315"/>
                  </a:cubicBezTo>
                  <a:cubicBezTo>
                    <a:pt x="21520" y="3352"/>
                    <a:pt x="21490" y="3391"/>
                    <a:pt x="21458" y="3433"/>
                  </a:cubicBezTo>
                  <a:cubicBezTo>
                    <a:pt x="21423" y="3472"/>
                    <a:pt x="21386" y="3512"/>
                    <a:pt x="21351" y="3546"/>
                  </a:cubicBezTo>
                  <a:lnTo>
                    <a:pt x="21333" y="3551"/>
                  </a:lnTo>
                  <a:cubicBezTo>
                    <a:pt x="21295" y="3595"/>
                    <a:pt x="21282" y="3612"/>
                    <a:pt x="21284" y="3612"/>
                  </a:cubicBezTo>
                  <a:cubicBezTo>
                    <a:pt x="21291" y="3612"/>
                    <a:pt x="21440" y="3456"/>
                    <a:pt x="21455" y="3456"/>
                  </a:cubicBezTo>
                  <a:cubicBezTo>
                    <a:pt x="21456" y="3456"/>
                    <a:pt x="21457" y="3458"/>
                    <a:pt x="21455" y="3461"/>
                  </a:cubicBezTo>
                  <a:cubicBezTo>
                    <a:pt x="21643" y="3211"/>
                    <a:pt x="21919" y="2946"/>
                    <a:pt x="22139" y="2631"/>
                  </a:cubicBezTo>
                  <a:lnTo>
                    <a:pt x="22139" y="2631"/>
                  </a:lnTo>
                  <a:cubicBezTo>
                    <a:pt x="22126" y="2644"/>
                    <a:pt x="22119" y="2650"/>
                    <a:pt x="22117" y="2650"/>
                  </a:cubicBezTo>
                  <a:cubicBezTo>
                    <a:pt x="22110" y="2650"/>
                    <a:pt x="22132" y="2612"/>
                    <a:pt x="22134" y="2597"/>
                  </a:cubicBezTo>
                  <a:lnTo>
                    <a:pt x="22134" y="2597"/>
                  </a:lnTo>
                  <a:cubicBezTo>
                    <a:pt x="22044" y="2722"/>
                    <a:pt x="22062" y="2701"/>
                    <a:pt x="21983" y="2784"/>
                  </a:cubicBezTo>
                  <a:cubicBezTo>
                    <a:pt x="21988" y="2759"/>
                    <a:pt x="22046" y="2689"/>
                    <a:pt x="22069" y="2645"/>
                  </a:cubicBezTo>
                  <a:cubicBezTo>
                    <a:pt x="22071" y="2640"/>
                    <a:pt x="22071" y="2638"/>
                    <a:pt x="22069" y="2638"/>
                  </a:cubicBezTo>
                  <a:cubicBezTo>
                    <a:pt x="22060" y="2638"/>
                    <a:pt x="21993" y="2743"/>
                    <a:pt x="21960" y="2775"/>
                  </a:cubicBezTo>
                  <a:cubicBezTo>
                    <a:pt x="22002" y="2717"/>
                    <a:pt x="22041" y="2655"/>
                    <a:pt x="22076" y="2590"/>
                  </a:cubicBezTo>
                  <a:cubicBezTo>
                    <a:pt x="22109" y="2560"/>
                    <a:pt x="22141" y="2532"/>
                    <a:pt x="22176" y="2504"/>
                  </a:cubicBezTo>
                  <a:cubicBezTo>
                    <a:pt x="22229" y="2430"/>
                    <a:pt x="22266" y="2377"/>
                    <a:pt x="22292" y="2335"/>
                  </a:cubicBezTo>
                  <a:cubicBezTo>
                    <a:pt x="22319" y="2291"/>
                    <a:pt x="22338" y="2259"/>
                    <a:pt x="22356" y="2226"/>
                  </a:cubicBezTo>
                  <a:cubicBezTo>
                    <a:pt x="22395" y="2154"/>
                    <a:pt x="22438" y="2084"/>
                    <a:pt x="22483" y="2016"/>
                  </a:cubicBezTo>
                  <a:lnTo>
                    <a:pt x="22483" y="2016"/>
                  </a:lnTo>
                  <a:cubicBezTo>
                    <a:pt x="22470" y="2035"/>
                    <a:pt x="22467" y="2041"/>
                    <a:pt x="22469" y="2041"/>
                  </a:cubicBezTo>
                  <a:cubicBezTo>
                    <a:pt x="22472" y="2041"/>
                    <a:pt x="22488" y="2022"/>
                    <a:pt x="22490" y="2022"/>
                  </a:cubicBezTo>
                  <a:lnTo>
                    <a:pt x="22490" y="2022"/>
                  </a:lnTo>
                  <a:cubicBezTo>
                    <a:pt x="22492" y="2022"/>
                    <a:pt x="22485" y="2034"/>
                    <a:pt x="22454" y="2078"/>
                  </a:cubicBezTo>
                  <a:cubicBezTo>
                    <a:pt x="22472" y="2052"/>
                    <a:pt x="22491" y="2027"/>
                    <a:pt x="22509" y="1999"/>
                  </a:cubicBezTo>
                  <a:lnTo>
                    <a:pt x="22509" y="1999"/>
                  </a:lnTo>
                  <a:cubicBezTo>
                    <a:pt x="22479" y="2055"/>
                    <a:pt x="22442" y="2117"/>
                    <a:pt x="22403" y="2182"/>
                  </a:cubicBezTo>
                  <a:cubicBezTo>
                    <a:pt x="22366" y="2245"/>
                    <a:pt x="22326" y="2312"/>
                    <a:pt x="22292" y="2367"/>
                  </a:cubicBezTo>
                  <a:cubicBezTo>
                    <a:pt x="22223" y="2474"/>
                    <a:pt x="22173" y="2555"/>
                    <a:pt x="22192" y="2555"/>
                  </a:cubicBezTo>
                  <a:cubicBezTo>
                    <a:pt x="22192" y="2555"/>
                    <a:pt x="22193" y="2555"/>
                    <a:pt x="22194" y="2555"/>
                  </a:cubicBezTo>
                  <a:cubicBezTo>
                    <a:pt x="22252" y="2472"/>
                    <a:pt x="22301" y="2395"/>
                    <a:pt x="22349" y="2316"/>
                  </a:cubicBezTo>
                  <a:cubicBezTo>
                    <a:pt x="22398" y="2235"/>
                    <a:pt x="22447" y="2150"/>
                    <a:pt x="22516" y="2045"/>
                  </a:cubicBezTo>
                  <a:lnTo>
                    <a:pt x="22516" y="2057"/>
                  </a:lnTo>
                  <a:cubicBezTo>
                    <a:pt x="22551" y="2004"/>
                    <a:pt x="22560" y="1988"/>
                    <a:pt x="22558" y="1988"/>
                  </a:cubicBezTo>
                  <a:lnTo>
                    <a:pt x="22558" y="1988"/>
                  </a:lnTo>
                  <a:cubicBezTo>
                    <a:pt x="22554" y="1988"/>
                    <a:pt x="22528" y="2022"/>
                    <a:pt x="22524" y="2022"/>
                  </a:cubicBezTo>
                  <a:cubicBezTo>
                    <a:pt x="22523" y="2022"/>
                    <a:pt x="22523" y="2020"/>
                    <a:pt x="22525" y="2015"/>
                  </a:cubicBezTo>
                  <a:cubicBezTo>
                    <a:pt x="22560" y="1950"/>
                    <a:pt x="22602" y="1888"/>
                    <a:pt x="22651" y="1830"/>
                  </a:cubicBezTo>
                  <a:cubicBezTo>
                    <a:pt x="22690" y="1786"/>
                    <a:pt x="22720" y="1735"/>
                    <a:pt x="22741" y="1679"/>
                  </a:cubicBezTo>
                  <a:lnTo>
                    <a:pt x="22741" y="1679"/>
                  </a:lnTo>
                  <a:cubicBezTo>
                    <a:pt x="22706" y="1737"/>
                    <a:pt x="22667" y="1795"/>
                    <a:pt x="22630" y="1853"/>
                  </a:cubicBezTo>
                  <a:cubicBezTo>
                    <a:pt x="22650" y="1811"/>
                    <a:pt x="22656" y="1798"/>
                    <a:pt x="22655" y="1798"/>
                  </a:cubicBezTo>
                  <a:lnTo>
                    <a:pt x="22655" y="1798"/>
                  </a:lnTo>
                  <a:cubicBezTo>
                    <a:pt x="22652" y="1798"/>
                    <a:pt x="22619" y="1853"/>
                    <a:pt x="22608" y="1853"/>
                  </a:cubicBezTo>
                  <a:cubicBezTo>
                    <a:pt x="22606" y="1853"/>
                    <a:pt x="22604" y="1851"/>
                    <a:pt x="22604" y="1846"/>
                  </a:cubicBezTo>
                  <a:cubicBezTo>
                    <a:pt x="22671" y="1726"/>
                    <a:pt x="22762" y="1561"/>
                    <a:pt x="22859" y="1383"/>
                  </a:cubicBezTo>
                  <a:lnTo>
                    <a:pt x="23000" y="1107"/>
                  </a:lnTo>
                  <a:cubicBezTo>
                    <a:pt x="23044" y="1012"/>
                    <a:pt x="23086" y="920"/>
                    <a:pt x="23123" y="829"/>
                  </a:cubicBezTo>
                  <a:lnTo>
                    <a:pt x="23123" y="829"/>
                  </a:lnTo>
                  <a:cubicBezTo>
                    <a:pt x="23072" y="913"/>
                    <a:pt x="23026" y="998"/>
                    <a:pt x="22986" y="1086"/>
                  </a:cubicBezTo>
                  <a:cubicBezTo>
                    <a:pt x="22988" y="1034"/>
                    <a:pt x="23003" y="993"/>
                    <a:pt x="22992" y="993"/>
                  </a:cubicBezTo>
                  <a:cubicBezTo>
                    <a:pt x="22987" y="993"/>
                    <a:pt x="22979" y="999"/>
                    <a:pt x="22963" y="1015"/>
                  </a:cubicBezTo>
                  <a:cubicBezTo>
                    <a:pt x="22938" y="1068"/>
                    <a:pt x="22908" y="1119"/>
                    <a:pt x="22880" y="1172"/>
                  </a:cubicBezTo>
                  <a:lnTo>
                    <a:pt x="22854" y="1161"/>
                  </a:lnTo>
                  <a:cubicBezTo>
                    <a:pt x="22875" y="1119"/>
                    <a:pt x="22901" y="1077"/>
                    <a:pt x="22922" y="1040"/>
                  </a:cubicBezTo>
                  <a:cubicBezTo>
                    <a:pt x="22917" y="1010"/>
                    <a:pt x="23042" y="799"/>
                    <a:pt x="23033" y="781"/>
                  </a:cubicBezTo>
                  <a:lnTo>
                    <a:pt x="23033" y="781"/>
                  </a:lnTo>
                  <a:lnTo>
                    <a:pt x="22970" y="917"/>
                  </a:lnTo>
                  <a:cubicBezTo>
                    <a:pt x="22963" y="926"/>
                    <a:pt x="22959" y="930"/>
                    <a:pt x="22957" y="930"/>
                  </a:cubicBezTo>
                  <a:cubicBezTo>
                    <a:pt x="22947" y="930"/>
                    <a:pt x="23009" y="803"/>
                    <a:pt x="23044" y="720"/>
                  </a:cubicBezTo>
                  <a:lnTo>
                    <a:pt x="23044" y="720"/>
                  </a:lnTo>
                  <a:cubicBezTo>
                    <a:pt x="23003" y="785"/>
                    <a:pt x="22968" y="855"/>
                    <a:pt x="22940" y="924"/>
                  </a:cubicBezTo>
                  <a:cubicBezTo>
                    <a:pt x="22919" y="968"/>
                    <a:pt x="22901" y="1017"/>
                    <a:pt x="22878" y="1063"/>
                  </a:cubicBezTo>
                  <a:cubicBezTo>
                    <a:pt x="22854" y="1112"/>
                    <a:pt x="22831" y="1161"/>
                    <a:pt x="22806" y="1209"/>
                  </a:cubicBezTo>
                  <a:cubicBezTo>
                    <a:pt x="22806" y="1209"/>
                    <a:pt x="22806" y="1209"/>
                    <a:pt x="22807" y="1209"/>
                  </a:cubicBezTo>
                  <a:cubicBezTo>
                    <a:pt x="22815" y="1209"/>
                    <a:pt x="22784" y="1293"/>
                    <a:pt x="22792" y="1293"/>
                  </a:cubicBezTo>
                  <a:cubicBezTo>
                    <a:pt x="22796" y="1293"/>
                    <a:pt x="22809" y="1273"/>
                    <a:pt x="22841" y="1214"/>
                  </a:cubicBezTo>
                  <a:lnTo>
                    <a:pt x="22841" y="1214"/>
                  </a:lnTo>
                  <a:cubicBezTo>
                    <a:pt x="22850" y="1221"/>
                    <a:pt x="22799" y="1337"/>
                    <a:pt x="22759" y="1408"/>
                  </a:cubicBezTo>
                  <a:cubicBezTo>
                    <a:pt x="22761" y="1404"/>
                    <a:pt x="22761" y="1402"/>
                    <a:pt x="22759" y="1402"/>
                  </a:cubicBezTo>
                  <a:cubicBezTo>
                    <a:pt x="22753" y="1402"/>
                    <a:pt x="22719" y="1442"/>
                    <a:pt x="22709" y="1442"/>
                  </a:cubicBezTo>
                  <a:cubicBezTo>
                    <a:pt x="22705" y="1442"/>
                    <a:pt x="22705" y="1435"/>
                    <a:pt x="22714" y="1414"/>
                  </a:cubicBezTo>
                  <a:lnTo>
                    <a:pt x="22714" y="1414"/>
                  </a:lnTo>
                  <a:cubicBezTo>
                    <a:pt x="22668" y="1509"/>
                    <a:pt x="22687" y="1457"/>
                    <a:pt x="22604" y="1615"/>
                  </a:cubicBezTo>
                  <a:cubicBezTo>
                    <a:pt x="22605" y="1614"/>
                    <a:pt x="22605" y="1613"/>
                    <a:pt x="22604" y="1613"/>
                  </a:cubicBezTo>
                  <a:lnTo>
                    <a:pt x="22604" y="1613"/>
                  </a:lnTo>
                  <a:cubicBezTo>
                    <a:pt x="22600" y="1613"/>
                    <a:pt x="22434" y="1892"/>
                    <a:pt x="22412" y="1892"/>
                  </a:cubicBezTo>
                  <a:cubicBezTo>
                    <a:pt x="22411" y="1892"/>
                    <a:pt x="22410" y="1892"/>
                    <a:pt x="22410" y="1890"/>
                  </a:cubicBezTo>
                  <a:lnTo>
                    <a:pt x="22410" y="1890"/>
                  </a:lnTo>
                  <a:cubicBezTo>
                    <a:pt x="22382" y="1950"/>
                    <a:pt x="22442" y="1909"/>
                    <a:pt x="22312" y="2108"/>
                  </a:cubicBezTo>
                  <a:cubicBezTo>
                    <a:pt x="22349" y="2069"/>
                    <a:pt x="22384" y="2027"/>
                    <a:pt x="22417" y="1983"/>
                  </a:cubicBezTo>
                  <a:cubicBezTo>
                    <a:pt x="22432" y="1964"/>
                    <a:pt x="22445" y="1950"/>
                    <a:pt x="22447" y="1950"/>
                  </a:cubicBezTo>
                  <a:cubicBezTo>
                    <a:pt x="22447" y="1950"/>
                    <a:pt x="22447" y="1950"/>
                    <a:pt x="22447" y="1950"/>
                  </a:cubicBezTo>
                  <a:cubicBezTo>
                    <a:pt x="22449" y="1950"/>
                    <a:pt x="22444" y="1967"/>
                    <a:pt x="22424" y="2008"/>
                  </a:cubicBezTo>
                  <a:cubicBezTo>
                    <a:pt x="22442" y="1974"/>
                    <a:pt x="22461" y="1937"/>
                    <a:pt x="22477" y="1902"/>
                  </a:cubicBezTo>
                  <a:cubicBezTo>
                    <a:pt x="22508" y="1856"/>
                    <a:pt x="22518" y="1846"/>
                    <a:pt x="22521" y="1846"/>
                  </a:cubicBezTo>
                  <a:cubicBezTo>
                    <a:pt x="22524" y="1846"/>
                    <a:pt x="22522" y="1854"/>
                    <a:pt x="22524" y="1854"/>
                  </a:cubicBezTo>
                  <a:cubicBezTo>
                    <a:pt x="22528" y="1854"/>
                    <a:pt x="22541" y="1839"/>
                    <a:pt x="22588" y="1767"/>
                  </a:cubicBezTo>
                  <a:lnTo>
                    <a:pt x="22588" y="1767"/>
                  </a:lnTo>
                  <a:cubicBezTo>
                    <a:pt x="22553" y="1821"/>
                    <a:pt x="22493" y="1939"/>
                    <a:pt x="22468" y="1957"/>
                  </a:cubicBezTo>
                  <a:cubicBezTo>
                    <a:pt x="22470" y="1956"/>
                    <a:pt x="22472" y="1956"/>
                    <a:pt x="22474" y="1956"/>
                  </a:cubicBezTo>
                  <a:cubicBezTo>
                    <a:pt x="22511" y="1956"/>
                    <a:pt x="22304" y="2239"/>
                    <a:pt x="22319" y="2261"/>
                  </a:cubicBezTo>
                  <a:cubicBezTo>
                    <a:pt x="22268" y="2319"/>
                    <a:pt x="22220" y="2381"/>
                    <a:pt x="22178" y="2448"/>
                  </a:cubicBezTo>
                  <a:cubicBezTo>
                    <a:pt x="22179" y="2444"/>
                    <a:pt x="22177" y="2443"/>
                    <a:pt x="22174" y="2443"/>
                  </a:cubicBezTo>
                  <a:cubicBezTo>
                    <a:pt x="22171" y="2443"/>
                    <a:pt x="22166" y="2445"/>
                    <a:pt x="22163" y="2445"/>
                  </a:cubicBezTo>
                  <a:cubicBezTo>
                    <a:pt x="22158" y="2445"/>
                    <a:pt x="22158" y="2438"/>
                    <a:pt x="22183" y="2397"/>
                  </a:cubicBezTo>
                  <a:cubicBezTo>
                    <a:pt x="22229" y="2335"/>
                    <a:pt x="22261" y="2289"/>
                    <a:pt x="22312" y="2221"/>
                  </a:cubicBezTo>
                  <a:lnTo>
                    <a:pt x="22312" y="2221"/>
                  </a:lnTo>
                  <a:cubicBezTo>
                    <a:pt x="22292" y="2233"/>
                    <a:pt x="22273" y="2252"/>
                    <a:pt x="22259" y="2272"/>
                  </a:cubicBezTo>
                  <a:cubicBezTo>
                    <a:pt x="22238" y="2298"/>
                    <a:pt x="22213" y="2335"/>
                    <a:pt x="22185" y="2374"/>
                  </a:cubicBezTo>
                  <a:cubicBezTo>
                    <a:pt x="22127" y="2453"/>
                    <a:pt x="22067" y="2550"/>
                    <a:pt x="22002" y="2627"/>
                  </a:cubicBezTo>
                  <a:cubicBezTo>
                    <a:pt x="22010" y="2618"/>
                    <a:pt x="22015" y="2613"/>
                    <a:pt x="22017" y="2613"/>
                  </a:cubicBezTo>
                  <a:cubicBezTo>
                    <a:pt x="22020" y="2613"/>
                    <a:pt x="22016" y="2623"/>
                    <a:pt x="22000" y="2650"/>
                  </a:cubicBezTo>
                  <a:cubicBezTo>
                    <a:pt x="21960" y="2696"/>
                    <a:pt x="21898" y="2773"/>
                    <a:pt x="21851" y="2828"/>
                  </a:cubicBezTo>
                  <a:cubicBezTo>
                    <a:pt x="21817" y="2868"/>
                    <a:pt x="21789" y="2894"/>
                    <a:pt x="21781" y="2894"/>
                  </a:cubicBezTo>
                  <a:cubicBezTo>
                    <a:pt x="21778" y="2894"/>
                    <a:pt x="21779" y="2890"/>
                    <a:pt x="21784" y="2879"/>
                  </a:cubicBezTo>
                  <a:lnTo>
                    <a:pt x="21784" y="2879"/>
                  </a:lnTo>
                  <a:cubicBezTo>
                    <a:pt x="21719" y="2960"/>
                    <a:pt x="21657" y="3041"/>
                    <a:pt x="21590" y="3118"/>
                  </a:cubicBezTo>
                  <a:lnTo>
                    <a:pt x="21390" y="3350"/>
                  </a:lnTo>
                  <a:cubicBezTo>
                    <a:pt x="21383" y="3347"/>
                    <a:pt x="21446" y="3282"/>
                    <a:pt x="21467" y="3252"/>
                  </a:cubicBezTo>
                  <a:lnTo>
                    <a:pt x="21467" y="3252"/>
                  </a:lnTo>
                  <a:cubicBezTo>
                    <a:pt x="21430" y="3294"/>
                    <a:pt x="21393" y="3338"/>
                    <a:pt x="21353" y="3380"/>
                  </a:cubicBezTo>
                  <a:lnTo>
                    <a:pt x="21238" y="3505"/>
                  </a:lnTo>
                  <a:cubicBezTo>
                    <a:pt x="21228" y="3512"/>
                    <a:pt x="21223" y="3516"/>
                    <a:pt x="21222" y="3516"/>
                  </a:cubicBezTo>
                  <a:cubicBezTo>
                    <a:pt x="21212" y="3516"/>
                    <a:pt x="21312" y="3407"/>
                    <a:pt x="21326" y="3380"/>
                  </a:cubicBezTo>
                  <a:lnTo>
                    <a:pt x="21326" y="3380"/>
                  </a:lnTo>
                  <a:lnTo>
                    <a:pt x="21159" y="3560"/>
                  </a:lnTo>
                  <a:lnTo>
                    <a:pt x="21173" y="3528"/>
                  </a:lnTo>
                  <a:lnTo>
                    <a:pt x="21173" y="3528"/>
                  </a:lnTo>
                  <a:cubicBezTo>
                    <a:pt x="21163" y="3539"/>
                    <a:pt x="21145" y="3563"/>
                    <a:pt x="21122" y="3590"/>
                  </a:cubicBezTo>
                  <a:cubicBezTo>
                    <a:pt x="21099" y="3618"/>
                    <a:pt x="21066" y="3648"/>
                    <a:pt x="21034" y="3678"/>
                  </a:cubicBezTo>
                  <a:cubicBezTo>
                    <a:pt x="20987" y="3729"/>
                    <a:pt x="20934" y="3776"/>
                    <a:pt x="20879" y="3817"/>
                  </a:cubicBezTo>
                  <a:cubicBezTo>
                    <a:pt x="20781" y="3915"/>
                    <a:pt x="20742" y="3966"/>
                    <a:pt x="20689" y="4026"/>
                  </a:cubicBezTo>
                  <a:cubicBezTo>
                    <a:pt x="20638" y="4086"/>
                    <a:pt x="20573" y="4149"/>
                    <a:pt x="20431" y="4265"/>
                  </a:cubicBezTo>
                  <a:cubicBezTo>
                    <a:pt x="20429" y="4244"/>
                    <a:pt x="20582" y="4123"/>
                    <a:pt x="20638" y="4058"/>
                  </a:cubicBezTo>
                  <a:lnTo>
                    <a:pt x="20638" y="4058"/>
                  </a:lnTo>
                  <a:cubicBezTo>
                    <a:pt x="20580" y="4102"/>
                    <a:pt x="20424" y="4255"/>
                    <a:pt x="20385" y="4267"/>
                  </a:cubicBezTo>
                  <a:cubicBezTo>
                    <a:pt x="20193" y="4445"/>
                    <a:pt x="20235" y="4450"/>
                    <a:pt x="20147" y="4545"/>
                  </a:cubicBezTo>
                  <a:cubicBezTo>
                    <a:pt x="20090" y="4590"/>
                    <a:pt x="20069" y="4605"/>
                    <a:pt x="20065" y="4605"/>
                  </a:cubicBezTo>
                  <a:cubicBezTo>
                    <a:pt x="20057" y="4605"/>
                    <a:pt x="20114" y="4549"/>
                    <a:pt x="20110" y="4549"/>
                  </a:cubicBezTo>
                  <a:lnTo>
                    <a:pt x="20110" y="4549"/>
                  </a:lnTo>
                  <a:cubicBezTo>
                    <a:pt x="20110" y="4549"/>
                    <a:pt x="20110" y="4549"/>
                    <a:pt x="20109" y="4549"/>
                  </a:cubicBezTo>
                  <a:cubicBezTo>
                    <a:pt x="20058" y="4589"/>
                    <a:pt x="19998" y="4677"/>
                    <a:pt x="19936" y="4695"/>
                  </a:cubicBezTo>
                  <a:cubicBezTo>
                    <a:pt x="19890" y="4741"/>
                    <a:pt x="19859" y="4777"/>
                    <a:pt x="19871" y="4777"/>
                  </a:cubicBezTo>
                  <a:cubicBezTo>
                    <a:pt x="19878" y="4777"/>
                    <a:pt x="19903" y="4763"/>
                    <a:pt x="19952" y="4728"/>
                  </a:cubicBezTo>
                  <a:lnTo>
                    <a:pt x="19952" y="4728"/>
                  </a:lnTo>
                  <a:cubicBezTo>
                    <a:pt x="19862" y="4800"/>
                    <a:pt x="19734" y="4902"/>
                    <a:pt x="19716" y="4925"/>
                  </a:cubicBezTo>
                  <a:cubicBezTo>
                    <a:pt x="19728" y="4909"/>
                    <a:pt x="19730" y="4902"/>
                    <a:pt x="19725" y="4902"/>
                  </a:cubicBezTo>
                  <a:cubicBezTo>
                    <a:pt x="19708" y="4902"/>
                    <a:pt x="19606" y="4983"/>
                    <a:pt x="19582" y="4983"/>
                  </a:cubicBezTo>
                  <a:cubicBezTo>
                    <a:pt x="19581" y="4983"/>
                    <a:pt x="19580" y="4983"/>
                    <a:pt x="19579" y="4983"/>
                  </a:cubicBezTo>
                  <a:cubicBezTo>
                    <a:pt x="19507" y="5029"/>
                    <a:pt x="19389" y="5105"/>
                    <a:pt x="19278" y="5184"/>
                  </a:cubicBezTo>
                  <a:cubicBezTo>
                    <a:pt x="19176" y="5247"/>
                    <a:pt x="19079" y="5319"/>
                    <a:pt x="18988" y="5393"/>
                  </a:cubicBezTo>
                  <a:cubicBezTo>
                    <a:pt x="18995" y="5376"/>
                    <a:pt x="19004" y="5360"/>
                    <a:pt x="19014" y="5344"/>
                  </a:cubicBezTo>
                  <a:lnTo>
                    <a:pt x="19014" y="5344"/>
                  </a:lnTo>
                  <a:cubicBezTo>
                    <a:pt x="18956" y="5381"/>
                    <a:pt x="18898" y="5414"/>
                    <a:pt x="18840" y="5451"/>
                  </a:cubicBezTo>
                  <a:cubicBezTo>
                    <a:pt x="18819" y="5460"/>
                    <a:pt x="18808" y="5464"/>
                    <a:pt x="18804" y="5464"/>
                  </a:cubicBezTo>
                  <a:cubicBezTo>
                    <a:pt x="18796" y="5464"/>
                    <a:pt x="18827" y="5443"/>
                    <a:pt x="18872" y="5414"/>
                  </a:cubicBezTo>
                  <a:lnTo>
                    <a:pt x="18979" y="5346"/>
                  </a:lnTo>
                  <a:lnTo>
                    <a:pt x="19069" y="5288"/>
                  </a:lnTo>
                  <a:lnTo>
                    <a:pt x="19069" y="5288"/>
                  </a:lnTo>
                  <a:cubicBezTo>
                    <a:pt x="18954" y="5363"/>
                    <a:pt x="18854" y="5418"/>
                    <a:pt x="18759" y="5476"/>
                  </a:cubicBezTo>
                  <a:cubicBezTo>
                    <a:pt x="18664" y="5534"/>
                    <a:pt x="18569" y="5585"/>
                    <a:pt x="18460" y="5645"/>
                  </a:cubicBezTo>
                  <a:cubicBezTo>
                    <a:pt x="18487" y="5633"/>
                    <a:pt x="18497" y="5630"/>
                    <a:pt x="18503" y="5630"/>
                  </a:cubicBezTo>
                  <a:cubicBezTo>
                    <a:pt x="18509" y="5630"/>
                    <a:pt x="18508" y="5635"/>
                    <a:pt x="18517" y="5635"/>
                  </a:cubicBezTo>
                  <a:cubicBezTo>
                    <a:pt x="18519" y="5635"/>
                    <a:pt x="18523" y="5634"/>
                    <a:pt x="18527" y="5634"/>
                  </a:cubicBezTo>
                  <a:lnTo>
                    <a:pt x="18527" y="5634"/>
                  </a:lnTo>
                  <a:cubicBezTo>
                    <a:pt x="18488" y="5661"/>
                    <a:pt x="18446" y="5685"/>
                    <a:pt x="18402" y="5708"/>
                  </a:cubicBezTo>
                  <a:cubicBezTo>
                    <a:pt x="18358" y="5733"/>
                    <a:pt x="18312" y="5754"/>
                    <a:pt x="18272" y="5775"/>
                  </a:cubicBezTo>
                  <a:cubicBezTo>
                    <a:pt x="18270" y="5776"/>
                    <a:pt x="18267" y="5776"/>
                    <a:pt x="18265" y="5776"/>
                  </a:cubicBezTo>
                  <a:cubicBezTo>
                    <a:pt x="18255" y="5776"/>
                    <a:pt x="18267" y="5763"/>
                    <a:pt x="18319" y="5736"/>
                  </a:cubicBezTo>
                  <a:lnTo>
                    <a:pt x="18319" y="5736"/>
                  </a:lnTo>
                  <a:lnTo>
                    <a:pt x="18168" y="5817"/>
                  </a:lnTo>
                  <a:cubicBezTo>
                    <a:pt x="18173" y="5793"/>
                    <a:pt x="18099" y="5830"/>
                    <a:pt x="18242" y="5745"/>
                  </a:cubicBezTo>
                  <a:lnTo>
                    <a:pt x="18242" y="5745"/>
                  </a:lnTo>
                  <a:lnTo>
                    <a:pt x="18106" y="5821"/>
                  </a:lnTo>
                  <a:cubicBezTo>
                    <a:pt x="18062" y="5842"/>
                    <a:pt x="18043" y="5850"/>
                    <a:pt x="18039" y="5850"/>
                  </a:cubicBezTo>
                  <a:cubicBezTo>
                    <a:pt x="18028" y="5850"/>
                    <a:pt x="18115" y="5798"/>
                    <a:pt x="18140" y="5780"/>
                  </a:cubicBezTo>
                  <a:lnTo>
                    <a:pt x="18140" y="5780"/>
                  </a:lnTo>
                  <a:cubicBezTo>
                    <a:pt x="18101" y="5800"/>
                    <a:pt x="18059" y="5821"/>
                    <a:pt x="18018" y="5840"/>
                  </a:cubicBezTo>
                  <a:lnTo>
                    <a:pt x="17895" y="5898"/>
                  </a:lnTo>
                  <a:cubicBezTo>
                    <a:pt x="17809" y="5949"/>
                    <a:pt x="17953" y="5888"/>
                    <a:pt x="17784" y="5972"/>
                  </a:cubicBezTo>
                  <a:cubicBezTo>
                    <a:pt x="17726" y="5997"/>
                    <a:pt x="17661" y="6020"/>
                    <a:pt x="17596" y="6046"/>
                  </a:cubicBezTo>
                  <a:lnTo>
                    <a:pt x="17397" y="6129"/>
                  </a:lnTo>
                  <a:lnTo>
                    <a:pt x="17188" y="6210"/>
                  </a:lnTo>
                  <a:lnTo>
                    <a:pt x="17084" y="6250"/>
                  </a:lnTo>
                  <a:lnTo>
                    <a:pt x="16982" y="6284"/>
                  </a:lnTo>
                  <a:lnTo>
                    <a:pt x="17080" y="6259"/>
                  </a:lnTo>
                  <a:lnTo>
                    <a:pt x="17177" y="6229"/>
                  </a:lnTo>
                  <a:lnTo>
                    <a:pt x="17177" y="6229"/>
                  </a:lnTo>
                  <a:cubicBezTo>
                    <a:pt x="17147" y="6240"/>
                    <a:pt x="17119" y="6252"/>
                    <a:pt x="17089" y="6266"/>
                  </a:cubicBezTo>
                  <a:cubicBezTo>
                    <a:pt x="17075" y="6273"/>
                    <a:pt x="17063" y="6282"/>
                    <a:pt x="17052" y="6291"/>
                  </a:cubicBezTo>
                  <a:cubicBezTo>
                    <a:pt x="17036" y="6305"/>
                    <a:pt x="17033" y="6317"/>
                    <a:pt x="17012" y="6331"/>
                  </a:cubicBezTo>
                  <a:lnTo>
                    <a:pt x="16760" y="6419"/>
                  </a:lnTo>
                  <a:cubicBezTo>
                    <a:pt x="16674" y="6444"/>
                    <a:pt x="16591" y="6470"/>
                    <a:pt x="16524" y="6488"/>
                  </a:cubicBezTo>
                  <a:cubicBezTo>
                    <a:pt x="16608" y="6453"/>
                    <a:pt x="16620" y="6437"/>
                    <a:pt x="16586" y="6437"/>
                  </a:cubicBezTo>
                  <a:cubicBezTo>
                    <a:pt x="16562" y="6437"/>
                    <a:pt x="16517" y="6445"/>
                    <a:pt x="16459" y="6458"/>
                  </a:cubicBezTo>
                  <a:cubicBezTo>
                    <a:pt x="16304" y="6505"/>
                    <a:pt x="16248" y="6525"/>
                    <a:pt x="16209" y="6546"/>
                  </a:cubicBezTo>
                  <a:cubicBezTo>
                    <a:pt x="16162" y="6574"/>
                    <a:pt x="16114" y="6595"/>
                    <a:pt x="16063" y="6611"/>
                  </a:cubicBezTo>
                  <a:cubicBezTo>
                    <a:pt x="16094" y="6594"/>
                    <a:pt x="16096" y="6588"/>
                    <a:pt x="16083" y="6588"/>
                  </a:cubicBezTo>
                  <a:cubicBezTo>
                    <a:pt x="16047" y="6588"/>
                    <a:pt x="15898" y="6631"/>
                    <a:pt x="15869" y="6631"/>
                  </a:cubicBezTo>
                  <a:cubicBezTo>
                    <a:pt x="15865" y="6631"/>
                    <a:pt x="15863" y="6630"/>
                    <a:pt x="15866" y="6627"/>
                  </a:cubicBezTo>
                  <a:lnTo>
                    <a:pt x="15866" y="6627"/>
                  </a:lnTo>
                  <a:cubicBezTo>
                    <a:pt x="15463" y="6729"/>
                    <a:pt x="15053" y="6806"/>
                    <a:pt x="14638" y="6857"/>
                  </a:cubicBezTo>
                  <a:cubicBezTo>
                    <a:pt x="14647" y="6861"/>
                    <a:pt x="14770" y="6854"/>
                    <a:pt x="14696" y="6866"/>
                  </a:cubicBezTo>
                  <a:cubicBezTo>
                    <a:pt x="14611" y="6879"/>
                    <a:pt x="14550" y="6882"/>
                    <a:pt x="14509" y="6882"/>
                  </a:cubicBezTo>
                  <a:cubicBezTo>
                    <a:pt x="14474" y="6882"/>
                    <a:pt x="14453" y="6880"/>
                    <a:pt x="14443" y="6877"/>
                  </a:cubicBezTo>
                  <a:cubicBezTo>
                    <a:pt x="14395" y="6884"/>
                    <a:pt x="14348" y="6887"/>
                    <a:pt x="14309" y="6891"/>
                  </a:cubicBezTo>
                  <a:cubicBezTo>
                    <a:pt x="14270" y="6896"/>
                    <a:pt x="14233" y="6901"/>
                    <a:pt x="14203" y="6905"/>
                  </a:cubicBezTo>
                  <a:cubicBezTo>
                    <a:pt x="14140" y="6912"/>
                    <a:pt x="14094" y="6922"/>
                    <a:pt x="14061" y="6928"/>
                  </a:cubicBezTo>
                  <a:cubicBezTo>
                    <a:pt x="14093" y="6925"/>
                    <a:pt x="14114" y="6924"/>
                    <a:pt x="14127" y="6924"/>
                  </a:cubicBezTo>
                  <a:cubicBezTo>
                    <a:pt x="14151" y="6924"/>
                    <a:pt x="14151" y="6928"/>
                    <a:pt x="14142" y="6935"/>
                  </a:cubicBezTo>
                  <a:cubicBezTo>
                    <a:pt x="14106" y="6938"/>
                    <a:pt x="14071" y="6940"/>
                    <a:pt x="14035" y="6940"/>
                  </a:cubicBezTo>
                  <a:cubicBezTo>
                    <a:pt x="14013" y="6940"/>
                    <a:pt x="13991" y="6939"/>
                    <a:pt x="13969" y="6938"/>
                  </a:cubicBezTo>
                  <a:cubicBezTo>
                    <a:pt x="13913" y="6938"/>
                    <a:pt x="13857" y="6940"/>
                    <a:pt x="13802" y="6947"/>
                  </a:cubicBezTo>
                  <a:cubicBezTo>
                    <a:pt x="13776" y="6938"/>
                    <a:pt x="13832" y="6935"/>
                    <a:pt x="13887" y="6931"/>
                  </a:cubicBezTo>
                  <a:cubicBezTo>
                    <a:pt x="13943" y="6928"/>
                    <a:pt x="14006" y="6919"/>
                    <a:pt x="13996" y="6912"/>
                  </a:cubicBezTo>
                  <a:lnTo>
                    <a:pt x="13996" y="6912"/>
                  </a:lnTo>
                  <a:lnTo>
                    <a:pt x="13874" y="6919"/>
                  </a:lnTo>
                  <a:cubicBezTo>
                    <a:pt x="13837" y="6919"/>
                    <a:pt x="13802" y="6922"/>
                    <a:pt x="13767" y="6924"/>
                  </a:cubicBezTo>
                  <a:cubicBezTo>
                    <a:pt x="13702" y="6928"/>
                    <a:pt x="13642" y="6933"/>
                    <a:pt x="13577" y="6938"/>
                  </a:cubicBezTo>
                  <a:cubicBezTo>
                    <a:pt x="13547" y="6926"/>
                    <a:pt x="13695" y="6933"/>
                    <a:pt x="13598" y="6926"/>
                  </a:cubicBezTo>
                  <a:lnTo>
                    <a:pt x="13598" y="6926"/>
                  </a:lnTo>
                  <a:lnTo>
                    <a:pt x="13382" y="6935"/>
                  </a:lnTo>
                  <a:lnTo>
                    <a:pt x="12864" y="6935"/>
                  </a:lnTo>
                  <a:lnTo>
                    <a:pt x="12780" y="6931"/>
                  </a:lnTo>
                  <a:lnTo>
                    <a:pt x="12725" y="6910"/>
                  </a:lnTo>
                  <a:cubicBezTo>
                    <a:pt x="12632" y="6903"/>
                    <a:pt x="12537" y="6901"/>
                    <a:pt x="12442" y="6901"/>
                  </a:cubicBezTo>
                  <a:cubicBezTo>
                    <a:pt x="12398" y="6894"/>
                    <a:pt x="12403" y="6891"/>
                    <a:pt x="12429" y="6891"/>
                  </a:cubicBezTo>
                  <a:cubicBezTo>
                    <a:pt x="12445" y="6891"/>
                    <a:pt x="12471" y="6892"/>
                    <a:pt x="12498" y="6894"/>
                  </a:cubicBezTo>
                  <a:lnTo>
                    <a:pt x="12359" y="6882"/>
                  </a:lnTo>
                  <a:lnTo>
                    <a:pt x="12220" y="6871"/>
                  </a:lnTo>
                  <a:cubicBezTo>
                    <a:pt x="12129" y="6864"/>
                    <a:pt x="12051" y="6857"/>
                    <a:pt x="12000" y="6852"/>
                  </a:cubicBezTo>
                  <a:cubicBezTo>
                    <a:pt x="12002" y="6851"/>
                    <a:pt x="12007" y="6850"/>
                    <a:pt x="12012" y="6850"/>
                  </a:cubicBezTo>
                  <a:cubicBezTo>
                    <a:pt x="12037" y="6850"/>
                    <a:pt x="12088" y="6860"/>
                    <a:pt x="12117" y="6860"/>
                  </a:cubicBezTo>
                  <a:cubicBezTo>
                    <a:pt x="12122" y="6860"/>
                    <a:pt x="12126" y="6859"/>
                    <a:pt x="12129" y="6859"/>
                  </a:cubicBezTo>
                  <a:cubicBezTo>
                    <a:pt x="12074" y="6852"/>
                    <a:pt x="12013" y="6845"/>
                    <a:pt x="11956" y="6840"/>
                  </a:cubicBezTo>
                  <a:lnTo>
                    <a:pt x="11865" y="6833"/>
                  </a:lnTo>
                  <a:lnTo>
                    <a:pt x="11777" y="6822"/>
                  </a:lnTo>
                  <a:cubicBezTo>
                    <a:pt x="11678" y="6813"/>
                    <a:pt x="11580" y="6796"/>
                    <a:pt x="11483" y="6773"/>
                  </a:cubicBezTo>
                  <a:cubicBezTo>
                    <a:pt x="11490" y="6773"/>
                    <a:pt x="11497" y="6774"/>
                    <a:pt x="11505" y="6774"/>
                  </a:cubicBezTo>
                  <a:lnTo>
                    <a:pt x="11505" y="6774"/>
                  </a:lnTo>
                  <a:cubicBezTo>
                    <a:pt x="11355" y="6750"/>
                    <a:pt x="11216" y="6722"/>
                    <a:pt x="11071" y="6697"/>
                  </a:cubicBezTo>
                  <a:cubicBezTo>
                    <a:pt x="10992" y="6681"/>
                    <a:pt x="10913" y="6669"/>
                    <a:pt x="10832" y="6650"/>
                  </a:cubicBezTo>
                  <a:lnTo>
                    <a:pt x="10580" y="6593"/>
                  </a:lnTo>
                  <a:cubicBezTo>
                    <a:pt x="10443" y="6551"/>
                    <a:pt x="10403" y="6545"/>
                    <a:pt x="10377" y="6545"/>
                  </a:cubicBezTo>
                  <a:cubicBezTo>
                    <a:pt x="10366" y="6545"/>
                    <a:pt x="10358" y="6546"/>
                    <a:pt x="10347" y="6546"/>
                  </a:cubicBezTo>
                  <a:cubicBezTo>
                    <a:pt x="10321" y="6546"/>
                    <a:pt x="10278" y="6541"/>
                    <a:pt x="10153" y="6507"/>
                  </a:cubicBezTo>
                  <a:cubicBezTo>
                    <a:pt x="10158" y="6486"/>
                    <a:pt x="10051" y="6454"/>
                    <a:pt x="9929" y="6423"/>
                  </a:cubicBezTo>
                  <a:cubicBezTo>
                    <a:pt x="9804" y="6391"/>
                    <a:pt x="9665" y="6352"/>
                    <a:pt x="9600" y="6328"/>
                  </a:cubicBezTo>
                  <a:lnTo>
                    <a:pt x="9600" y="6328"/>
                  </a:lnTo>
                  <a:lnTo>
                    <a:pt x="9639" y="6347"/>
                  </a:lnTo>
                  <a:cubicBezTo>
                    <a:pt x="9553" y="6328"/>
                    <a:pt x="9468" y="6303"/>
                    <a:pt x="9384" y="6271"/>
                  </a:cubicBezTo>
                  <a:cubicBezTo>
                    <a:pt x="9301" y="6238"/>
                    <a:pt x="9224" y="6203"/>
                    <a:pt x="9173" y="6178"/>
                  </a:cubicBezTo>
                  <a:cubicBezTo>
                    <a:pt x="8944" y="6097"/>
                    <a:pt x="8604" y="5963"/>
                    <a:pt x="8372" y="5884"/>
                  </a:cubicBezTo>
                  <a:lnTo>
                    <a:pt x="8372" y="5884"/>
                  </a:lnTo>
                  <a:lnTo>
                    <a:pt x="8421" y="5895"/>
                  </a:lnTo>
                  <a:cubicBezTo>
                    <a:pt x="8231" y="5826"/>
                    <a:pt x="8122" y="5763"/>
                    <a:pt x="7932" y="5691"/>
                  </a:cubicBezTo>
                  <a:lnTo>
                    <a:pt x="7932" y="5691"/>
                  </a:lnTo>
                  <a:cubicBezTo>
                    <a:pt x="7936" y="5691"/>
                    <a:pt x="7963" y="5701"/>
                    <a:pt x="7968" y="5701"/>
                  </a:cubicBezTo>
                  <a:cubicBezTo>
                    <a:pt x="7972" y="5701"/>
                    <a:pt x="7967" y="5697"/>
                    <a:pt x="7939" y="5682"/>
                  </a:cubicBezTo>
                  <a:cubicBezTo>
                    <a:pt x="7721" y="5576"/>
                    <a:pt x="7501" y="5474"/>
                    <a:pt x="7283" y="5360"/>
                  </a:cubicBezTo>
                  <a:lnTo>
                    <a:pt x="7119" y="5277"/>
                  </a:lnTo>
                  <a:cubicBezTo>
                    <a:pt x="7093" y="5263"/>
                    <a:pt x="7066" y="5249"/>
                    <a:pt x="7038" y="5235"/>
                  </a:cubicBezTo>
                  <a:lnTo>
                    <a:pt x="6957" y="5191"/>
                  </a:lnTo>
                  <a:lnTo>
                    <a:pt x="6632" y="5017"/>
                  </a:lnTo>
                  <a:cubicBezTo>
                    <a:pt x="6526" y="4959"/>
                    <a:pt x="6419" y="4897"/>
                    <a:pt x="6315" y="4837"/>
                  </a:cubicBezTo>
                  <a:lnTo>
                    <a:pt x="6155" y="4744"/>
                  </a:lnTo>
                  <a:lnTo>
                    <a:pt x="6000" y="4649"/>
                  </a:lnTo>
                  <a:cubicBezTo>
                    <a:pt x="5896" y="4584"/>
                    <a:pt x="5789" y="4522"/>
                    <a:pt x="5687" y="4454"/>
                  </a:cubicBezTo>
                  <a:lnTo>
                    <a:pt x="5384" y="4253"/>
                  </a:lnTo>
                  <a:cubicBezTo>
                    <a:pt x="4552" y="3685"/>
                    <a:pt x="3755" y="3074"/>
                    <a:pt x="2993" y="2416"/>
                  </a:cubicBezTo>
                  <a:cubicBezTo>
                    <a:pt x="2599" y="2078"/>
                    <a:pt x="2210" y="1733"/>
                    <a:pt x="1840" y="1388"/>
                  </a:cubicBezTo>
                  <a:cubicBezTo>
                    <a:pt x="1469" y="1045"/>
                    <a:pt x="1108" y="709"/>
                    <a:pt x="776" y="391"/>
                  </a:cubicBezTo>
                  <a:lnTo>
                    <a:pt x="661" y="317"/>
                  </a:lnTo>
                  <a:cubicBezTo>
                    <a:pt x="593" y="273"/>
                    <a:pt x="501" y="215"/>
                    <a:pt x="410" y="162"/>
                  </a:cubicBezTo>
                  <a:cubicBezTo>
                    <a:pt x="277" y="83"/>
                    <a:pt x="145" y="13"/>
                    <a:pt x="95" y="13"/>
                  </a:cubicBezTo>
                  <a:cubicBezTo>
                    <a:pt x="78" y="13"/>
                    <a:pt x="70" y="21"/>
                    <a:pt x="74" y="39"/>
                  </a:cubicBezTo>
                  <a:cubicBezTo>
                    <a:pt x="82" y="48"/>
                    <a:pt x="83" y="52"/>
                    <a:pt x="81" y="52"/>
                  </a:cubicBezTo>
                  <a:cubicBezTo>
                    <a:pt x="73" y="52"/>
                    <a:pt x="11" y="1"/>
                    <a:pt x="4"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 name="Google Shape;32;p2"/>
            <p:cNvSpPr/>
            <p:nvPr/>
          </p:nvSpPr>
          <p:spPr>
            <a:xfrm rot="10800000">
              <a:off x="3339653" y="4724251"/>
              <a:ext cx="1437606" cy="452030"/>
            </a:xfrm>
            <a:custGeom>
              <a:avLst/>
              <a:gdLst/>
              <a:ahLst/>
              <a:cxnLst/>
              <a:rect l="l" t="t" r="r" b="b"/>
              <a:pathLst>
                <a:path w="23121" h="7270" extrusionOk="0">
                  <a:moveTo>
                    <a:pt x="361" y="288"/>
                  </a:moveTo>
                  <a:cubicBezTo>
                    <a:pt x="368" y="296"/>
                    <a:pt x="379" y="308"/>
                    <a:pt x="394" y="325"/>
                  </a:cubicBezTo>
                  <a:cubicBezTo>
                    <a:pt x="385" y="314"/>
                    <a:pt x="374" y="302"/>
                    <a:pt x="361" y="288"/>
                  </a:cubicBezTo>
                  <a:close/>
                  <a:moveTo>
                    <a:pt x="876" y="908"/>
                  </a:moveTo>
                  <a:cubicBezTo>
                    <a:pt x="878" y="911"/>
                    <a:pt x="881" y="913"/>
                    <a:pt x="884" y="916"/>
                  </a:cubicBezTo>
                  <a:lnTo>
                    <a:pt x="884" y="916"/>
                  </a:lnTo>
                  <a:cubicBezTo>
                    <a:pt x="882" y="913"/>
                    <a:pt x="879" y="911"/>
                    <a:pt x="876" y="908"/>
                  </a:cubicBezTo>
                  <a:close/>
                  <a:moveTo>
                    <a:pt x="22736" y="1360"/>
                  </a:moveTo>
                  <a:lnTo>
                    <a:pt x="22736" y="1360"/>
                  </a:lnTo>
                  <a:cubicBezTo>
                    <a:pt x="22725" y="1383"/>
                    <a:pt x="22717" y="1400"/>
                    <a:pt x="22711" y="1412"/>
                  </a:cubicBezTo>
                  <a:lnTo>
                    <a:pt x="22711" y="1412"/>
                  </a:lnTo>
                  <a:cubicBezTo>
                    <a:pt x="22718" y="1398"/>
                    <a:pt x="22726" y="1381"/>
                    <a:pt x="22736" y="1360"/>
                  </a:cubicBezTo>
                  <a:close/>
                  <a:moveTo>
                    <a:pt x="1550" y="1533"/>
                  </a:moveTo>
                  <a:lnTo>
                    <a:pt x="1548" y="1536"/>
                  </a:lnTo>
                  <a:cubicBezTo>
                    <a:pt x="1550" y="1536"/>
                    <a:pt x="1550" y="1535"/>
                    <a:pt x="1550" y="1533"/>
                  </a:cubicBezTo>
                  <a:close/>
                  <a:moveTo>
                    <a:pt x="2417" y="2349"/>
                  </a:moveTo>
                  <a:cubicBezTo>
                    <a:pt x="2417" y="2349"/>
                    <a:pt x="2417" y="2349"/>
                    <a:pt x="2416" y="2349"/>
                  </a:cubicBezTo>
                  <a:cubicBezTo>
                    <a:pt x="2417" y="2349"/>
                    <a:pt x="2417" y="2349"/>
                    <a:pt x="2417" y="2349"/>
                  </a:cubicBezTo>
                  <a:close/>
                  <a:moveTo>
                    <a:pt x="4337" y="3904"/>
                  </a:moveTo>
                  <a:lnTo>
                    <a:pt x="4408" y="3957"/>
                  </a:lnTo>
                  <a:lnTo>
                    <a:pt x="4408" y="3957"/>
                  </a:lnTo>
                  <a:cubicBezTo>
                    <a:pt x="4418" y="3961"/>
                    <a:pt x="4430" y="3965"/>
                    <a:pt x="4441" y="3970"/>
                  </a:cubicBezTo>
                  <a:lnTo>
                    <a:pt x="4441" y="3970"/>
                  </a:lnTo>
                  <a:cubicBezTo>
                    <a:pt x="4393" y="3936"/>
                    <a:pt x="4352" y="3909"/>
                    <a:pt x="4337" y="3904"/>
                  </a:cubicBezTo>
                  <a:close/>
                  <a:moveTo>
                    <a:pt x="4371" y="3975"/>
                  </a:moveTo>
                  <a:lnTo>
                    <a:pt x="4387" y="3993"/>
                  </a:lnTo>
                  <a:lnTo>
                    <a:pt x="4387" y="3993"/>
                  </a:lnTo>
                  <a:cubicBezTo>
                    <a:pt x="4376" y="3987"/>
                    <a:pt x="4367" y="3983"/>
                    <a:pt x="4365" y="3983"/>
                  </a:cubicBezTo>
                  <a:cubicBezTo>
                    <a:pt x="4364" y="3983"/>
                    <a:pt x="4372" y="3989"/>
                    <a:pt x="4399" y="4006"/>
                  </a:cubicBezTo>
                  <a:lnTo>
                    <a:pt x="4387" y="3993"/>
                  </a:lnTo>
                  <a:lnTo>
                    <a:pt x="4387" y="3993"/>
                  </a:lnTo>
                  <a:cubicBezTo>
                    <a:pt x="4406" y="4001"/>
                    <a:pt x="4432" y="4013"/>
                    <a:pt x="4442" y="4013"/>
                  </a:cubicBezTo>
                  <a:lnTo>
                    <a:pt x="4442" y="4013"/>
                  </a:lnTo>
                  <a:lnTo>
                    <a:pt x="4371" y="3975"/>
                  </a:lnTo>
                  <a:close/>
                  <a:moveTo>
                    <a:pt x="18782" y="5666"/>
                  </a:moveTo>
                  <a:lnTo>
                    <a:pt x="18724" y="5702"/>
                  </a:lnTo>
                  <a:lnTo>
                    <a:pt x="18724" y="5702"/>
                  </a:lnTo>
                  <a:cubicBezTo>
                    <a:pt x="18743" y="5691"/>
                    <a:pt x="18763" y="5679"/>
                    <a:pt x="18782" y="5666"/>
                  </a:cubicBezTo>
                  <a:close/>
                  <a:moveTo>
                    <a:pt x="18763" y="5701"/>
                  </a:moveTo>
                  <a:cubicBezTo>
                    <a:pt x="18758" y="5704"/>
                    <a:pt x="18753" y="5707"/>
                    <a:pt x="18747" y="5710"/>
                  </a:cubicBezTo>
                  <a:cubicBezTo>
                    <a:pt x="18753" y="5707"/>
                    <a:pt x="18758" y="5704"/>
                    <a:pt x="18763" y="5701"/>
                  </a:cubicBezTo>
                  <a:close/>
                  <a:moveTo>
                    <a:pt x="18317" y="5734"/>
                  </a:moveTo>
                  <a:cubicBezTo>
                    <a:pt x="18309" y="5738"/>
                    <a:pt x="18302" y="5742"/>
                    <a:pt x="18295" y="5745"/>
                  </a:cubicBezTo>
                  <a:lnTo>
                    <a:pt x="18295" y="5745"/>
                  </a:lnTo>
                  <a:lnTo>
                    <a:pt x="18317" y="5734"/>
                  </a:lnTo>
                  <a:close/>
                  <a:moveTo>
                    <a:pt x="8782" y="6301"/>
                  </a:moveTo>
                  <a:lnTo>
                    <a:pt x="8782" y="6301"/>
                  </a:lnTo>
                  <a:cubicBezTo>
                    <a:pt x="8787" y="6303"/>
                    <a:pt x="8791" y="6304"/>
                    <a:pt x="8795" y="6305"/>
                  </a:cubicBezTo>
                  <a:lnTo>
                    <a:pt x="8795" y="6305"/>
                  </a:lnTo>
                  <a:cubicBezTo>
                    <a:pt x="8789" y="6303"/>
                    <a:pt x="8785" y="6302"/>
                    <a:pt x="8782" y="6301"/>
                  </a:cubicBezTo>
                  <a:close/>
                  <a:moveTo>
                    <a:pt x="11183" y="7037"/>
                  </a:moveTo>
                  <a:cubicBezTo>
                    <a:pt x="11184" y="7037"/>
                    <a:pt x="11185" y="7037"/>
                    <a:pt x="11186" y="7038"/>
                  </a:cubicBezTo>
                  <a:cubicBezTo>
                    <a:pt x="11185" y="7037"/>
                    <a:pt x="11184" y="7037"/>
                    <a:pt x="11183" y="7037"/>
                  </a:cubicBezTo>
                  <a:close/>
                  <a:moveTo>
                    <a:pt x="13769" y="7207"/>
                  </a:moveTo>
                  <a:cubicBezTo>
                    <a:pt x="13776" y="7207"/>
                    <a:pt x="13781" y="7207"/>
                    <a:pt x="13787" y="7207"/>
                  </a:cubicBezTo>
                  <a:lnTo>
                    <a:pt x="13787" y="7207"/>
                  </a:lnTo>
                  <a:cubicBezTo>
                    <a:pt x="13781" y="7207"/>
                    <a:pt x="13775" y="7207"/>
                    <a:pt x="13769" y="7207"/>
                  </a:cubicBezTo>
                  <a:close/>
                  <a:moveTo>
                    <a:pt x="4" y="0"/>
                  </a:moveTo>
                  <a:cubicBezTo>
                    <a:pt x="1" y="0"/>
                    <a:pt x="8" y="10"/>
                    <a:pt x="35" y="40"/>
                  </a:cubicBezTo>
                  <a:lnTo>
                    <a:pt x="156" y="132"/>
                  </a:lnTo>
                  <a:cubicBezTo>
                    <a:pt x="154" y="132"/>
                    <a:pt x="152" y="131"/>
                    <a:pt x="151" y="131"/>
                  </a:cubicBezTo>
                  <a:cubicBezTo>
                    <a:pt x="138" y="131"/>
                    <a:pt x="184" y="192"/>
                    <a:pt x="188" y="209"/>
                  </a:cubicBezTo>
                  <a:cubicBezTo>
                    <a:pt x="192" y="211"/>
                    <a:pt x="195" y="212"/>
                    <a:pt x="197" y="212"/>
                  </a:cubicBezTo>
                  <a:cubicBezTo>
                    <a:pt x="216" y="212"/>
                    <a:pt x="143" y="123"/>
                    <a:pt x="163" y="123"/>
                  </a:cubicBezTo>
                  <a:cubicBezTo>
                    <a:pt x="170" y="123"/>
                    <a:pt x="186" y="132"/>
                    <a:pt x="218" y="156"/>
                  </a:cubicBezTo>
                  <a:cubicBezTo>
                    <a:pt x="249" y="172"/>
                    <a:pt x="314" y="237"/>
                    <a:pt x="361" y="288"/>
                  </a:cubicBezTo>
                  <a:lnTo>
                    <a:pt x="361" y="288"/>
                  </a:lnTo>
                  <a:cubicBezTo>
                    <a:pt x="353" y="278"/>
                    <a:pt x="352" y="274"/>
                    <a:pt x="354" y="274"/>
                  </a:cubicBezTo>
                  <a:cubicBezTo>
                    <a:pt x="362" y="274"/>
                    <a:pt x="427" y="328"/>
                    <a:pt x="459" y="353"/>
                  </a:cubicBezTo>
                  <a:cubicBezTo>
                    <a:pt x="519" y="424"/>
                    <a:pt x="628" y="526"/>
                    <a:pt x="649" y="568"/>
                  </a:cubicBezTo>
                  <a:cubicBezTo>
                    <a:pt x="686" y="593"/>
                    <a:pt x="718" y="626"/>
                    <a:pt x="749" y="658"/>
                  </a:cubicBezTo>
                  <a:lnTo>
                    <a:pt x="749" y="668"/>
                  </a:lnTo>
                  <a:cubicBezTo>
                    <a:pt x="771" y="687"/>
                    <a:pt x="779" y="694"/>
                    <a:pt x="781" y="694"/>
                  </a:cubicBezTo>
                  <a:cubicBezTo>
                    <a:pt x="785" y="694"/>
                    <a:pt x="744" y="650"/>
                    <a:pt x="748" y="650"/>
                  </a:cubicBezTo>
                  <a:cubicBezTo>
                    <a:pt x="748" y="650"/>
                    <a:pt x="749" y="650"/>
                    <a:pt x="751" y="651"/>
                  </a:cubicBezTo>
                  <a:cubicBezTo>
                    <a:pt x="809" y="707"/>
                    <a:pt x="890" y="804"/>
                    <a:pt x="985" y="897"/>
                  </a:cubicBezTo>
                  <a:cubicBezTo>
                    <a:pt x="890" y="804"/>
                    <a:pt x="806" y="735"/>
                    <a:pt x="735" y="675"/>
                  </a:cubicBezTo>
                  <a:lnTo>
                    <a:pt x="735" y="675"/>
                  </a:lnTo>
                  <a:cubicBezTo>
                    <a:pt x="786" y="730"/>
                    <a:pt x="800" y="750"/>
                    <a:pt x="792" y="750"/>
                  </a:cubicBezTo>
                  <a:cubicBezTo>
                    <a:pt x="776" y="750"/>
                    <a:pt x="665" y="659"/>
                    <a:pt x="630" y="642"/>
                  </a:cubicBezTo>
                  <a:lnTo>
                    <a:pt x="630" y="642"/>
                  </a:lnTo>
                  <a:cubicBezTo>
                    <a:pt x="774" y="772"/>
                    <a:pt x="834" y="816"/>
                    <a:pt x="955" y="918"/>
                  </a:cubicBezTo>
                  <a:cubicBezTo>
                    <a:pt x="1000" y="969"/>
                    <a:pt x="1008" y="987"/>
                    <a:pt x="997" y="987"/>
                  </a:cubicBezTo>
                  <a:cubicBezTo>
                    <a:pt x="979" y="987"/>
                    <a:pt x="914" y="940"/>
                    <a:pt x="884" y="916"/>
                  </a:cubicBezTo>
                  <a:lnTo>
                    <a:pt x="884" y="916"/>
                  </a:lnTo>
                  <a:cubicBezTo>
                    <a:pt x="1014" y="1029"/>
                    <a:pt x="1155" y="1139"/>
                    <a:pt x="1226" y="1198"/>
                  </a:cubicBezTo>
                  <a:cubicBezTo>
                    <a:pt x="1115" y="1126"/>
                    <a:pt x="1126" y="1147"/>
                    <a:pt x="1027" y="1080"/>
                  </a:cubicBezTo>
                  <a:lnTo>
                    <a:pt x="1027" y="1080"/>
                  </a:lnTo>
                  <a:cubicBezTo>
                    <a:pt x="1117" y="1189"/>
                    <a:pt x="1152" y="1196"/>
                    <a:pt x="1205" y="1235"/>
                  </a:cubicBezTo>
                  <a:cubicBezTo>
                    <a:pt x="1175" y="1212"/>
                    <a:pt x="1149" y="1184"/>
                    <a:pt x="1124" y="1156"/>
                  </a:cubicBezTo>
                  <a:lnTo>
                    <a:pt x="1124" y="1156"/>
                  </a:lnTo>
                  <a:cubicBezTo>
                    <a:pt x="1244" y="1272"/>
                    <a:pt x="1249" y="1226"/>
                    <a:pt x="1325" y="1272"/>
                  </a:cubicBezTo>
                  <a:cubicBezTo>
                    <a:pt x="1401" y="1358"/>
                    <a:pt x="1549" y="1508"/>
                    <a:pt x="1550" y="1533"/>
                  </a:cubicBezTo>
                  <a:lnTo>
                    <a:pt x="1550" y="1533"/>
                  </a:lnTo>
                  <a:lnTo>
                    <a:pt x="1562" y="1518"/>
                  </a:lnTo>
                  <a:cubicBezTo>
                    <a:pt x="1673" y="1610"/>
                    <a:pt x="1608" y="1578"/>
                    <a:pt x="1620" y="1599"/>
                  </a:cubicBezTo>
                  <a:cubicBezTo>
                    <a:pt x="1633" y="1605"/>
                    <a:pt x="1640" y="1606"/>
                    <a:pt x="1647" y="1606"/>
                  </a:cubicBezTo>
                  <a:cubicBezTo>
                    <a:pt x="1649" y="1606"/>
                    <a:pt x="1651" y="1606"/>
                    <a:pt x="1652" y="1606"/>
                  </a:cubicBezTo>
                  <a:cubicBezTo>
                    <a:pt x="1671" y="1606"/>
                    <a:pt x="1696" y="1610"/>
                    <a:pt x="1823" y="1722"/>
                  </a:cubicBezTo>
                  <a:cubicBezTo>
                    <a:pt x="1768" y="1724"/>
                    <a:pt x="1981" y="1872"/>
                    <a:pt x="1951" y="1893"/>
                  </a:cubicBezTo>
                  <a:cubicBezTo>
                    <a:pt x="2039" y="1967"/>
                    <a:pt x="2090" y="1988"/>
                    <a:pt x="2176" y="2071"/>
                  </a:cubicBezTo>
                  <a:cubicBezTo>
                    <a:pt x="2193" y="2093"/>
                    <a:pt x="2196" y="2102"/>
                    <a:pt x="2189" y="2102"/>
                  </a:cubicBezTo>
                  <a:cubicBezTo>
                    <a:pt x="2163" y="2102"/>
                    <a:pt x="1999" y="1975"/>
                    <a:pt x="1960" y="1935"/>
                  </a:cubicBezTo>
                  <a:cubicBezTo>
                    <a:pt x="1917" y="1895"/>
                    <a:pt x="1907" y="1884"/>
                    <a:pt x="1911" y="1884"/>
                  </a:cubicBezTo>
                  <a:cubicBezTo>
                    <a:pt x="1917" y="1884"/>
                    <a:pt x="1945" y="1904"/>
                    <a:pt x="1949" y="1904"/>
                  </a:cubicBezTo>
                  <a:cubicBezTo>
                    <a:pt x="1950" y="1904"/>
                    <a:pt x="1948" y="1901"/>
                    <a:pt x="1939" y="1893"/>
                  </a:cubicBezTo>
                  <a:cubicBezTo>
                    <a:pt x="1898" y="1861"/>
                    <a:pt x="1856" y="1826"/>
                    <a:pt x="1814" y="1793"/>
                  </a:cubicBezTo>
                  <a:lnTo>
                    <a:pt x="1814" y="1793"/>
                  </a:lnTo>
                  <a:cubicBezTo>
                    <a:pt x="1871" y="1860"/>
                    <a:pt x="1995" y="1979"/>
                    <a:pt x="1970" y="1979"/>
                  </a:cubicBezTo>
                  <a:cubicBezTo>
                    <a:pt x="1970" y="1979"/>
                    <a:pt x="1970" y="1979"/>
                    <a:pt x="1969" y="1979"/>
                  </a:cubicBezTo>
                  <a:lnTo>
                    <a:pt x="1969" y="1979"/>
                  </a:lnTo>
                  <a:cubicBezTo>
                    <a:pt x="1996" y="2001"/>
                    <a:pt x="2008" y="2009"/>
                    <a:pt x="2011" y="2009"/>
                  </a:cubicBezTo>
                  <a:cubicBezTo>
                    <a:pt x="2017" y="2009"/>
                    <a:pt x="1968" y="1957"/>
                    <a:pt x="1975" y="1957"/>
                  </a:cubicBezTo>
                  <a:cubicBezTo>
                    <a:pt x="1978" y="1957"/>
                    <a:pt x="1991" y="1966"/>
                    <a:pt x="2023" y="1993"/>
                  </a:cubicBezTo>
                  <a:lnTo>
                    <a:pt x="2094" y="2069"/>
                  </a:lnTo>
                  <a:cubicBezTo>
                    <a:pt x="2138" y="2104"/>
                    <a:pt x="2153" y="2113"/>
                    <a:pt x="2158" y="2113"/>
                  </a:cubicBezTo>
                  <a:cubicBezTo>
                    <a:pt x="2164" y="2113"/>
                    <a:pt x="2161" y="2105"/>
                    <a:pt x="2166" y="2105"/>
                  </a:cubicBezTo>
                  <a:cubicBezTo>
                    <a:pt x="2173" y="2105"/>
                    <a:pt x="2192" y="2118"/>
                    <a:pt x="2259" y="2176"/>
                  </a:cubicBezTo>
                  <a:cubicBezTo>
                    <a:pt x="2240" y="2162"/>
                    <a:pt x="2231" y="2156"/>
                    <a:pt x="2229" y="2156"/>
                  </a:cubicBezTo>
                  <a:cubicBezTo>
                    <a:pt x="2225" y="2156"/>
                    <a:pt x="2260" y="2187"/>
                    <a:pt x="2301" y="2224"/>
                  </a:cubicBezTo>
                  <a:cubicBezTo>
                    <a:pt x="2357" y="2276"/>
                    <a:pt x="2427" y="2341"/>
                    <a:pt x="2417" y="2349"/>
                  </a:cubicBezTo>
                  <a:lnTo>
                    <a:pt x="2417" y="2349"/>
                  </a:lnTo>
                  <a:cubicBezTo>
                    <a:pt x="2418" y="2349"/>
                    <a:pt x="2419" y="2348"/>
                    <a:pt x="2420" y="2348"/>
                  </a:cubicBezTo>
                  <a:cubicBezTo>
                    <a:pt x="2462" y="2348"/>
                    <a:pt x="2729" y="2618"/>
                    <a:pt x="2782" y="2627"/>
                  </a:cubicBezTo>
                  <a:lnTo>
                    <a:pt x="2694" y="2544"/>
                  </a:lnTo>
                  <a:lnTo>
                    <a:pt x="2706" y="2572"/>
                  </a:lnTo>
                  <a:cubicBezTo>
                    <a:pt x="2606" y="2486"/>
                    <a:pt x="2518" y="2419"/>
                    <a:pt x="2419" y="2326"/>
                  </a:cubicBezTo>
                  <a:lnTo>
                    <a:pt x="2419" y="2326"/>
                  </a:lnTo>
                  <a:cubicBezTo>
                    <a:pt x="2440" y="2341"/>
                    <a:pt x="2450" y="2345"/>
                    <a:pt x="2455" y="2345"/>
                  </a:cubicBezTo>
                  <a:cubicBezTo>
                    <a:pt x="2466" y="2345"/>
                    <a:pt x="2454" y="2327"/>
                    <a:pt x="2464" y="2327"/>
                  </a:cubicBezTo>
                  <a:cubicBezTo>
                    <a:pt x="2470" y="2327"/>
                    <a:pt x="2483" y="2333"/>
                    <a:pt x="2511" y="2354"/>
                  </a:cubicBezTo>
                  <a:cubicBezTo>
                    <a:pt x="2602" y="2422"/>
                    <a:pt x="2613" y="2437"/>
                    <a:pt x="2603" y="2437"/>
                  </a:cubicBezTo>
                  <a:cubicBezTo>
                    <a:pt x="2596" y="2437"/>
                    <a:pt x="2573" y="2427"/>
                    <a:pt x="2569" y="2427"/>
                  </a:cubicBezTo>
                  <a:cubicBezTo>
                    <a:pt x="2568" y="2427"/>
                    <a:pt x="2569" y="2428"/>
                    <a:pt x="2572" y="2430"/>
                  </a:cubicBezTo>
                  <a:cubicBezTo>
                    <a:pt x="2623" y="2467"/>
                    <a:pt x="2671" y="2504"/>
                    <a:pt x="2722" y="2539"/>
                  </a:cubicBezTo>
                  <a:cubicBezTo>
                    <a:pt x="2694" y="2511"/>
                    <a:pt x="2664" y="2479"/>
                    <a:pt x="2636" y="2447"/>
                  </a:cubicBezTo>
                  <a:lnTo>
                    <a:pt x="2636" y="2447"/>
                  </a:lnTo>
                  <a:cubicBezTo>
                    <a:pt x="2748" y="2539"/>
                    <a:pt x="2901" y="2664"/>
                    <a:pt x="3051" y="2794"/>
                  </a:cubicBezTo>
                  <a:cubicBezTo>
                    <a:pt x="3133" y="2871"/>
                    <a:pt x="3147" y="2889"/>
                    <a:pt x="3141" y="2889"/>
                  </a:cubicBezTo>
                  <a:cubicBezTo>
                    <a:pt x="3136" y="2889"/>
                    <a:pt x="3118" y="2877"/>
                    <a:pt x="3113" y="2877"/>
                  </a:cubicBezTo>
                  <a:cubicBezTo>
                    <a:pt x="3108" y="2877"/>
                    <a:pt x="3116" y="2889"/>
                    <a:pt x="3162" y="2935"/>
                  </a:cubicBezTo>
                  <a:cubicBezTo>
                    <a:pt x="3241" y="2989"/>
                    <a:pt x="3227" y="2968"/>
                    <a:pt x="3331" y="3056"/>
                  </a:cubicBezTo>
                  <a:cubicBezTo>
                    <a:pt x="3280" y="3003"/>
                    <a:pt x="3227" y="2977"/>
                    <a:pt x="3190" y="2945"/>
                  </a:cubicBezTo>
                  <a:cubicBezTo>
                    <a:pt x="3185" y="2937"/>
                    <a:pt x="3185" y="2934"/>
                    <a:pt x="3188" y="2934"/>
                  </a:cubicBezTo>
                  <a:cubicBezTo>
                    <a:pt x="3206" y="2934"/>
                    <a:pt x="3361" y="3067"/>
                    <a:pt x="3382" y="3067"/>
                  </a:cubicBezTo>
                  <a:cubicBezTo>
                    <a:pt x="3384" y="3067"/>
                    <a:pt x="3385" y="3066"/>
                    <a:pt x="3385" y="3065"/>
                  </a:cubicBezTo>
                  <a:cubicBezTo>
                    <a:pt x="3406" y="3089"/>
                    <a:pt x="3411" y="3100"/>
                    <a:pt x="3402" y="3100"/>
                  </a:cubicBezTo>
                  <a:cubicBezTo>
                    <a:pt x="3397" y="3100"/>
                    <a:pt x="3385" y="3095"/>
                    <a:pt x="3368" y="3086"/>
                  </a:cubicBezTo>
                  <a:lnTo>
                    <a:pt x="3368" y="3086"/>
                  </a:lnTo>
                  <a:cubicBezTo>
                    <a:pt x="3415" y="3118"/>
                    <a:pt x="3459" y="3155"/>
                    <a:pt x="3501" y="3188"/>
                  </a:cubicBezTo>
                  <a:cubicBezTo>
                    <a:pt x="3542" y="3220"/>
                    <a:pt x="3582" y="3253"/>
                    <a:pt x="3619" y="3283"/>
                  </a:cubicBezTo>
                  <a:cubicBezTo>
                    <a:pt x="3674" y="3327"/>
                    <a:pt x="3725" y="3378"/>
                    <a:pt x="3769" y="3433"/>
                  </a:cubicBezTo>
                  <a:lnTo>
                    <a:pt x="3862" y="3473"/>
                  </a:lnTo>
                  <a:cubicBezTo>
                    <a:pt x="3940" y="3536"/>
                    <a:pt x="3963" y="3558"/>
                    <a:pt x="3958" y="3558"/>
                  </a:cubicBezTo>
                  <a:cubicBezTo>
                    <a:pt x="3953" y="3558"/>
                    <a:pt x="3924" y="3539"/>
                    <a:pt x="3894" y="3519"/>
                  </a:cubicBezTo>
                  <a:cubicBezTo>
                    <a:pt x="3860" y="3498"/>
                    <a:pt x="3824" y="3476"/>
                    <a:pt x="3818" y="3476"/>
                  </a:cubicBezTo>
                  <a:cubicBezTo>
                    <a:pt x="3813" y="3476"/>
                    <a:pt x="3829" y="3493"/>
                    <a:pt x="3887" y="3542"/>
                  </a:cubicBezTo>
                  <a:cubicBezTo>
                    <a:pt x="3971" y="3612"/>
                    <a:pt x="4059" y="3674"/>
                    <a:pt x="4151" y="3732"/>
                  </a:cubicBezTo>
                  <a:lnTo>
                    <a:pt x="4059" y="3660"/>
                  </a:lnTo>
                  <a:lnTo>
                    <a:pt x="4059" y="3660"/>
                  </a:lnTo>
                  <a:cubicBezTo>
                    <a:pt x="4138" y="3704"/>
                    <a:pt x="4140" y="3693"/>
                    <a:pt x="4258" y="3772"/>
                  </a:cubicBezTo>
                  <a:cubicBezTo>
                    <a:pt x="4337" y="3834"/>
                    <a:pt x="4283" y="3816"/>
                    <a:pt x="4390" y="3876"/>
                  </a:cubicBezTo>
                  <a:cubicBezTo>
                    <a:pt x="4503" y="3966"/>
                    <a:pt x="4523" y="3992"/>
                    <a:pt x="4506" y="3992"/>
                  </a:cubicBezTo>
                  <a:cubicBezTo>
                    <a:pt x="4495" y="3992"/>
                    <a:pt x="4468" y="3981"/>
                    <a:pt x="4441" y="3970"/>
                  </a:cubicBezTo>
                  <a:lnTo>
                    <a:pt x="4441" y="3970"/>
                  </a:lnTo>
                  <a:cubicBezTo>
                    <a:pt x="4525" y="4029"/>
                    <a:pt x="4629" y="4105"/>
                    <a:pt x="4649" y="4107"/>
                  </a:cubicBezTo>
                  <a:cubicBezTo>
                    <a:pt x="4648" y="4109"/>
                    <a:pt x="4646" y="4110"/>
                    <a:pt x="4642" y="4110"/>
                  </a:cubicBezTo>
                  <a:cubicBezTo>
                    <a:pt x="4632" y="4110"/>
                    <a:pt x="4613" y="4105"/>
                    <a:pt x="4580" y="4087"/>
                  </a:cubicBezTo>
                  <a:lnTo>
                    <a:pt x="4580" y="4087"/>
                  </a:lnTo>
                  <a:cubicBezTo>
                    <a:pt x="4508" y="4019"/>
                    <a:pt x="4483" y="4006"/>
                    <a:pt x="4473" y="4006"/>
                  </a:cubicBezTo>
                  <a:cubicBezTo>
                    <a:pt x="4468" y="4006"/>
                    <a:pt x="4467" y="4010"/>
                    <a:pt x="4464" y="4010"/>
                  </a:cubicBezTo>
                  <a:cubicBezTo>
                    <a:pt x="4461" y="4010"/>
                    <a:pt x="4457" y="4005"/>
                    <a:pt x="4441" y="3982"/>
                  </a:cubicBezTo>
                  <a:lnTo>
                    <a:pt x="4408" y="3957"/>
                  </a:lnTo>
                  <a:lnTo>
                    <a:pt x="4408" y="3957"/>
                  </a:lnTo>
                  <a:cubicBezTo>
                    <a:pt x="4401" y="3955"/>
                    <a:pt x="4395" y="3953"/>
                    <a:pt x="4390" y="3952"/>
                  </a:cubicBezTo>
                  <a:lnTo>
                    <a:pt x="4390" y="3952"/>
                  </a:lnTo>
                  <a:cubicBezTo>
                    <a:pt x="4446" y="3999"/>
                    <a:pt x="4453" y="4013"/>
                    <a:pt x="4442" y="4013"/>
                  </a:cubicBezTo>
                  <a:cubicBezTo>
                    <a:pt x="4442" y="4013"/>
                    <a:pt x="4442" y="4013"/>
                    <a:pt x="4442" y="4013"/>
                  </a:cubicBezTo>
                  <a:lnTo>
                    <a:pt x="4442" y="4013"/>
                  </a:lnTo>
                  <a:lnTo>
                    <a:pt x="4506" y="4047"/>
                  </a:lnTo>
                  <a:lnTo>
                    <a:pt x="4506" y="4047"/>
                  </a:lnTo>
                  <a:lnTo>
                    <a:pt x="4545" y="4105"/>
                  </a:lnTo>
                  <a:cubicBezTo>
                    <a:pt x="4608" y="4154"/>
                    <a:pt x="4661" y="4170"/>
                    <a:pt x="4689" y="4205"/>
                  </a:cubicBezTo>
                  <a:cubicBezTo>
                    <a:pt x="4710" y="4225"/>
                    <a:pt x="4711" y="4231"/>
                    <a:pt x="4704" y="4231"/>
                  </a:cubicBezTo>
                  <a:cubicBezTo>
                    <a:pt x="4694" y="4231"/>
                    <a:pt x="4668" y="4219"/>
                    <a:pt x="4661" y="4219"/>
                  </a:cubicBezTo>
                  <a:cubicBezTo>
                    <a:pt x="4652" y="4219"/>
                    <a:pt x="4669" y="4235"/>
                    <a:pt x="4763" y="4304"/>
                  </a:cubicBezTo>
                  <a:cubicBezTo>
                    <a:pt x="4839" y="4362"/>
                    <a:pt x="4920" y="4413"/>
                    <a:pt x="5006" y="4460"/>
                  </a:cubicBezTo>
                  <a:cubicBezTo>
                    <a:pt x="5034" y="4473"/>
                    <a:pt x="5057" y="4485"/>
                    <a:pt x="5087" y="4501"/>
                  </a:cubicBezTo>
                  <a:cubicBezTo>
                    <a:pt x="5122" y="4520"/>
                    <a:pt x="5157" y="4543"/>
                    <a:pt x="5192" y="4566"/>
                  </a:cubicBezTo>
                  <a:cubicBezTo>
                    <a:pt x="5157" y="4536"/>
                    <a:pt x="5120" y="4508"/>
                    <a:pt x="5078" y="4483"/>
                  </a:cubicBezTo>
                  <a:lnTo>
                    <a:pt x="5078" y="4483"/>
                  </a:lnTo>
                  <a:cubicBezTo>
                    <a:pt x="5090" y="4488"/>
                    <a:pt x="5096" y="4490"/>
                    <a:pt x="5099" y="4490"/>
                  </a:cubicBezTo>
                  <a:cubicBezTo>
                    <a:pt x="5109" y="4490"/>
                    <a:pt x="5092" y="4474"/>
                    <a:pt x="5100" y="4474"/>
                  </a:cubicBezTo>
                  <a:cubicBezTo>
                    <a:pt x="5104" y="4474"/>
                    <a:pt x="5117" y="4479"/>
                    <a:pt x="5148" y="4497"/>
                  </a:cubicBezTo>
                  <a:cubicBezTo>
                    <a:pt x="5189" y="4550"/>
                    <a:pt x="5375" y="4670"/>
                    <a:pt x="5518" y="4763"/>
                  </a:cubicBezTo>
                  <a:cubicBezTo>
                    <a:pt x="5514" y="4762"/>
                    <a:pt x="5511" y="4761"/>
                    <a:pt x="5509" y="4761"/>
                  </a:cubicBezTo>
                  <a:cubicBezTo>
                    <a:pt x="5492" y="4761"/>
                    <a:pt x="5536" y="4798"/>
                    <a:pt x="5525" y="4798"/>
                  </a:cubicBezTo>
                  <a:cubicBezTo>
                    <a:pt x="5523" y="4798"/>
                    <a:pt x="5518" y="4797"/>
                    <a:pt x="5511" y="4793"/>
                  </a:cubicBezTo>
                  <a:lnTo>
                    <a:pt x="5511" y="4793"/>
                  </a:lnTo>
                  <a:cubicBezTo>
                    <a:pt x="5569" y="4830"/>
                    <a:pt x="5629" y="4860"/>
                    <a:pt x="5692" y="4888"/>
                  </a:cubicBezTo>
                  <a:cubicBezTo>
                    <a:pt x="5627" y="4843"/>
                    <a:pt x="5607" y="4827"/>
                    <a:pt x="5612" y="4827"/>
                  </a:cubicBezTo>
                  <a:cubicBezTo>
                    <a:pt x="5624" y="4827"/>
                    <a:pt x="5800" y="4933"/>
                    <a:pt x="5816" y="4933"/>
                  </a:cubicBezTo>
                  <a:cubicBezTo>
                    <a:pt x="5822" y="4933"/>
                    <a:pt x="5810" y="4921"/>
                    <a:pt x="5768" y="4890"/>
                  </a:cubicBezTo>
                  <a:lnTo>
                    <a:pt x="5768" y="4890"/>
                  </a:lnTo>
                  <a:cubicBezTo>
                    <a:pt x="5882" y="4960"/>
                    <a:pt x="5947" y="5009"/>
                    <a:pt x="6000" y="5048"/>
                  </a:cubicBezTo>
                  <a:cubicBezTo>
                    <a:pt x="6056" y="5087"/>
                    <a:pt x="6097" y="5122"/>
                    <a:pt x="6167" y="5168"/>
                  </a:cubicBezTo>
                  <a:cubicBezTo>
                    <a:pt x="6159" y="5168"/>
                    <a:pt x="6031" y="5099"/>
                    <a:pt x="6020" y="5099"/>
                  </a:cubicBezTo>
                  <a:cubicBezTo>
                    <a:pt x="6015" y="5099"/>
                    <a:pt x="6033" y="5113"/>
                    <a:pt x="6095" y="5152"/>
                  </a:cubicBezTo>
                  <a:cubicBezTo>
                    <a:pt x="6164" y="5186"/>
                    <a:pt x="6193" y="5197"/>
                    <a:pt x="6202" y="5197"/>
                  </a:cubicBezTo>
                  <a:cubicBezTo>
                    <a:pt x="6219" y="5197"/>
                    <a:pt x="6172" y="5161"/>
                    <a:pt x="6193" y="5161"/>
                  </a:cubicBezTo>
                  <a:cubicBezTo>
                    <a:pt x="6202" y="5161"/>
                    <a:pt x="6222" y="5167"/>
                    <a:pt x="6264" y="5185"/>
                  </a:cubicBezTo>
                  <a:lnTo>
                    <a:pt x="6120" y="5092"/>
                  </a:lnTo>
                  <a:cubicBezTo>
                    <a:pt x="6120" y="5089"/>
                    <a:pt x="6122" y="5087"/>
                    <a:pt x="6125" y="5087"/>
                  </a:cubicBezTo>
                  <a:cubicBezTo>
                    <a:pt x="6161" y="5087"/>
                    <a:pt x="6384" y="5237"/>
                    <a:pt x="6422" y="5254"/>
                  </a:cubicBezTo>
                  <a:cubicBezTo>
                    <a:pt x="6439" y="5266"/>
                    <a:pt x="6444" y="5271"/>
                    <a:pt x="6441" y="5271"/>
                  </a:cubicBezTo>
                  <a:cubicBezTo>
                    <a:pt x="6434" y="5271"/>
                    <a:pt x="6366" y="5234"/>
                    <a:pt x="6354" y="5234"/>
                  </a:cubicBezTo>
                  <a:cubicBezTo>
                    <a:pt x="6349" y="5234"/>
                    <a:pt x="6353" y="5239"/>
                    <a:pt x="6371" y="5254"/>
                  </a:cubicBezTo>
                  <a:cubicBezTo>
                    <a:pt x="6424" y="5289"/>
                    <a:pt x="6479" y="5319"/>
                    <a:pt x="6537" y="5347"/>
                  </a:cubicBezTo>
                  <a:cubicBezTo>
                    <a:pt x="6581" y="5368"/>
                    <a:pt x="6625" y="5391"/>
                    <a:pt x="6665" y="5419"/>
                  </a:cubicBezTo>
                  <a:cubicBezTo>
                    <a:pt x="6570" y="5386"/>
                    <a:pt x="6628" y="5412"/>
                    <a:pt x="6521" y="5370"/>
                  </a:cubicBezTo>
                  <a:lnTo>
                    <a:pt x="6521" y="5370"/>
                  </a:lnTo>
                  <a:cubicBezTo>
                    <a:pt x="6670" y="5452"/>
                    <a:pt x="6678" y="5462"/>
                    <a:pt x="6665" y="5462"/>
                  </a:cubicBezTo>
                  <a:cubicBezTo>
                    <a:pt x="6662" y="5462"/>
                    <a:pt x="6656" y="5461"/>
                    <a:pt x="6652" y="5461"/>
                  </a:cubicBezTo>
                  <a:cubicBezTo>
                    <a:pt x="6640" y="5461"/>
                    <a:pt x="6641" y="5469"/>
                    <a:pt x="6739" y="5527"/>
                  </a:cubicBezTo>
                  <a:cubicBezTo>
                    <a:pt x="6820" y="5569"/>
                    <a:pt x="6776" y="5527"/>
                    <a:pt x="6903" y="5599"/>
                  </a:cubicBezTo>
                  <a:cubicBezTo>
                    <a:pt x="6836" y="5544"/>
                    <a:pt x="6850" y="5541"/>
                    <a:pt x="6644" y="5428"/>
                  </a:cubicBezTo>
                  <a:lnTo>
                    <a:pt x="6644" y="5428"/>
                  </a:lnTo>
                  <a:cubicBezTo>
                    <a:pt x="6686" y="5435"/>
                    <a:pt x="6753" y="5474"/>
                    <a:pt x="6827" y="5518"/>
                  </a:cubicBezTo>
                  <a:cubicBezTo>
                    <a:pt x="6903" y="5567"/>
                    <a:pt x="6984" y="5606"/>
                    <a:pt x="7066" y="5641"/>
                  </a:cubicBezTo>
                  <a:cubicBezTo>
                    <a:pt x="7012" y="5611"/>
                    <a:pt x="6959" y="5583"/>
                    <a:pt x="6903" y="5558"/>
                  </a:cubicBezTo>
                  <a:cubicBezTo>
                    <a:pt x="6899" y="5538"/>
                    <a:pt x="6879" y="5520"/>
                    <a:pt x="6899" y="5520"/>
                  </a:cubicBezTo>
                  <a:cubicBezTo>
                    <a:pt x="6910" y="5520"/>
                    <a:pt x="6933" y="5525"/>
                    <a:pt x="6977" y="5539"/>
                  </a:cubicBezTo>
                  <a:cubicBezTo>
                    <a:pt x="6908" y="5507"/>
                    <a:pt x="6857" y="5488"/>
                    <a:pt x="6799" y="5463"/>
                  </a:cubicBezTo>
                  <a:cubicBezTo>
                    <a:pt x="6723" y="5430"/>
                    <a:pt x="6651" y="5393"/>
                    <a:pt x="6581" y="5351"/>
                  </a:cubicBezTo>
                  <a:cubicBezTo>
                    <a:pt x="6576" y="5345"/>
                    <a:pt x="6576" y="5342"/>
                    <a:pt x="6581" y="5342"/>
                  </a:cubicBezTo>
                  <a:cubicBezTo>
                    <a:pt x="6608" y="5342"/>
                    <a:pt x="6792" y="5442"/>
                    <a:pt x="6835" y="5442"/>
                  </a:cubicBezTo>
                  <a:cubicBezTo>
                    <a:pt x="6839" y="5442"/>
                    <a:pt x="6842" y="5441"/>
                    <a:pt x="6843" y="5439"/>
                  </a:cubicBezTo>
                  <a:cubicBezTo>
                    <a:pt x="6869" y="5449"/>
                    <a:pt x="6901" y="5465"/>
                    <a:pt x="6938" y="5483"/>
                  </a:cubicBezTo>
                  <a:cubicBezTo>
                    <a:pt x="6977" y="5502"/>
                    <a:pt x="7017" y="5523"/>
                    <a:pt x="7059" y="5546"/>
                  </a:cubicBezTo>
                  <a:cubicBezTo>
                    <a:pt x="7142" y="5592"/>
                    <a:pt x="7225" y="5641"/>
                    <a:pt x="7276" y="5673"/>
                  </a:cubicBezTo>
                  <a:lnTo>
                    <a:pt x="7587" y="5801"/>
                  </a:lnTo>
                  <a:cubicBezTo>
                    <a:pt x="7677" y="5840"/>
                    <a:pt x="7772" y="5875"/>
                    <a:pt x="7867" y="5905"/>
                  </a:cubicBezTo>
                  <a:cubicBezTo>
                    <a:pt x="8004" y="5972"/>
                    <a:pt x="8360" y="6107"/>
                    <a:pt x="8627" y="6215"/>
                  </a:cubicBezTo>
                  <a:cubicBezTo>
                    <a:pt x="8657" y="6238"/>
                    <a:pt x="8853" y="6315"/>
                    <a:pt x="8835" y="6315"/>
                  </a:cubicBezTo>
                  <a:cubicBezTo>
                    <a:pt x="8831" y="6315"/>
                    <a:pt x="8819" y="6312"/>
                    <a:pt x="8795" y="6305"/>
                  </a:cubicBezTo>
                  <a:lnTo>
                    <a:pt x="8795" y="6305"/>
                  </a:lnTo>
                  <a:cubicBezTo>
                    <a:pt x="8839" y="6319"/>
                    <a:pt x="8963" y="6361"/>
                    <a:pt x="8984" y="6361"/>
                  </a:cubicBezTo>
                  <a:cubicBezTo>
                    <a:pt x="8990" y="6361"/>
                    <a:pt x="8989" y="6358"/>
                    <a:pt x="8979" y="6352"/>
                  </a:cubicBezTo>
                  <a:cubicBezTo>
                    <a:pt x="8946" y="6345"/>
                    <a:pt x="8914" y="6334"/>
                    <a:pt x="8882" y="6320"/>
                  </a:cubicBezTo>
                  <a:lnTo>
                    <a:pt x="8930" y="6320"/>
                  </a:lnTo>
                  <a:cubicBezTo>
                    <a:pt x="9060" y="6373"/>
                    <a:pt x="9213" y="6408"/>
                    <a:pt x="9333" y="6461"/>
                  </a:cubicBezTo>
                  <a:cubicBezTo>
                    <a:pt x="9338" y="6464"/>
                    <a:pt x="9338" y="6466"/>
                    <a:pt x="9334" y="6466"/>
                  </a:cubicBezTo>
                  <a:cubicBezTo>
                    <a:pt x="9314" y="6466"/>
                    <a:pt x="9183" y="6419"/>
                    <a:pt x="9163" y="6419"/>
                  </a:cubicBezTo>
                  <a:cubicBezTo>
                    <a:pt x="9158" y="6419"/>
                    <a:pt x="9161" y="6422"/>
                    <a:pt x="9176" y="6431"/>
                  </a:cubicBezTo>
                  <a:cubicBezTo>
                    <a:pt x="9227" y="6440"/>
                    <a:pt x="9278" y="6454"/>
                    <a:pt x="9329" y="6468"/>
                  </a:cubicBezTo>
                  <a:cubicBezTo>
                    <a:pt x="9396" y="6486"/>
                    <a:pt x="9477" y="6507"/>
                    <a:pt x="9556" y="6530"/>
                  </a:cubicBezTo>
                  <a:cubicBezTo>
                    <a:pt x="9637" y="6554"/>
                    <a:pt x="9718" y="6579"/>
                    <a:pt x="9787" y="6602"/>
                  </a:cubicBezTo>
                  <a:cubicBezTo>
                    <a:pt x="9859" y="6625"/>
                    <a:pt x="9919" y="6642"/>
                    <a:pt x="9959" y="6656"/>
                  </a:cubicBezTo>
                  <a:cubicBezTo>
                    <a:pt x="10065" y="6688"/>
                    <a:pt x="10072" y="6713"/>
                    <a:pt x="10116" y="6727"/>
                  </a:cubicBezTo>
                  <a:lnTo>
                    <a:pt x="10297" y="6778"/>
                  </a:lnTo>
                  <a:cubicBezTo>
                    <a:pt x="10313" y="6792"/>
                    <a:pt x="10332" y="6804"/>
                    <a:pt x="10350" y="6815"/>
                  </a:cubicBezTo>
                  <a:cubicBezTo>
                    <a:pt x="10417" y="6836"/>
                    <a:pt x="10487" y="6850"/>
                    <a:pt x="10559" y="6859"/>
                  </a:cubicBezTo>
                  <a:cubicBezTo>
                    <a:pt x="10696" y="6901"/>
                    <a:pt x="10708" y="6914"/>
                    <a:pt x="10669" y="6914"/>
                  </a:cubicBezTo>
                  <a:cubicBezTo>
                    <a:pt x="10641" y="6914"/>
                    <a:pt x="10588" y="6908"/>
                    <a:pt x="10536" y="6901"/>
                  </a:cubicBezTo>
                  <a:lnTo>
                    <a:pt x="10404" y="6862"/>
                  </a:lnTo>
                  <a:cubicBezTo>
                    <a:pt x="10333" y="6854"/>
                    <a:pt x="10245" y="6829"/>
                    <a:pt x="10223" y="6829"/>
                  </a:cubicBezTo>
                  <a:cubicBezTo>
                    <a:pt x="10212" y="6829"/>
                    <a:pt x="10215" y="6834"/>
                    <a:pt x="10239" y="6848"/>
                  </a:cubicBezTo>
                  <a:cubicBezTo>
                    <a:pt x="10262" y="6855"/>
                    <a:pt x="10286" y="6858"/>
                    <a:pt x="10311" y="6858"/>
                  </a:cubicBezTo>
                  <a:cubicBezTo>
                    <a:pt x="10319" y="6858"/>
                    <a:pt x="10326" y="6858"/>
                    <a:pt x="10334" y="6857"/>
                  </a:cubicBezTo>
                  <a:lnTo>
                    <a:pt x="10410" y="6885"/>
                  </a:lnTo>
                  <a:cubicBezTo>
                    <a:pt x="10478" y="6894"/>
                    <a:pt x="10641" y="6929"/>
                    <a:pt x="10684" y="6929"/>
                  </a:cubicBezTo>
                  <a:cubicBezTo>
                    <a:pt x="10693" y="6929"/>
                    <a:pt x="10697" y="6928"/>
                    <a:pt x="10693" y="6924"/>
                  </a:cubicBezTo>
                  <a:lnTo>
                    <a:pt x="10693" y="6924"/>
                  </a:lnTo>
                  <a:cubicBezTo>
                    <a:pt x="10735" y="6936"/>
                    <a:pt x="10776" y="6950"/>
                    <a:pt x="10818" y="6959"/>
                  </a:cubicBezTo>
                  <a:lnTo>
                    <a:pt x="10948" y="6985"/>
                  </a:lnTo>
                  <a:cubicBezTo>
                    <a:pt x="11030" y="7000"/>
                    <a:pt x="11112" y="7016"/>
                    <a:pt x="11183" y="7037"/>
                  </a:cubicBezTo>
                  <a:lnTo>
                    <a:pt x="11183" y="7037"/>
                  </a:lnTo>
                  <a:cubicBezTo>
                    <a:pt x="11093" y="7010"/>
                    <a:pt x="11216" y="7028"/>
                    <a:pt x="11189" y="7010"/>
                  </a:cubicBezTo>
                  <a:lnTo>
                    <a:pt x="11015" y="6971"/>
                  </a:lnTo>
                  <a:lnTo>
                    <a:pt x="11015" y="6971"/>
                  </a:lnTo>
                  <a:lnTo>
                    <a:pt x="11256" y="7010"/>
                  </a:lnTo>
                  <a:lnTo>
                    <a:pt x="11319" y="7022"/>
                  </a:lnTo>
                  <a:lnTo>
                    <a:pt x="11379" y="7031"/>
                  </a:lnTo>
                  <a:cubicBezTo>
                    <a:pt x="11418" y="7038"/>
                    <a:pt x="11455" y="7045"/>
                    <a:pt x="11488" y="7054"/>
                  </a:cubicBezTo>
                  <a:cubicBezTo>
                    <a:pt x="11471" y="7061"/>
                    <a:pt x="11464" y="7063"/>
                    <a:pt x="11532" y="7082"/>
                  </a:cubicBezTo>
                  <a:cubicBezTo>
                    <a:pt x="11509" y="7075"/>
                    <a:pt x="11512" y="7073"/>
                    <a:pt x="11527" y="7073"/>
                  </a:cubicBezTo>
                  <a:cubicBezTo>
                    <a:pt x="11551" y="7073"/>
                    <a:pt x="11602" y="7078"/>
                    <a:pt x="11628" y="7078"/>
                  </a:cubicBezTo>
                  <a:cubicBezTo>
                    <a:pt x="11653" y="7078"/>
                    <a:pt x="11653" y="7073"/>
                    <a:pt x="11578" y="7054"/>
                  </a:cubicBezTo>
                  <a:cubicBezTo>
                    <a:pt x="11502" y="7047"/>
                    <a:pt x="11430" y="7038"/>
                    <a:pt x="11332" y="7022"/>
                  </a:cubicBezTo>
                  <a:cubicBezTo>
                    <a:pt x="11308" y="7009"/>
                    <a:pt x="11319" y="7005"/>
                    <a:pt x="11348" y="7005"/>
                  </a:cubicBezTo>
                  <a:cubicBezTo>
                    <a:pt x="11388" y="7005"/>
                    <a:pt x="11464" y="7013"/>
                    <a:pt x="11515" y="7015"/>
                  </a:cubicBezTo>
                  <a:lnTo>
                    <a:pt x="11733" y="7042"/>
                  </a:lnTo>
                  <a:cubicBezTo>
                    <a:pt x="11775" y="7047"/>
                    <a:pt x="11819" y="7054"/>
                    <a:pt x="11861" y="7056"/>
                  </a:cubicBezTo>
                  <a:lnTo>
                    <a:pt x="11979" y="7066"/>
                  </a:lnTo>
                  <a:cubicBezTo>
                    <a:pt x="12071" y="7079"/>
                    <a:pt x="12095" y="7107"/>
                    <a:pt x="12254" y="7112"/>
                  </a:cubicBezTo>
                  <a:cubicBezTo>
                    <a:pt x="12170" y="7094"/>
                    <a:pt x="12192" y="7088"/>
                    <a:pt x="12249" y="7088"/>
                  </a:cubicBezTo>
                  <a:cubicBezTo>
                    <a:pt x="12259" y="7088"/>
                    <a:pt x="12270" y="7088"/>
                    <a:pt x="12282" y="7089"/>
                  </a:cubicBezTo>
                  <a:lnTo>
                    <a:pt x="12345" y="7089"/>
                  </a:lnTo>
                  <a:lnTo>
                    <a:pt x="12410" y="7086"/>
                  </a:lnTo>
                  <a:cubicBezTo>
                    <a:pt x="12440" y="7086"/>
                    <a:pt x="12470" y="7084"/>
                    <a:pt x="12500" y="7079"/>
                  </a:cubicBezTo>
                  <a:cubicBezTo>
                    <a:pt x="12650" y="7100"/>
                    <a:pt x="12745" y="7079"/>
                    <a:pt x="12866" y="7105"/>
                  </a:cubicBezTo>
                  <a:cubicBezTo>
                    <a:pt x="12859" y="7105"/>
                    <a:pt x="12849" y="7106"/>
                    <a:pt x="12838" y="7106"/>
                  </a:cubicBezTo>
                  <a:cubicBezTo>
                    <a:pt x="12776" y="7106"/>
                    <a:pt x="12661" y="7099"/>
                    <a:pt x="12582" y="7099"/>
                  </a:cubicBezTo>
                  <a:cubicBezTo>
                    <a:pt x="12551" y="7099"/>
                    <a:pt x="12526" y="7100"/>
                    <a:pt x="12511" y="7103"/>
                  </a:cubicBezTo>
                  <a:cubicBezTo>
                    <a:pt x="12502" y="7115"/>
                    <a:pt x="12545" y="7137"/>
                    <a:pt x="12409" y="7137"/>
                  </a:cubicBezTo>
                  <a:cubicBezTo>
                    <a:pt x="12387" y="7137"/>
                    <a:pt x="12360" y="7136"/>
                    <a:pt x="12328" y="7135"/>
                  </a:cubicBezTo>
                  <a:lnTo>
                    <a:pt x="12328" y="7135"/>
                  </a:lnTo>
                  <a:cubicBezTo>
                    <a:pt x="12422" y="7144"/>
                    <a:pt x="12470" y="7148"/>
                    <a:pt x="12499" y="7148"/>
                  </a:cubicBezTo>
                  <a:cubicBezTo>
                    <a:pt x="12552" y="7148"/>
                    <a:pt x="12537" y="7137"/>
                    <a:pt x="12606" y="7137"/>
                  </a:cubicBezTo>
                  <a:cubicBezTo>
                    <a:pt x="12610" y="7137"/>
                    <a:pt x="12615" y="7137"/>
                    <a:pt x="12620" y="7137"/>
                  </a:cubicBezTo>
                  <a:lnTo>
                    <a:pt x="12525" y="7133"/>
                  </a:lnTo>
                  <a:cubicBezTo>
                    <a:pt x="12561" y="7131"/>
                    <a:pt x="12510" y="7117"/>
                    <a:pt x="12543" y="7117"/>
                  </a:cubicBezTo>
                  <a:cubicBezTo>
                    <a:pt x="12550" y="7117"/>
                    <a:pt x="12559" y="7118"/>
                    <a:pt x="12572" y="7119"/>
                  </a:cubicBezTo>
                  <a:cubicBezTo>
                    <a:pt x="12655" y="7126"/>
                    <a:pt x="12718" y="7133"/>
                    <a:pt x="12771" y="7140"/>
                  </a:cubicBezTo>
                  <a:cubicBezTo>
                    <a:pt x="12827" y="7147"/>
                    <a:pt x="12871" y="7154"/>
                    <a:pt x="12912" y="7158"/>
                  </a:cubicBezTo>
                  <a:lnTo>
                    <a:pt x="13172" y="7191"/>
                  </a:lnTo>
                  <a:cubicBezTo>
                    <a:pt x="13123" y="7179"/>
                    <a:pt x="13225" y="7172"/>
                    <a:pt x="13276" y="7172"/>
                  </a:cubicBezTo>
                  <a:cubicBezTo>
                    <a:pt x="13489" y="7191"/>
                    <a:pt x="13274" y="7205"/>
                    <a:pt x="13403" y="7230"/>
                  </a:cubicBezTo>
                  <a:cubicBezTo>
                    <a:pt x="13477" y="7214"/>
                    <a:pt x="13621" y="7216"/>
                    <a:pt x="13572" y="7207"/>
                  </a:cubicBezTo>
                  <a:cubicBezTo>
                    <a:pt x="13658" y="7207"/>
                    <a:pt x="13614" y="7212"/>
                    <a:pt x="13674" y="7216"/>
                  </a:cubicBezTo>
                  <a:cubicBezTo>
                    <a:pt x="13743" y="7202"/>
                    <a:pt x="13813" y="7193"/>
                    <a:pt x="13884" y="7193"/>
                  </a:cubicBezTo>
                  <a:cubicBezTo>
                    <a:pt x="13892" y="7193"/>
                    <a:pt x="13900" y="7193"/>
                    <a:pt x="13908" y="7193"/>
                  </a:cubicBezTo>
                  <a:cubicBezTo>
                    <a:pt x="13898" y="7199"/>
                    <a:pt x="13884" y="7207"/>
                    <a:pt x="13802" y="7207"/>
                  </a:cubicBezTo>
                  <a:cubicBezTo>
                    <a:pt x="13797" y="7207"/>
                    <a:pt x="13792" y="7207"/>
                    <a:pt x="13787" y="7207"/>
                  </a:cubicBezTo>
                  <a:lnTo>
                    <a:pt x="13787" y="7207"/>
                  </a:lnTo>
                  <a:cubicBezTo>
                    <a:pt x="13823" y="7208"/>
                    <a:pt x="13861" y="7213"/>
                    <a:pt x="13897" y="7223"/>
                  </a:cubicBezTo>
                  <a:cubicBezTo>
                    <a:pt x="13918" y="7230"/>
                    <a:pt x="13915" y="7239"/>
                    <a:pt x="13887" y="7246"/>
                  </a:cubicBezTo>
                  <a:lnTo>
                    <a:pt x="13681" y="7239"/>
                  </a:lnTo>
                  <a:lnTo>
                    <a:pt x="13681" y="7239"/>
                  </a:lnTo>
                  <a:cubicBezTo>
                    <a:pt x="13589" y="7258"/>
                    <a:pt x="13874" y="7244"/>
                    <a:pt x="13867" y="7258"/>
                  </a:cubicBezTo>
                  <a:cubicBezTo>
                    <a:pt x="13841" y="7260"/>
                    <a:pt x="13817" y="7260"/>
                    <a:pt x="13795" y="7260"/>
                  </a:cubicBezTo>
                  <a:cubicBezTo>
                    <a:pt x="13747" y="7260"/>
                    <a:pt x="13706" y="7257"/>
                    <a:pt x="13670" y="7257"/>
                  </a:cubicBezTo>
                  <a:cubicBezTo>
                    <a:pt x="13662" y="7257"/>
                    <a:pt x="13656" y="7258"/>
                    <a:pt x="13649" y="7258"/>
                  </a:cubicBezTo>
                  <a:cubicBezTo>
                    <a:pt x="13679" y="7263"/>
                    <a:pt x="13709" y="7266"/>
                    <a:pt x="13738" y="7266"/>
                  </a:cubicBezTo>
                  <a:cubicBezTo>
                    <a:pt x="13760" y="7266"/>
                    <a:pt x="13781" y="7264"/>
                    <a:pt x="13802" y="7262"/>
                  </a:cubicBezTo>
                  <a:cubicBezTo>
                    <a:pt x="13834" y="7260"/>
                    <a:pt x="13869" y="7260"/>
                    <a:pt x="13901" y="7258"/>
                  </a:cubicBezTo>
                  <a:cubicBezTo>
                    <a:pt x="13934" y="7256"/>
                    <a:pt x="13964" y="7251"/>
                    <a:pt x="13989" y="7249"/>
                  </a:cubicBezTo>
                  <a:cubicBezTo>
                    <a:pt x="14014" y="7248"/>
                    <a:pt x="14034" y="7247"/>
                    <a:pt x="14050" y="7247"/>
                  </a:cubicBezTo>
                  <a:cubicBezTo>
                    <a:pt x="14137" y="7247"/>
                    <a:pt x="14094" y="7262"/>
                    <a:pt x="14098" y="7269"/>
                  </a:cubicBezTo>
                  <a:cubicBezTo>
                    <a:pt x="14376" y="7225"/>
                    <a:pt x="13774" y="7260"/>
                    <a:pt x="14031" y="7221"/>
                  </a:cubicBezTo>
                  <a:cubicBezTo>
                    <a:pt x="14108" y="7205"/>
                    <a:pt x="14186" y="7195"/>
                    <a:pt x="14263" y="7191"/>
                  </a:cubicBezTo>
                  <a:lnTo>
                    <a:pt x="14411" y="7179"/>
                  </a:lnTo>
                  <a:lnTo>
                    <a:pt x="14552" y="7163"/>
                  </a:lnTo>
                  <a:cubicBezTo>
                    <a:pt x="14402" y="7158"/>
                    <a:pt x="14566" y="7133"/>
                    <a:pt x="14745" y="7107"/>
                  </a:cubicBezTo>
                  <a:lnTo>
                    <a:pt x="14745" y="7107"/>
                  </a:lnTo>
                  <a:cubicBezTo>
                    <a:pt x="14687" y="7113"/>
                    <a:pt x="14654" y="7115"/>
                    <a:pt x="14633" y="7115"/>
                  </a:cubicBezTo>
                  <a:cubicBezTo>
                    <a:pt x="14601" y="7115"/>
                    <a:pt x="14597" y="7111"/>
                    <a:pt x="14574" y="7111"/>
                  </a:cubicBezTo>
                  <a:cubicBezTo>
                    <a:pt x="14551" y="7111"/>
                    <a:pt x="14511" y="7115"/>
                    <a:pt x="14409" y="7130"/>
                  </a:cubicBezTo>
                  <a:lnTo>
                    <a:pt x="14402" y="7114"/>
                  </a:lnTo>
                  <a:cubicBezTo>
                    <a:pt x="14518" y="7103"/>
                    <a:pt x="14657" y="7096"/>
                    <a:pt x="14775" y="7084"/>
                  </a:cubicBezTo>
                  <a:lnTo>
                    <a:pt x="14775" y="7084"/>
                  </a:lnTo>
                  <a:cubicBezTo>
                    <a:pt x="14749" y="7091"/>
                    <a:pt x="14777" y="7091"/>
                    <a:pt x="14740" y="7098"/>
                  </a:cubicBezTo>
                  <a:cubicBezTo>
                    <a:pt x="14856" y="7082"/>
                    <a:pt x="14969" y="7061"/>
                    <a:pt x="15083" y="7045"/>
                  </a:cubicBezTo>
                  <a:lnTo>
                    <a:pt x="15083" y="7045"/>
                  </a:lnTo>
                  <a:lnTo>
                    <a:pt x="15050" y="7059"/>
                  </a:lnTo>
                  <a:cubicBezTo>
                    <a:pt x="15263" y="7029"/>
                    <a:pt x="15525" y="6994"/>
                    <a:pt x="15650" y="6959"/>
                  </a:cubicBezTo>
                  <a:lnTo>
                    <a:pt x="15650" y="6959"/>
                  </a:lnTo>
                  <a:cubicBezTo>
                    <a:pt x="15599" y="6971"/>
                    <a:pt x="15551" y="6977"/>
                    <a:pt x="15529" y="6977"/>
                  </a:cubicBezTo>
                  <a:cubicBezTo>
                    <a:pt x="15507" y="6977"/>
                    <a:pt x="15510" y="6971"/>
                    <a:pt x="15562" y="6957"/>
                  </a:cubicBezTo>
                  <a:cubicBezTo>
                    <a:pt x="15650" y="6929"/>
                    <a:pt x="15738" y="6906"/>
                    <a:pt x="15829" y="6887"/>
                  </a:cubicBezTo>
                  <a:cubicBezTo>
                    <a:pt x="15830" y="6887"/>
                    <a:pt x="15832" y="6887"/>
                    <a:pt x="15833" y="6887"/>
                  </a:cubicBezTo>
                  <a:cubicBezTo>
                    <a:pt x="15880" y="6887"/>
                    <a:pt x="16055" y="6848"/>
                    <a:pt x="16086" y="6848"/>
                  </a:cubicBezTo>
                  <a:cubicBezTo>
                    <a:pt x="16100" y="6848"/>
                    <a:pt x="16085" y="6856"/>
                    <a:pt x="16019" y="6878"/>
                  </a:cubicBezTo>
                  <a:cubicBezTo>
                    <a:pt x="16093" y="6857"/>
                    <a:pt x="16139" y="6843"/>
                    <a:pt x="16174" y="6832"/>
                  </a:cubicBezTo>
                  <a:cubicBezTo>
                    <a:pt x="16209" y="6822"/>
                    <a:pt x="16232" y="6813"/>
                    <a:pt x="16253" y="6804"/>
                  </a:cubicBezTo>
                  <a:cubicBezTo>
                    <a:pt x="16297" y="6788"/>
                    <a:pt x="16338" y="6771"/>
                    <a:pt x="16475" y="6727"/>
                  </a:cubicBezTo>
                  <a:lnTo>
                    <a:pt x="16475" y="6727"/>
                  </a:lnTo>
                  <a:lnTo>
                    <a:pt x="16290" y="6785"/>
                  </a:lnTo>
                  <a:cubicBezTo>
                    <a:pt x="16268" y="6778"/>
                    <a:pt x="16351" y="6737"/>
                    <a:pt x="16309" y="6737"/>
                  </a:cubicBezTo>
                  <a:cubicBezTo>
                    <a:pt x="16296" y="6737"/>
                    <a:pt x="16272" y="6741"/>
                    <a:pt x="16229" y="6751"/>
                  </a:cubicBezTo>
                  <a:cubicBezTo>
                    <a:pt x="16280" y="6737"/>
                    <a:pt x="16329" y="6713"/>
                    <a:pt x="16375" y="6686"/>
                  </a:cubicBezTo>
                  <a:cubicBezTo>
                    <a:pt x="16392" y="6674"/>
                    <a:pt x="16410" y="6665"/>
                    <a:pt x="16431" y="6656"/>
                  </a:cubicBezTo>
                  <a:cubicBezTo>
                    <a:pt x="16459" y="6646"/>
                    <a:pt x="16503" y="6630"/>
                    <a:pt x="16572" y="6607"/>
                  </a:cubicBezTo>
                  <a:cubicBezTo>
                    <a:pt x="16591" y="6602"/>
                    <a:pt x="16603" y="6600"/>
                    <a:pt x="16609" y="6600"/>
                  </a:cubicBezTo>
                  <a:cubicBezTo>
                    <a:pt x="16622" y="6600"/>
                    <a:pt x="16610" y="6609"/>
                    <a:pt x="16584" y="6623"/>
                  </a:cubicBezTo>
                  <a:cubicBezTo>
                    <a:pt x="16563" y="6632"/>
                    <a:pt x="16535" y="6646"/>
                    <a:pt x="16503" y="6660"/>
                  </a:cubicBezTo>
                  <a:cubicBezTo>
                    <a:pt x="16470" y="6672"/>
                    <a:pt x="16431" y="6686"/>
                    <a:pt x="16392" y="6697"/>
                  </a:cubicBezTo>
                  <a:cubicBezTo>
                    <a:pt x="16431" y="6686"/>
                    <a:pt x="16470" y="6679"/>
                    <a:pt x="16507" y="6667"/>
                  </a:cubicBezTo>
                  <a:cubicBezTo>
                    <a:pt x="16547" y="6658"/>
                    <a:pt x="16586" y="6644"/>
                    <a:pt x="16623" y="6625"/>
                  </a:cubicBezTo>
                  <a:cubicBezTo>
                    <a:pt x="16626" y="6625"/>
                    <a:pt x="16628" y="6625"/>
                    <a:pt x="16630" y="6625"/>
                  </a:cubicBezTo>
                  <a:cubicBezTo>
                    <a:pt x="16668" y="6625"/>
                    <a:pt x="16482" y="6695"/>
                    <a:pt x="16491" y="6697"/>
                  </a:cubicBezTo>
                  <a:cubicBezTo>
                    <a:pt x="16635" y="6653"/>
                    <a:pt x="16487" y="6690"/>
                    <a:pt x="16619" y="6642"/>
                  </a:cubicBezTo>
                  <a:cubicBezTo>
                    <a:pt x="16848" y="6551"/>
                    <a:pt x="16778" y="6621"/>
                    <a:pt x="16996" y="6533"/>
                  </a:cubicBezTo>
                  <a:lnTo>
                    <a:pt x="16996" y="6533"/>
                  </a:lnTo>
                  <a:cubicBezTo>
                    <a:pt x="16962" y="6544"/>
                    <a:pt x="16910" y="6561"/>
                    <a:pt x="16899" y="6561"/>
                  </a:cubicBezTo>
                  <a:cubicBezTo>
                    <a:pt x="16894" y="6561"/>
                    <a:pt x="16898" y="6558"/>
                    <a:pt x="16915" y="6549"/>
                  </a:cubicBezTo>
                  <a:cubicBezTo>
                    <a:pt x="17214" y="6440"/>
                    <a:pt x="17077" y="6477"/>
                    <a:pt x="17288" y="6387"/>
                  </a:cubicBezTo>
                  <a:cubicBezTo>
                    <a:pt x="17319" y="6379"/>
                    <a:pt x="17351" y="6375"/>
                    <a:pt x="17384" y="6375"/>
                  </a:cubicBezTo>
                  <a:cubicBezTo>
                    <a:pt x="17390" y="6375"/>
                    <a:pt x="17397" y="6375"/>
                    <a:pt x="17404" y="6375"/>
                  </a:cubicBezTo>
                  <a:cubicBezTo>
                    <a:pt x="17422" y="6373"/>
                    <a:pt x="17443" y="6371"/>
                    <a:pt x="17462" y="6366"/>
                  </a:cubicBezTo>
                  <a:cubicBezTo>
                    <a:pt x="17499" y="6357"/>
                    <a:pt x="17534" y="6343"/>
                    <a:pt x="17568" y="6329"/>
                  </a:cubicBezTo>
                  <a:lnTo>
                    <a:pt x="17568" y="6329"/>
                  </a:lnTo>
                  <a:cubicBezTo>
                    <a:pt x="17534" y="6343"/>
                    <a:pt x="17499" y="6359"/>
                    <a:pt x="17462" y="6373"/>
                  </a:cubicBezTo>
                  <a:cubicBezTo>
                    <a:pt x="17545" y="6350"/>
                    <a:pt x="17626" y="6322"/>
                    <a:pt x="17705" y="6285"/>
                  </a:cubicBezTo>
                  <a:cubicBezTo>
                    <a:pt x="17754" y="6262"/>
                    <a:pt x="17802" y="6239"/>
                    <a:pt x="17851" y="6215"/>
                  </a:cubicBezTo>
                  <a:lnTo>
                    <a:pt x="17985" y="6141"/>
                  </a:lnTo>
                  <a:cubicBezTo>
                    <a:pt x="18076" y="6093"/>
                    <a:pt x="18164" y="6044"/>
                    <a:pt x="18249" y="5993"/>
                  </a:cubicBezTo>
                  <a:lnTo>
                    <a:pt x="18379" y="5914"/>
                  </a:lnTo>
                  <a:cubicBezTo>
                    <a:pt x="18421" y="5889"/>
                    <a:pt x="18465" y="5863"/>
                    <a:pt x="18509" y="5836"/>
                  </a:cubicBezTo>
                  <a:lnTo>
                    <a:pt x="18724" y="5702"/>
                  </a:lnTo>
                  <a:lnTo>
                    <a:pt x="18724" y="5702"/>
                  </a:lnTo>
                  <a:cubicBezTo>
                    <a:pt x="18697" y="5718"/>
                    <a:pt x="18671" y="5734"/>
                    <a:pt x="18645" y="5750"/>
                  </a:cubicBezTo>
                  <a:cubicBezTo>
                    <a:pt x="18641" y="5752"/>
                    <a:pt x="18638" y="5752"/>
                    <a:pt x="18637" y="5752"/>
                  </a:cubicBezTo>
                  <a:cubicBezTo>
                    <a:pt x="18623" y="5752"/>
                    <a:pt x="18756" y="5675"/>
                    <a:pt x="18750" y="5671"/>
                  </a:cubicBezTo>
                  <a:lnTo>
                    <a:pt x="18840" y="5629"/>
                  </a:lnTo>
                  <a:cubicBezTo>
                    <a:pt x="18842" y="5627"/>
                    <a:pt x="18841" y="5625"/>
                    <a:pt x="18839" y="5625"/>
                  </a:cubicBezTo>
                  <a:cubicBezTo>
                    <a:pt x="18829" y="5625"/>
                    <a:pt x="18789" y="5646"/>
                    <a:pt x="18752" y="5664"/>
                  </a:cubicBezTo>
                  <a:cubicBezTo>
                    <a:pt x="18721" y="5680"/>
                    <a:pt x="18690" y="5693"/>
                    <a:pt x="18681" y="5693"/>
                  </a:cubicBezTo>
                  <a:cubicBezTo>
                    <a:pt x="18676" y="5693"/>
                    <a:pt x="18676" y="5690"/>
                    <a:pt x="18683" y="5683"/>
                  </a:cubicBezTo>
                  <a:cubicBezTo>
                    <a:pt x="18703" y="5676"/>
                    <a:pt x="18722" y="5666"/>
                    <a:pt x="18740" y="5655"/>
                  </a:cubicBezTo>
                  <a:lnTo>
                    <a:pt x="18740" y="5655"/>
                  </a:lnTo>
                  <a:lnTo>
                    <a:pt x="18657" y="5694"/>
                  </a:lnTo>
                  <a:cubicBezTo>
                    <a:pt x="18740" y="5650"/>
                    <a:pt x="18821" y="5602"/>
                    <a:pt x="18900" y="5546"/>
                  </a:cubicBezTo>
                  <a:cubicBezTo>
                    <a:pt x="18967" y="5502"/>
                    <a:pt x="19039" y="5463"/>
                    <a:pt x="19113" y="5428"/>
                  </a:cubicBezTo>
                  <a:lnTo>
                    <a:pt x="19113" y="5428"/>
                  </a:lnTo>
                  <a:cubicBezTo>
                    <a:pt x="19030" y="5483"/>
                    <a:pt x="18984" y="5511"/>
                    <a:pt x="18958" y="5532"/>
                  </a:cubicBezTo>
                  <a:cubicBezTo>
                    <a:pt x="18935" y="5553"/>
                    <a:pt x="18933" y="5562"/>
                    <a:pt x="18928" y="5569"/>
                  </a:cubicBezTo>
                  <a:cubicBezTo>
                    <a:pt x="18921" y="5587"/>
                    <a:pt x="18919" y="5605"/>
                    <a:pt x="18763" y="5701"/>
                  </a:cubicBezTo>
                  <a:lnTo>
                    <a:pt x="18763" y="5701"/>
                  </a:lnTo>
                  <a:cubicBezTo>
                    <a:pt x="18813" y="5670"/>
                    <a:pt x="18834" y="5660"/>
                    <a:pt x="18840" y="5660"/>
                  </a:cubicBezTo>
                  <a:cubicBezTo>
                    <a:pt x="18852" y="5660"/>
                    <a:pt x="18800" y="5704"/>
                    <a:pt x="18811" y="5704"/>
                  </a:cubicBezTo>
                  <a:cubicBezTo>
                    <a:pt x="18811" y="5704"/>
                    <a:pt x="18812" y="5704"/>
                    <a:pt x="18812" y="5704"/>
                  </a:cubicBezTo>
                  <a:cubicBezTo>
                    <a:pt x="18910" y="5648"/>
                    <a:pt x="18852" y="5664"/>
                    <a:pt x="18963" y="5604"/>
                  </a:cubicBezTo>
                  <a:lnTo>
                    <a:pt x="18963" y="5604"/>
                  </a:lnTo>
                  <a:cubicBezTo>
                    <a:pt x="18965" y="5614"/>
                    <a:pt x="18805" y="5721"/>
                    <a:pt x="18819" y="5721"/>
                  </a:cubicBezTo>
                  <a:cubicBezTo>
                    <a:pt x="18822" y="5721"/>
                    <a:pt x="18830" y="5717"/>
                    <a:pt x="18847" y="5708"/>
                  </a:cubicBezTo>
                  <a:cubicBezTo>
                    <a:pt x="18849" y="5687"/>
                    <a:pt x="18947" y="5632"/>
                    <a:pt x="18986" y="5592"/>
                  </a:cubicBezTo>
                  <a:cubicBezTo>
                    <a:pt x="19011" y="5580"/>
                    <a:pt x="19021" y="5576"/>
                    <a:pt x="19025" y="5576"/>
                  </a:cubicBezTo>
                  <a:cubicBezTo>
                    <a:pt x="19031" y="5576"/>
                    <a:pt x="19012" y="5591"/>
                    <a:pt x="19018" y="5591"/>
                  </a:cubicBezTo>
                  <a:cubicBezTo>
                    <a:pt x="19020" y="5591"/>
                    <a:pt x="19022" y="5590"/>
                    <a:pt x="19028" y="5588"/>
                  </a:cubicBezTo>
                  <a:cubicBezTo>
                    <a:pt x="19072" y="5562"/>
                    <a:pt x="19095" y="5539"/>
                    <a:pt x="19134" y="5516"/>
                  </a:cubicBezTo>
                  <a:lnTo>
                    <a:pt x="19134" y="5516"/>
                  </a:lnTo>
                  <a:lnTo>
                    <a:pt x="19111" y="5546"/>
                  </a:lnTo>
                  <a:cubicBezTo>
                    <a:pt x="19336" y="5421"/>
                    <a:pt x="19169" y="5490"/>
                    <a:pt x="19417" y="5335"/>
                  </a:cubicBezTo>
                  <a:cubicBezTo>
                    <a:pt x="19417" y="5333"/>
                    <a:pt x="19416" y="5332"/>
                    <a:pt x="19413" y="5332"/>
                  </a:cubicBezTo>
                  <a:cubicBezTo>
                    <a:pt x="19398" y="5332"/>
                    <a:pt x="19330" y="5378"/>
                    <a:pt x="19241" y="5437"/>
                  </a:cubicBezTo>
                  <a:cubicBezTo>
                    <a:pt x="19239" y="5437"/>
                    <a:pt x="19238" y="5437"/>
                    <a:pt x="19237" y="5437"/>
                  </a:cubicBezTo>
                  <a:cubicBezTo>
                    <a:pt x="19212" y="5437"/>
                    <a:pt x="19283" y="5381"/>
                    <a:pt x="19359" y="5321"/>
                  </a:cubicBezTo>
                  <a:cubicBezTo>
                    <a:pt x="19438" y="5261"/>
                    <a:pt x="19516" y="5194"/>
                    <a:pt x="19496" y="5185"/>
                  </a:cubicBezTo>
                  <a:cubicBezTo>
                    <a:pt x="19563" y="5137"/>
                    <a:pt x="19585" y="5122"/>
                    <a:pt x="19589" y="5122"/>
                  </a:cubicBezTo>
                  <a:cubicBezTo>
                    <a:pt x="19594" y="5122"/>
                    <a:pt x="19558" y="5154"/>
                    <a:pt x="19567" y="5154"/>
                  </a:cubicBezTo>
                  <a:cubicBezTo>
                    <a:pt x="19572" y="5154"/>
                    <a:pt x="19592" y="5144"/>
                    <a:pt x="19642" y="5113"/>
                  </a:cubicBezTo>
                  <a:cubicBezTo>
                    <a:pt x="19657" y="5105"/>
                    <a:pt x="19667" y="5101"/>
                    <a:pt x="19671" y="5101"/>
                  </a:cubicBezTo>
                  <a:cubicBezTo>
                    <a:pt x="19682" y="5101"/>
                    <a:pt x="19657" y="5126"/>
                    <a:pt x="19618" y="5157"/>
                  </a:cubicBezTo>
                  <a:cubicBezTo>
                    <a:pt x="19563" y="5199"/>
                    <a:pt x="19493" y="5254"/>
                    <a:pt x="19472" y="5277"/>
                  </a:cubicBezTo>
                  <a:lnTo>
                    <a:pt x="19683" y="5150"/>
                  </a:lnTo>
                  <a:lnTo>
                    <a:pt x="19683" y="5150"/>
                  </a:lnTo>
                  <a:cubicBezTo>
                    <a:pt x="19632" y="5219"/>
                    <a:pt x="19500" y="5298"/>
                    <a:pt x="19479" y="5344"/>
                  </a:cubicBezTo>
                  <a:cubicBezTo>
                    <a:pt x="19556" y="5293"/>
                    <a:pt x="19588" y="5268"/>
                    <a:pt x="19621" y="5245"/>
                  </a:cubicBezTo>
                  <a:cubicBezTo>
                    <a:pt x="19653" y="5219"/>
                    <a:pt x="19686" y="5194"/>
                    <a:pt x="19755" y="5134"/>
                  </a:cubicBezTo>
                  <a:lnTo>
                    <a:pt x="19755" y="5134"/>
                  </a:lnTo>
                  <a:cubicBezTo>
                    <a:pt x="19727" y="5157"/>
                    <a:pt x="19695" y="5173"/>
                    <a:pt x="19660" y="5187"/>
                  </a:cubicBezTo>
                  <a:cubicBezTo>
                    <a:pt x="19655" y="5187"/>
                    <a:pt x="19669" y="5173"/>
                    <a:pt x="19690" y="5157"/>
                  </a:cubicBezTo>
                  <a:cubicBezTo>
                    <a:pt x="19715" y="5134"/>
                    <a:pt x="19747" y="5106"/>
                    <a:pt x="19735" y="5106"/>
                  </a:cubicBezTo>
                  <a:cubicBezTo>
                    <a:pt x="19731" y="5106"/>
                    <a:pt x="19719" y="5111"/>
                    <a:pt x="19697" y="5122"/>
                  </a:cubicBezTo>
                  <a:cubicBezTo>
                    <a:pt x="19783" y="5071"/>
                    <a:pt x="19864" y="5016"/>
                    <a:pt x="19943" y="4958"/>
                  </a:cubicBezTo>
                  <a:lnTo>
                    <a:pt x="19943" y="4958"/>
                  </a:lnTo>
                  <a:cubicBezTo>
                    <a:pt x="19845" y="5039"/>
                    <a:pt x="19954" y="4978"/>
                    <a:pt x="19818" y="5080"/>
                  </a:cubicBezTo>
                  <a:cubicBezTo>
                    <a:pt x="20035" y="4918"/>
                    <a:pt x="19973" y="4955"/>
                    <a:pt x="20186" y="4789"/>
                  </a:cubicBezTo>
                  <a:cubicBezTo>
                    <a:pt x="20194" y="4778"/>
                    <a:pt x="20194" y="4774"/>
                    <a:pt x="20190" y="4774"/>
                  </a:cubicBezTo>
                  <a:cubicBezTo>
                    <a:pt x="20176" y="4774"/>
                    <a:pt x="20109" y="4819"/>
                    <a:pt x="20100" y="4819"/>
                  </a:cubicBezTo>
                  <a:cubicBezTo>
                    <a:pt x="20094" y="4819"/>
                    <a:pt x="20116" y="4797"/>
                    <a:pt x="20202" y="4724"/>
                  </a:cubicBezTo>
                  <a:cubicBezTo>
                    <a:pt x="20228" y="4703"/>
                    <a:pt x="20240" y="4695"/>
                    <a:pt x="20243" y="4695"/>
                  </a:cubicBezTo>
                  <a:cubicBezTo>
                    <a:pt x="20246" y="4695"/>
                    <a:pt x="20236" y="4705"/>
                    <a:pt x="20218" y="4719"/>
                  </a:cubicBezTo>
                  <a:cubicBezTo>
                    <a:pt x="20285" y="4668"/>
                    <a:pt x="20297" y="4655"/>
                    <a:pt x="20289" y="4655"/>
                  </a:cubicBezTo>
                  <a:cubicBezTo>
                    <a:pt x="20282" y="4655"/>
                    <a:pt x="20257" y="4667"/>
                    <a:pt x="20247" y="4667"/>
                  </a:cubicBezTo>
                  <a:cubicBezTo>
                    <a:pt x="20239" y="4667"/>
                    <a:pt x="20241" y="4659"/>
                    <a:pt x="20272" y="4631"/>
                  </a:cubicBezTo>
                  <a:cubicBezTo>
                    <a:pt x="20324" y="4585"/>
                    <a:pt x="20355" y="4562"/>
                    <a:pt x="20361" y="4562"/>
                  </a:cubicBezTo>
                  <a:cubicBezTo>
                    <a:pt x="20364" y="4562"/>
                    <a:pt x="20362" y="4567"/>
                    <a:pt x="20353" y="4578"/>
                  </a:cubicBezTo>
                  <a:cubicBezTo>
                    <a:pt x="20462" y="4471"/>
                    <a:pt x="20390" y="4515"/>
                    <a:pt x="20464" y="4446"/>
                  </a:cubicBezTo>
                  <a:lnTo>
                    <a:pt x="20464" y="4446"/>
                  </a:lnTo>
                  <a:lnTo>
                    <a:pt x="20427" y="4476"/>
                  </a:lnTo>
                  <a:cubicBezTo>
                    <a:pt x="20441" y="4460"/>
                    <a:pt x="20422" y="4464"/>
                    <a:pt x="20418" y="4457"/>
                  </a:cubicBezTo>
                  <a:cubicBezTo>
                    <a:pt x="20415" y="4448"/>
                    <a:pt x="20431" y="4427"/>
                    <a:pt x="20513" y="4355"/>
                  </a:cubicBezTo>
                  <a:cubicBezTo>
                    <a:pt x="20578" y="4298"/>
                    <a:pt x="20598" y="4284"/>
                    <a:pt x="20604" y="4284"/>
                  </a:cubicBezTo>
                  <a:cubicBezTo>
                    <a:pt x="20609" y="4284"/>
                    <a:pt x="20604" y="4293"/>
                    <a:pt x="20607" y="4295"/>
                  </a:cubicBezTo>
                  <a:cubicBezTo>
                    <a:pt x="20651" y="4251"/>
                    <a:pt x="20693" y="4214"/>
                    <a:pt x="20730" y="4182"/>
                  </a:cubicBezTo>
                  <a:cubicBezTo>
                    <a:pt x="20767" y="4149"/>
                    <a:pt x="20802" y="4121"/>
                    <a:pt x="20837" y="4094"/>
                  </a:cubicBezTo>
                  <a:lnTo>
                    <a:pt x="20837" y="4094"/>
                  </a:lnTo>
                  <a:cubicBezTo>
                    <a:pt x="20836" y="4094"/>
                    <a:pt x="20835" y="4094"/>
                    <a:pt x="20834" y="4094"/>
                  </a:cubicBezTo>
                  <a:cubicBezTo>
                    <a:pt x="20828" y="4094"/>
                    <a:pt x="20833" y="4084"/>
                    <a:pt x="20858" y="4061"/>
                  </a:cubicBezTo>
                  <a:cubicBezTo>
                    <a:pt x="21006" y="3913"/>
                    <a:pt x="20957" y="3992"/>
                    <a:pt x="21015" y="3938"/>
                  </a:cubicBezTo>
                  <a:cubicBezTo>
                    <a:pt x="21233" y="3732"/>
                    <a:pt x="20964" y="3938"/>
                    <a:pt x="21198" y="3702"/>
                  </a:cubicBezTo>
                  <a:lnTo>
                    <a:pt x="21198" y="3702"/>
                  </a:lnTo>
                  <a:lnTo>
                    <a:pt x="21057" y="3839"/>
                  </a:lnTo>
                  <a:cubicBezTo>
                    <a:pt x="21011" y="3883"/>
                    <a:pt x="20964" y="3929"/>
                    <a:pt x="20916" y="3971"/>
                  </a:cubicBezTo>
                  <a:cubicBezTo>
                    <a:pt x="20918" y="3962"/>
                    <a:pt x="20918" y="3954"/>
                    <a:pt x="20911" y="3954"/>
                  </a:cubicBezTo>
                  <a:cubicBezTo>
                    <a:pt x="20903" y="3954"/>
                    <a:pt x="20887" y="3964"/>
                    <a:pt x="20855" y="3994"/>
                  </a:cubicBezTo>
                  <a:cubicBezTo>
                    <a:pt x="20860" y="4010"/>
                    <a:pt x="20770" y="4114"/>
                    <a:pt x="20675" y="4200"/>
                  </a:cubicBezTo>
                  <a:cubicBezTo>
                    <a:pt x="20674" y="4200"/>
                    <a:pt x="20673" y="4201"/>
                    <a:pt x="20672" y="4201"/>
                  </a:cubicBezTo>
                  <a:cubicBezTo>
                    <a:pt x="20656" y="4201"/>
                    <a:pt x="20813" y="4045"/>
                    <a:pt x="20797" y="4045"/>
                  </a:cubicBezTo>
                  <a:cubicBezTo>
                    <a:pt x="20793" y="4045"/>
                    <a:pt x="20777" y="4056"/>
                    <a:pt x="20742" y="4084"/>
                  </a:cubicBezTo>
                  <a:cubicBezTo>
                    <a:pt x="20800" y="4033"/>
                    <a:pt x="20876" y="3955"/>
                    <a:pt x="20946" y="3890"/>
                  </a:cubicBezTo>
                  <a:lnTo>
                    <a:pt x="20946" y="3890"/>
                  </a:lnTo>
                  <a:cubicBezTo>
                    <a:pt x="20939" y="3900"/>
                    <a:pt x="20937" y="3904"/>
                    <a:pt x="20939" y="3904"/>
                  </a:cubicBezTo>
                  <a:cubicBezTo>
                    <a:pt x="20950" y="3904"/>
                    <a:pt x="21076" y="3772"/>
                    <a:pt x="21085" y="3772"/>
                  </a:cubicBezTo>
                  <a:lnTo>
                    <a:pt x="21085" y="3772"/>
                  </a:lnTo>
                  <a:cubicBezTo>
                    <a:pt x="21087" y="3772"/>
                    <a:pt x="21081" y="3782"/>
                    <a:pt x="21062" y="3806"/>
                  </a:cubicBezTo>
                  <a:cubicBezTo>
                    <a:pt x="21210" y="3658"/>
                    <a:pt x="21291" y="3568"/>
                    <a:pt x="21372" y="3484"/>
                  </a:cubicBezTo>
                  <a:cubicBezTo>
                    <a:pt x="21451" y="3399"/>
                    <a:pt x="21522" y="3313"/>
                    <a:pt x="21645" y="3165"/>
                  </a:cubicBezTo>
                  <a:lnTo>
                    <a:pt x="21645" y="3165"/>
                  </a:lnTo>
                  <a:cubicBezTo>
                    <a:pt x="21615" y="3218"/>
                    <a:pt x="21583" y="3267"/>
                    <a:pt x="21546" y="3315"/>
                  </a:cubicBezTo>
                  <a:cubicBezTo>
                    <a:pt x="21518" y="3352"/>
                    <a:pt x="21488" y="3394"/>
                    <a:pt x="21455" y="3433"/>
                  </a:cubicBezTo>
                  <a:cubicBezTo>
                    <a:pt x="21421" y="3473"/>
                    <a:pt x="21383" y="3512"/>
                    <a:pt x="21349" y="3547"/>
                  </a:cubicBezTo>
                  <a:lnTo>
                    <a:pt x="21330" y="3552"/>
                  </a:lnTo>
                  <a:cubicBezTo>
                    <a:pt x="21292" y="3596"/>
                    <a:pt x="21279" y="3613"/>
                    <a:pt x="21282" y="3613"/>
                  </a:cubicBezTo>
                  <a:cubicBezTo>
                    <a:pt x="21289" y="3613"/>
                    <a:pt x="21438" y="3457"/>
                    <a:pt x="21453" y="3457"/>
                  </a:cubicBezTo>
                  <a:cubicBezTo>
                    <a:pt x="21454" y="3457"/>
                    <a:pt x="21454" y="3458"/>
                    <a:pt x="21453" y="3461"/>
                  </a:cubicBezTo>
                  <a:cubicBezTo>
                    <a:pt x="21641" y="3211"/>
                    <a:pt x="21916" y="2947"/>
                    <a:pt x="22136" y="2632"/>
                  </a:cubicBezTo>
                  <a:lnTo>
                    <a:pt x="22136" y="2632"/>
                  </a:lnTo>
                  <a:cubicBezTo>
                    <a:pt x="22123" y="2645"/>
                    <a:pt x="22117" y="2650"/>
                    <a:pt x="22114" y="2650"/>
                  </a:cubicBezTo>
                  <a:cubicBezTo>
                    <a:pt x="22107" y="2650"/>
                    <a:pt x="22130" y="2613"/>
                    <a:pt x="22132" y="2599"/>
                  </a:cubicBezTo>
                  <a:lnTo>
                    <a:pt x="22132" y="2599"/>
                  </a:lnTo>
                  <a:cubicBezTo>
                    <a:pt x="22041" y="2722"/>
                    <a:pt x="22060" y="2704"/>
                    <a:pt x="21981" y="2785"/>
                  </a:cubicBezTo>
                  <a:cubicBezTo>
                    <a:pt x="21986" y="2762"/>
                    <a:pt x="22044" y="2690"/>
                    <a:pt x="22067" y="2648"/>
                  </a:cubicBezTo>
                  <a:cubicBezTo>
                    <a:pt x="22068" y="2643"/>
                    <a:pt x="22068" y="2640"/>
                    <a:pt x="22067" y="2640"/>
                  </a:cubicBezTo>
                  <a:cubicBezTo>
                    <a:pt x="22057" y="2640"/>
                    <a:pt x="21990" y="2744"/>
                    <a:pt x="21958" y="2778"/>
                  </a:cubicBezTo>
                  <a:cubicBezTo>
                    <a:pt x="22000" y="2718"/>
                    <a:pt x="22039" y="2655"/>
                    <a:pt x="22074" y="2590"/>
                  </a:cubicBezTo>
                  <a:cubicBezTo>
                    <a:pt x="22104" y="2560"/>
                    <a:pt x="22139" y="2530"/>
                    <a:pt x="22173" y="2502"/>
                  </a:cubicBezTo>
                  <a:cubicBezTo>
                    <a:pt x="22227" y="2430"/>
                    <a:pt x="22264" y="2377"/>
                    <a:pt x="22289" y="2333"/>
                  </a:cubicBezTo>
                  <a:cubicBezTo>
                    <a:pt x="22317" y="2291"/>
                    <a:pt x="22336" y="2257"/>
                    <a:pt x="22354" y="2227"/>
                  </a:cubicBezTo>
                  <a:cubicBezTo>
                    <a:pt x="22390" y="2161"/>
                    <a:pt x="22429" y="2096"/>
                    <a:pt x="22469" y="2033"/>
                  </a:cubicBezTo>
                  <a:lnTo>
                    <a:pt x="22469" y="2033"/>
                  </a:lnTo>
                  <a:cubicBezTo>
                    <a:pt x="22466" y="2038"/>
                    <a:pt x="22466" y="2040"/>
                    <a:pt x="22467" y="2040"/>
                  </a:cubicBezTo>
                  <a:cubicBezTo>
                    <a:pt x="22469" y="2040"/>
                    <a:pt x="22486" y="2020"/>
                    <a:pt x="22488" y="2020"/>
                  </a:cubicBezTo>
                  <a:lnTo>
                    <a:pt x="22488" y="2020"/>
                  </a:lnTo>
                  <a:cubicBezTo>
                    <a:pt x="22490" y="2020"/>
                    <a:pt x="22482" y="2032"/>
                    <a:pt x="22451" y="2076"/>
                  </a:cubicBezTo>
                  <a:cubicBezTo>
                    <a:pt x="22470" y="2050"/>
                    <a:pt x="22488" y="2025"/>
                    <a:pt x="22507" y="1997"/>
                  </a:cubicBezTo>
                  <a:lnTo>
                    <a:pt x="22507" y="1997"/>
                  </a:lnTo>
                  <a:cubicBezTo>
                    <a:pt x="22477" y="2053"/>
                    <a:pt x="22440" y="2115"/>
                    <a:pt x="22400" y="2180"/>
                  </a:cubicBezTo>
                  <a:cubicBezTo>
                    <a:pt x="22363" y="2243"/>
                    <a:pt x="22324" y="2310"/>
                    <a:pt x="22287" y="2366"/>
                  </a:cubicBezTo>
                  <a:cubicBezTo>
                    <a:pt x="22218" y="2472"/>
                    <a:pt x="22170" y="2554"/>
                    <a:pt x="22189" y="2554"/>
                  </a:cubicBezTo>
                  <a:cubicBezTo>
                    <a:pt x="22190" y="2554"/>
                    <a:pt x="22191" y="2553"/>
                    <a:pt x="22192" y="2553"/>
                  </a:cubicBezTo>
                  <a:cubicBezTo>
                    <a:pt x="22250" y="2470"/>
                    <a:pt x="22298" y="2393"/>
                    <a:pt x="22347" y="2315"/>
                  </a:cubicBezTo>
                  <a:cubicBezTo>
                    <a:pt x="22396" y="2233"/>
                    <a:pt x="22444" y="2148"/>
                    <a:pt x="22514" y="2044"/>
                  </a:cubicBezTo>
                  <a:lnTo>
                    <a:pt x="22514" y="2055"/>
                  </a:lnTo>
                  <a:cubicBezTo>
                    <a:pt x="22548" y="2002"/>
                    <a:pt x="22557" y="1986"/>
                    <a:pt x="22555" y="1986"/>
                  </a:cubicBezTo>
                  <a:lnTo>
                    <a:pt x="22555" y="1986"/>
                  </a:lnTo>
                  <a:cubicBezTo>
                    <a:pt x="22552" y="1986"/>
                    <a:pt x="22525" y="2020"/>
                    <a:pt x="22521" y="2020"/>
                  </a:cubicBezTo>
                  <a:cubicBezTo>
                    <a:pt x="22520" y="2020"/>
                    <a:pt x="22521" y="2018"/>
                    <a:pt x="22523" y="2013"/>
                  </a:cubicBezTo>
                  <a:cubicBezTo>
                    <a:pt x="22558" y="1949"/>
                    <a:pt x="22600" y="1886"/>
                    <a:pt x="22648" y="1828"/>
                  </a:cubicBezTo>
                  <a:cubicBezTo>
                    <a:pt x="22688" y="1784"/>
                    <a:pt x="22718" y="1733"/>
                    <a:pt x="22739" y="1678"/>
                  </a:cubicBezTo>
                  <a:lnTo>
                    <a:pt x="22739" y="1678"/>
                  </a:lnTo>
                  <a:cubicBezTo>
                    <a:pt x="22704" y="1735"/>
                    <a:pt x="22664" y="1793"/>
                    <a:pt x="22627" y="1851"/>
                  </a:cubicBezTo>
                  <a:cubicBezTo>
                    <a:pt x="22648" y="1810"/>
                    <a:pt x="22654" y="1796"/>
                    <a:pt x="22653" y="1796"/>
                  </a:cubicBezTo>
                  <a:lnTo>
                    <a:pt x="22653" y="1796"/>
                  </a:lnTo>
                  <a:cubicBezTo>
                    <a:pt x="22650" y="1796"/>
                    <a:pt x="22616" y="1851"/>
                    <a:pt x="22605" y="1851"/>
                  </a:cubicBezTo>
                  <a:cubicBezTo>
                    <a:pt x="22603" y="1851"/>
                    <a:pt x="22602" y="1849"/>
                    <a:pt x="22602" y="1844"/>
                  </a:cubicBezTo>
                  <a:cubicBezTo>
                    <a:pt x="22669" y="1724"/>
                    <a:pt x="22759" y="1559"/>
                    <a:pt x="22857" y="1381"/>
                  </a:cubicBezTo>
                  <a:lnTo>
                    <a:pt x="22998" y="1105"/>
                  </a:lnTo>
                  <a:cubicBezTo>
                    <a:pt x="23042" y="1010"/>
                    <a:pt x="23084" y="915"/>
                    <a:pt x="23121" y="827"/>
                  </a:cubicBezTo>
                  <a:lnTo>
                    <a:pt x="23121" y="827"/>
                  </a:lnTo>
                  <a:cubicBezTo>
                    <a:pt x="23070" y="908"/>
                    <a:pt x="23024" y="994"/>
                    <a:pt x="22984" y="1085"/>
                  </a:cubicBezTo>
                  <a:cubicBezTo>
                    <a:pt x="22986" y="1032"/>
                    <a:pt x="23000" y="991"/>
                    <a:pt x="22989" y="991"/>
                  </a:cubicBezTo>
                  <a:cubicBezTo>
                    <a:pt x="22985" y="991"/>
                    <a:pt x="22976" y="997"/>
                    <a:pt x="22961" y="1013"/>
                  </a:cubicBezTo>
                  <a:cubicBezTo>
                    <a:pt x="22936" y="1066"/>
                    <a:pt x="22905" y="1117"/>
                    <a:pt x="22878" y="1170"/>
                  </a:cubicBezTo>
                  <a:lnTo>
                    <a:pt x="22852" y="1159"/>
                  </a:lnTo>
                  <a:cubicBezTo>
                    <a:pt x="22873" y="1117"/>
                    <a:pt x="22898" y="1075"/>
                    <a:pt x="22919" y="1038"/>
                  </a:cubicBezTo>
                  <a:cubicBezTo>
                    <a:pt x="22915" y="1008"/>
                    <a:pt x="23040" y="797"/>
                    <a:pt x="23030" y="779"/>
                  </a:cubicBezTo>
                  <a:lnTo>
                    <a:pt x="23030" y="779"/>
                  </a:lnTo>
                  <a:lnTo>
                    <a:pt x="22968" y="915"/>
                  </a:lnTo>
                  <a:cubicBezTo>
                    <a:pt x="22961" y="925"/>
                    <a:pt x="22957" y="929"/>
                    <a:pt x="22955" y="929"/>
                  </a:cubicBezTo>
                  <a:cubicBezTo>
                    <a:pt x="22945" y="929"/>
                    <a:pt x="23007" y="801"/>
                    <a:pt x="23042" y="719"/>
                  </a:cubicBezTo>
                  <a:lnTo>
                    <a:pt x="23042" y="719"/>
                  </a:lnTo>
                  <a:cubicBezTo>
                    <a:pt x="23000" y="783"/>
                    <a:pt x="22966" y="851"/>
                    <a:pt x="22938" y="922"/>
                  </a:cubicBezTo>
                  <a:cubicBezTo>
                    <a:pt x="22917" y="966"/>
                    <a:pt x="22898" y="1015"/>
                    <a:pt x="22875" y="1061"/>
                  </a:cubicBezTo>
                  <a:cubicBezTo>
                    <a:pt x="22852" y="1110"/>
                    <a:pt x="22829" y="1159"/>
                    <a:pt x="22803" y="1207"/>
                  </a:cubicBezTo>
                  <a:cubicBezTo>
                    <a:pt x="22804" y="1207"/>
                    <a:pt x="22804" y="1207"/>
                    <a:pt x="22804" y="1207"/>
                  </a:cubicBezTo>
                  <a:cubicBezTo>
                    <a:pt x="22812" y="1207"/>
                    <a:pt x="22782" y="1291"/>
                    <a:pt x="22790" y="1291"/>
                  </a:cubicBezTo>
                  <a:cubicBezTo>
                    <a:pt x="22794" y="1291"/>
                    <a:pt x="22807" y="1271"/>
                    <a:pt x="22838" y="1212"/>
                  </a:cubicBezTo>
                  <a:lnTo>
                    <a:pt x="22838" y="1212"/>
                  </a:lnTo>
                  <a:cubicBezTo>
                    <a:pt x="22847" y="1219"/>
                    <a:pt x="22797" y="1335"/>
                    <a:pt x="22757" y="1406"/>
                  </a:cubicBezTo>
                  <a:cubicBezTo>
                    <a:pt x="22759" y="1402"/>
                    <a:pt x="22759" y="1400"/>
                    <a:pt x="22757" y="1400"/>
                  </a:cubicBezTo>
                  <a:cubicBezTo>
                    <a:pt x="22750" y="1400"/>
                    <a:pt x="22717" y="1440"/>
                    <a:pt x="22707" y="1440"/>
                  </a:cubicBezTo>
                  <a:cubicBezTo>
                    <a:pt x="22703" y="1440"/>
                    <a:pt x="22703" y="1433"/>
                    <a:pt x="22711" y="1412"/>
                  </a:cubicBezTo>
                  <a:lnTo>
                    <a:pt x="22711" y="1412"/>
                  </a:lnTo>
                  <a:cubicBezTo>
                    <a:pt x="22665" y="1507"/>
                    <a:pt x="22685" y="1455"/>
                    <a:pt x="22602" y="1613"/>
                  </a:cubicBezTo>
                  <a:cubicBezTo>
                    <a:pt x="22602" y="1612"/>
                    <a:pt x="22602" y="1611"/>
                    <a:pt x="22602" y="1611"/>
                  </a:cubicBezTo>
                  <a:lnTo>
                    <a:pt x="22602" y="1611"/>
                  </a:lnTo>
                  <a:cubicBezTo>
                    <a:pt x="22597" y="1611"/>
                    <a:pt x="22431" y="1891"/>
                    <a:pt x="22410" y="1891"/>
                  </a:cubicBezTo>
                  <a:cubicBezTo>
                    <a:pt x="22408" y="1891"/>
                    <a:pt x="22408" y="1890"/>
                    <a:pt x="22407" y="1888"/>
                  </a:cubicBezTo>
                  <a:lnTo>
                    <a:pt x="22407" y="1888"/>
                  </a:lnTo>
                  <a:cubicBezTo>
                    <a:pt x="22380" y="1949"/>
                    <a:pt x="22440" y="1907"/>
                    <a:pt x="22310" y="2106"/>
                  </a:cubicBezTo>
                  <a:cubicBezTo>
                    <a:pt x="22347" y="2067"/>
                    <a:pt x="22382" y="2025"/>
                    <a:pt x="22414" y="1981"/>
                  </a:cubicBezTo>
                  <a:cubicBezTo>
                    <a:pt x="22431" y="1960"/>
                    <a:pt x="22442" y="1946"/>
                    <a:pt x="22444" y="1946"/>
                  </a:cubicBezTo>
                  <a:lnTo>
                    <a:pt x="22444" y="1946"/>
                  </a:lnTo>
                  <a:cubicBezTo>
                    <a:pt x="22447" y="1949"/>
                    <a:pt x="22442" y="1965"/>
                    <a:pt x="22421" y="2004"/>
                  </a:cubicBezTo>
                  <a:cubicBezTo>
                    <a:pt x="22440" y="1972"/>
                    <a:pt x="22456" y="1935"/>
                    <a:pt x="22475" y="1900"/>
                  </a:cubicBezTo>
                  <a:cubicBezTo>
                    <a:pt x="22505" y="1854"/>
                    <a:pt x="22514" y="1844"/>
                    <a:pt x="22518" y="1844"/>
                  </a:cubicBezTo>
                  <a:cubicBezTo>
                    <a:pt x="22520" y="1844"/>
                    <a:pt x="22519" y="1852"/>
                    <a:pt x="22522" y="1852"/>
                  </a:cubicBezTo>
                  <a:cubicBezTo>
                    <a:pt x="22526" y="1852"/>
                    <a:pt x="22539" y="1837"/>
                    <a:pt x="22586" y="1766"/>
                  </a:cubicBezTo>
                  <a:lnTo>
                    <a:pt x="22586" y="1766"/>
                  </a:lnTo>
                  <a:cubicBezTo>
                    <a:pt x="22551" y="1819"/>
                    <a:pt x="22491" y="1937"/>
                    <a:pt x="22465" y="1953"/>
                  </a:cubicBezTo>
                  <a:cubicBezTo>
                    <a:pt x="22468" y="1952"/>
                    <a:pt x="22470" y="1952"/>
                    <a:pt x="22471" y="1952"/>
                  </a:cubicBezTo>
                  <a:cubicBezTo>
                    <a:pt x="22510" y="1952"/>
                    <a:pt x="22301" y="2237"/>
                    <a:pt x="22317" y="2259"/>
                  </a:cubicBezTo>
                  <a:cubicBezTo>
                    <a:pt x="22264" y="2317"/>
                    <a:pt x="22217" y="2379"/>
                    <a:pt x="22176" y="2447"/>
                  </a:cubicBezTo>
                  <a:cubicBezTo>
                    <a:pt x="22176" y="2442"/>
                    <a:pt x="22174" y="2441"/>
                    <a:pt x="22172" y="2441"/>
                  </a:cubicBezTo>
                  <a:cubicBezTo>
                    <a:pt x="22169" y="2441"/>
                    <a:pt x="22164" y="2443"/>
                    <a:pt x="22161" y="2443"/>
                  </a:cubicBezTo>
                  <a:cubicBezTo>
                    <a:pt x="22155" y="2443"/>
                    <a:pt x="22156" y="2436"/>
                    <a:pt x="22180" y="2396"/>
                  </a:cubicBezTo>
                  <a:cubicBezTo>
                    <a:pt x="22227" y="2333"/>
                    <a:pt x="22257" y="2287"/>
                    <a:pt x="22310" y="2220"/>
                  </a:cubicBezTo>
                  <a:lnTo>
                    <a:pt x="22310" y="2220"/>
                  </a:lnTo>
                  <a:cubicBezTo>
                    <a:pt x="22289" y="2231"/>
                    <a:pt x="22271" y="2250"/>
                    <a:pt x="22257" y="2271"/>
                  </a:cubicBezTo>
                  <a:cubicBezTo>
                    <a:pt x="22234" y="2296"/>
                    <a:pt x="22208" y="2331"/>
                    <a:pt x="22180" y="2372"/>
                  </a:cubicBezTo>
                  <a:cubicBezTo>
                    <a:pt x="22125" y="2451"/>
                    <a:pt x="22065" y="2549"/>
                    <a:pt x="22000" y="2625"/>
                  </a:cubicBezTo>
                  <a:cubicBezTo>
                    <a:pt x="22008" y="2616"/>
                    <a:pt x="22013" y="2610"/>
                    <a:pt x="22015" y="2610"/>
                  </a:cubicBezTo>
                  <a:lnTo>
                    <a:pt x="22015" y="2610"/>
                  </a:lnTo>
                  <a:cubicBezTo>
                    <a:pt x="22017" y="2610"/>
                    <a:pt x="22012" y="2620"/>
                    <a:pt x="21995" y="2648"/>
                  </a:cubicBezTo>
                  <a:cubicBezTo>
                    <a:pt x="21958" y="2694"/>
                    <a:pt x="21895" y="2771"/>
                    <a:pt x="21847" y="2826"/>
                  </a:cubicBezTo>
                  <a:cubicBezTo>
                    <a:pt x="21814" y="2864"/>
                    <a:pt x="21785" y="2892"/>
                    <a:pt x="21779" y="2892"/>
                  </a:cubicBezTo>
                  <a:cubicBezTo>
                    <a:pt x="21776" y="2892"/>
                    <a:pt x="21777" y="2887"/>
                    <a:pt x="21782" y="2877"/>
                  </a:cubicBezTo>
                  <a:lnTo>
                    <a:pt x="21782" y="2877"/>
                  </a:lnTo>
                  <a:cubicBezTo>
                    <a:pt x="21717" y="2959"/>
                    <a:pt x="21655" y="3037"/>
                    <a:pt x="21587" y="3116"/>
                  </a:cubicBezTo>
                  <a:lnTo>
                    <a:pt x="21388" y="3350"/>
                  </a:lnTo>
                  <a:cubicBezTo>
                    <a:pt x="21379" y="3345"/>
                    <a:pt x="21444" y="3281"/>
                    <a:pt x="21465" y="3250"/>
                  </a:cubicBezTo>
                  <a:lnTo>
                    <a:pt x="21465" y="3250"/>
                  </a:lnTo>
                  <a:cubicBezTo>
                    <a:pt x="21427" y="3294"/>
                    <a:pt x="21390" y="3338"/>
                    <a:pt x="21351" y="3380"/>
                  </a:cubicBezTo>
                  <a:lnTo>
                    <a:pt x="21235" y="3505"/>
                  </a:lnTo>
                  <a:cubicBezTo>
                    <a:pt x="21226" y="3513"/>
                    <a:pt x="21221" y="3516"/>
                    <a:pt x="21219" y="3516"/>
                  </a:cubicBezTo>
                  <a:cubicBezTo>
                    <a:pt x="21210" y="3516"/>
                    <a:pt x="21309" y="3408"/>
                    <a:pt x="21323" y="3380"/>
                  </a:cubicBezTo>
                  <a:lnTo>
                    <a:pt x="21323" y="3380"/>
                  </a:lnTo>
                  <a:lnTo>
                    <a:pt x="21154" y="3561"/>
                  </a:lnTo>
                  <a:lnTo>
                    <a:pt x="21170" y="3528"/>
                  </a:lnTo>
                  <a:lnTo>
                    <a:pt x="21170" y="3528"/>
                  </a:lnTo>
                  <a:cubicBezTo>
                    <a:pt x="21161" y="3540"/>
                    <a:pt x="21143" y="3563"/>
                    <a:pt x="21119" y="3589"/>
                  </a:cubicBezTo>
                  <a:cubicBezTo>
                    <a:pt x="21094" y="3616"/>
                    <a:pt x="21064" y="3647"/>
                    <a:pt x="21031" y="3677"/>
                  </a:cubicBezTo>
                  <a:cubicBezTo>
                    <a:pt x="20983" y="3728"/>
                    <a:pt x="20932" y="3774"/>
                    <a:pt x="20876" y="3816"/>
                  </a:cubicBezTo>
                  <a:cubicBezTo>
                    <a:pt x="20779" y="3911"/>
                    <a:pt x="20737" y="3964"/>
                    <a:pt x="20686" y="4024"/>
                  </a:cubicBezTo>
                  <a:cubicBezTo>
                    <a:pt x="20635" y="4084"/>
                    <a:pt x="20570" y="4147"/>
                    <a:pt x="20427" y="4263"/>
                  </a:cubicBezTo>
                  <a:cubicBezTo>
                    <a:pt x="20427" y="4240"/>
                    <a:pt x="20580" y="4121"/>
                    <a:pt x="20633" y="4057"/>
                  </a:cubicBezTo>
                  <a:lnTo>
                    <a:pt x="20633" y="4057"/>
                  </a:lnTo>
                  <a:cubicBezTo>
                    <a:pt x="20575" y="4098"/>
                    <a:pt x="20422" y="4253"/>
                    <a:pt x="20383" y="4265"/>
                  </a:cubicBezTo>
                  <a:cubicBezTo>
                    <a:pt x="20191" y="4441"/>
                    <a:pt x="20232" y="4446"/>
                    <a:pt x="20144" y="4543"/>
                  </a:cubicBezTo>
                  <a:cubicBezTo>
                    <a:pt x="20088" y="4588"/>
                    <a:pt x="20066" y="4603"/>
                    <a:pt x="20062" y="4603"/>
                  </a:cubicBezTo>
                  <a:cubicBezTo>
                    <a:pt x="20055" y="4603"/>
                    <a:pt x="20112" y="4548"/>
                    <a:pt x="20107" y="4548"/>
                  </a:cubicBezTo>
                  <a:lnTo>
                    <a:pt x="20107" y="4548"/>
                  </a:lnTo>
                  <a:cubicBezTo>
                    <a:pt x="20107" y="4548"/>
                    <a:pt x="20107" y="4548"/>
                    <a:pt x="20107" y="4548"/>
                  </a:cubicBezTo>
                  <a:cubicBezTo>
                    <a:pt x="20056" y="4585"/>
                    <a:pt x="19994" y="4675"/>
                    <a:pt x="19933" y="4691"/>
                  </a:cubicBezTo>
                  <a:cubicBezTo>
                    <a:pt x="19888" y="4738"/>
                    <a:pt x="19856" y="4775"/>
                    <a:pt x="19868" y="4775"/>
                  </a:cubicBezTo>
                  <a:cubicBezTo>
                    <a:pt x="19875" y="4775"/>
                    <a:pt x="19899" y="4761"/>
                    <a:pt x="19947" y="4726"/>
                  </a:cubicBezTo>
                  <a:lnTo>
                    <a:pt x="19947" y="4726"/>
                  </a:lnTo>
                  <a:cubicBezTo>
                    <a:pt x="19859" y="4798"/>
                    <a:pt x="19730" y="4900"/>
                    <a:pt x="19711" y="4923"/>
                  </a:cubicBezTo>
                  <a:cubicBezTo>
                    <a:pt x="19724" y="4907"/>
                    <a:pt x="19726" y="4900"/>
                    <a:pt x="19722" y="4900"/>
                  </a:cubicBezTo>
                  <a:cubicBezTo>
                    <a:pt x="19706" y="4900"/>
                    <a:pt x="19604" y="4981"/>
                    <a:pt x="19579" y="4981"/>
                  </a:cubicBezTo>
                  <a:cubicBezTo>
                    <a:pt x="19578" y="4981"/>
                    <a:pt x="19577" y="4981"/>
                    <a:pt x="19577" y="4981"/>
                  </a:cubicBezTo>
                  <a:cubicBezTo>
                    <a:pt x="19505" y="5027"/>
                    <a:pt x="19387" y="5104"/>
                    <a:pt x="19273" y="5182"/>
                  </a:cubicBezTo>
                  <a:cubicBezTo>
                    <a:pt x="19174" y="5245"/>
                    <a:pt x="19076" y="5317"/>
                    <a:pt x="18984" y="5391"/>
                  </a:cubicBezTo>
                  <a:cubicBezTo>
                    <a:pt x="18993" y="5375"/>
                    <a:pt x="19002" y="5358"/>
                    <a:pt x="19009" y="5342"/>
                  </a:cubicBezTo>
                  <a:lnTo>
                    <a:pt x="19009" y="5342"/>
                  </a:lnTo>
                  <a:cubicBezTo>
                    <a:pt x="18954" y="5379"/>
                    <a:pt x="18893" y="5412"/>
                    <a:pt x="18838" y="5449"/>
                  </a:cubicBezTo>
                  <a:cubicBezTo>
                    <a:pt x="18817" y="5458"/>
                    <a:pt x="18805" y="5462"/>
                    <a:pt x="18802" y="5462"/>
                  </a:cubicBezTo>
                  <a:cubicBezTo>
                    <a:pt x="18793" y="5462"/>
                    <a:pt x="18824" y="5441"/>
                    <a:pt x="18868" y="5412"/>
                  </a:cubicBezTo>
                  <a:lnTo>
                    <a:pt x="18977" y="5344"/>
                  </a:lnTo>
                  <a:lnTo>
                    <a:pt x="19067" y="5287"/>
                  </a:lnTo>
                  <a:lnTo>
                    <a:pt x="19067" y="5287"/>
                  </a:lnTo>
                  <a:cubicBezTo>
                    <a:pt x="18951" y="5361"/>
                    <a:pt x="18849" y="5416"/>
                    <a:pt x="18754" y="5474"/>
                  </a:cubicBezTo>
                  <a:cubicBezTo>
                    <a:pt x="18659" y="5532"/>
                    <a:pt x="18564" y="5583"/>
                    <a:pt x="18458" y="5643"/>
                  </a:cubicBezTo>
                  <a:cubicBezTo>
                    <a:pt x="18483" y="5631"/>
                    <a:pt x="18493" y="5628"/>
                    <a:pt x="18498" y="5628"/>
                  </a:cubicBezTo>
                  <a:cubicBezTo>
                    <a:pt x="18504" y="5628"/>
                    <a:pt x="18503" y="5633"/>
                    <a:pt x="18512" y="5633"/>
                  </a:cubicBezTo>
                  <a:cubicBezTo>
                    <a:pt x="18515" y="5633"/>
                    <a:pt x="18518" y="5633"/>
                    <a:pt x="18523" y="5632"/>
                  </a:cubicBezTo>
                  <a:lnTo>
                    <a:pt x="18523" y="5632"/>
                  </a:lnTo>
                  <a:cubicBezTo>
                    <a:pt x="18483" y="5659"/>
                    <a:pt x="18444" y="5683"/>
                    <a:pt x="18400" y="5706"/>
                  </a:cubicBezTo>
                  <a:cubicBezTo>
                    <a:pt x="18356" y="5731"/>
                    <a:pt x="18310" y="5752"/>
                    <a:pt x="18270" y="5773"/>
                  </a:cubicBezTo>
                  <a:cubicBezTo>
                    <a:pt x="18267" y="5774"/>
                    <a:pt x="18265" y="5774"/>
                    <a:pt x="18263" y="5774"/>
                  </a:cubicBezTo>
                  <a:cubicBezTo>
                    <a:pt x="18253" y="5774"/>
                    <a:pt x="18260" y="5765"/>
                    <a:pt x="18295" y="5745"/>
                  </a:cubicBezTo>
                  <a:lnTo>
                    <a:pt x="18295" y="5745"/>
                  </a:lnTo>
                  <a:lnTo>
                    <a:pt x="18166" y="5815"/>
                  </a:lnTo>
                  <a:cubicBezTo>
                    <a:pt x="18171" y="5792"/>
                    <a:pt x="18096" y="5829"/>
                    <a:pt x="18240" y="5743"/>
                  </a:cubicBezTo>
                  <a:lnTo>
                    <a:pt x="18240" y="5743"/>
                  </a:lnTo>
                  <a:lnTo>
                    <a:pt x="18103" y="5819"/>
                  </a:lnTo>
                  <a:cubicBezTo>
                    <a:pt x="18060" y="5840"/>
                    <a:pt x="18040" y="5848"/>
                    <a:pt x="18036" y="5848"/>
                  </a:cubicBezTo>
                  <a:cubicBezTo>
                    <a:pt x="18024" y="5848"/>
                    <a:pt x="18113" y="5794"/>
                    <a:pt x="18138" y="5778"/>
                  </a:cubicBezTo>
                  <a:lnTo>
                    <a:pt x="18138" y="5778"/>
                  </a:lnTo>
                  <a:cubicBezTo>
                    <a:pt x="18096" y="5796"/>
                    <a:pt x="18057" y="5819"/>
                    <a:pt x="18015" y="5838"/>
                  </a:cubicBezTo>
                  <a:lnTo>
                    <a:pt x="17893" y="5896"/>
                  </a:lnTo>
                  <a:cubicBezTo>
                    <a:pt x="17807" y="5947"/>
                    <a:pt x="17951" y="5887"/>
                    <a:pt x="17781" y="5970"/>
                  </a:cubicBezTo>
                  <a:cubicBezTo>
                    <a:pt x="17724" y="5995"/>
                    <a:pt x="17659" y="6019"/>
                    <a:pt x="17594" y="6044"/>
                  </a:cubicBezTo>
                  <a:lnTo>
                    <a:pt x="17392" y="6127"/>
                  </a:lnTo>
                  <a:lnTo>
                    <a:pt x="17186" y="6208"/>
                  </a:lnTo>
                  <a:lnTo>
                    <a:pt x="17082" y="6248"/>
                  </a:lnTo>
                  <a:lnTo>
                    <a:pt x="16980" y="6283"/>
                  </a:lnTo>
                  <a:lnTo>
                    <a:pt x="16980" y="6283"/>
                  </a:lnTo>
                  <a:lnTo>
                    <a:pt x="17077" y="6257"/>
                  </a:lnTo>
                  <a:lnTo>
                    <a:pt x="17175" y="6227"/>
                  </a:lnTo>
                  <a:lnTo>
                    <a:pt x="17175" y="6227"/>
                  </a:lnTo>
                  <a:cubicBezTo>
                    <a:pt x="17144" y="6239"/>
                    <a:pt x="17114" y="6250"/>
                    <a:pt x="17086" y="6264"/>
                  </a:cubicBezTo>
                  <a:cubicBezTo>
                    <a:pt x="17073" y="6271"/>
                    <a:pt x="17059" y="6280"/>
                    <a:pt x="17047" y="6290"/>
                  </a:cubicBezTo>
                  <a:cubicBezTo>
                    <a:pt x="17033" y="6303"/>
                    <a:pt x="17031" y="6315"/>
                    <a:pt x="17008" y="6329"/>
                  </a:cubicBezTo>
                  <a:lnTo>
                    <a:pt x="16758" y="6417"/>
                  </a:lnTo>
                  <a:cubicBezTo>
                    <a:pt x="16672" y="6442"/>
                    <a:pt x="16586" y="6468"/>
                    <a:pt x="16521" y="6486"/>
                  </a:cubicBezTo>
                  <a:cubicBezTo>
                    <a:pt x="16606" y="6451"/>
                    <a:pt x="16617" y="6436"/>
                    <a:pt x="16583" y="6436"/>
                  </a:cubicBezTo>
                  <a:cubicBezTo>
                    <a:pt x="16560" y="6436"/>
                    <a:pt x="16514" y="6443"/>
                    <a:pt x="16456" y="6456"/>
                  </a:cubicBezTo>
                  <a:cubicBezTo>
                    <a:pt x="16301" y="6503"/>
                    <a:pt x="16246" y="6524"/>
                    <a:pt x="16206" y="6544"/>
                  </a:cubicBezTo>
                  <a:cubicBezTo>
                    <a:pt x="16160" y="6572"/>
                    <a:pt x="16109" y="6593"/>
                    <a:pt x="16058" y="6609"/>
                  </a:cubicBezTo>
                  <a:cubicBezTo>
                    <a:pt x="16089" y="6592"/>
                    <a:pt x="16092" y="6586"/>
                    <a:pt x="16078" y="6586"/>
                  </a:cubicBezTo>
                  <a:cubicBezTo>
                    <a:pt x="16042" y="6586"/>
                    <a:pt x="15894" y="6629"/>
                    <a:pt x="15866" y="6629"/>
                  </a:cubicBezTo>
                  <a:cubicBezTo>
                    <a:pt x="15862" y="6629"/>
                    <a:pt x="15860" y="6628"/>
                    <a:pt x="15863" y="6625"/>
                  </a:cubicBezTo>
                  <a:lnTo>
                    <a:pt x="15863" y="6625"/>
                  </a:lnTo>
                  <a:cubicBezTo>
                    <a:pt x="15458" y="6727"/>
                    <a:pt x="15048" y="6804"/>
                    <a:pt x="14636" y="6855"/>
                  </a:cubicBezTo>
                  <a:cubicBezTo>
                    <a:pt x="14645" y="6859"/>
                    <a:pt x="14765" y="6852"/>
                    <a:pt x="14694" y="6864"/>
                  </a:cubicBezTo>
                  <a:cubicBezTo>
                    <a:pt x="14609" y="6877"/>
                    <a:pt x="14548" y="6880"/>
                    <a:pt x="14507" y="6880"/>
                  </a:cubicBezTo>
                  <a:cubicBezTo>
                    <a:pt x="14472" y="6880"/>
                    <a:pt x="14451" y="6878"/>
                    <a:pt x="14441" y="6876"/>
                  </a:cubicBezTo>
                  <a:cubicBezTo>
                    <a:pt x="14390" y="6883"/>
                    <a:pt x="14346" y="6885"/>
                    <a:pt x="14307" y="6890"/>
                  </a:cubicBezTo>
                  <a:cubicBezTo>
                    <a:pt x="14265" y="6894"/>
                    <a:pt x="14230" y="6899"/>
                    <a:pt x="14200" y="6903"/>
                  </a:cubicBezTo>
                  <a:cubicBezTo>
                    <a:pt x="14138" y="6910"/>
                    <a:pt x="14091" y="6920"/>
                    <a:pt x="14059" y="6927"/>
                  </a:cubicBezTo>
                  <a:cubicBezTo>
                    <a:pt x="14090" y="6923"/>
                    <a:pt x="14111" y="6922"/>
                    <a:pt x="14125" y="6922"/>
                  </a:cubicBezTo>
                  <a:cubicBezTo>
                    <a:pt x="14148" y="6922"/>
                    <a:pt x="14148" y="6926"/>
                    <a:pt x="14138" y="6934"/>
                  </a:cubicBezTo>
                  <a:cubicBezTo>
                    <a:pt x="14102" y="6936"/>
                    <a:pt x="14066" y="6938"/>
                    <a:pt x="14030" y="6938"/>
                  </a:cubicBezTo>
                  <a:cubicBezTo>
                    <a:pt x="14008" y="6938"/>
                    <a:pt x="13986" y="6938"/>
                    <a:pt x="13964" y="6936"/>
                  </a:cubicBezTo>
                  <a:cubicBezTo>
                    <a:pt x="13911" y="6936"/>
                    <a:pt x="13855" y="6938"/>
                    <a:pt x="13799" y="6945"/>
                  </a:cubicBezTo>
                  <a:cubicBezTo>
                    <a:pt x="13774" y="6936"/>
                    <a:pt x="13830" y="6934"/>
                    <a:pt x="13885" y="6929"/>
                  </a:cubicBezTo>
                  <a:cubicBezTo>
                    <a:pt x="13941" y="6927"/>
                    <a:pt x="14003" y="6917"/>
                    <a:pt x="13994" y="6908"/>
                  </a:cubicBezTo>
                  <a:lnTo>
                    <a:pt x="13994" y="6908"/>
                  </a:lnTo>
                  <a:lnTo>
                    <a:pt x="13871" y="6917"/>
                  </a:lnTo>
                  <a:cubicBezTo>
                    <a:pt x="13834" y="6917"/>
                    <a:pt x="13799" y="6920"/>
                    <a:pt x="13765" y="6922"/>
                  </a:cubicBezTo>
                  <a:cubicBezTo>
                    <a:pt x="13700" y="6927"/>
                    <a:pt x="13637" y="6931"/>
                    <a:pt x="13572" y="6936"/>
                  </a:cubicBezTo>
                  <a:cubicBezTo>
                    <a:pt x="13545" y="6924"/>
                    <a:pt x="13693" y="6931"/>
                    <a:pt x="13593" y="6924"/>
                  </a:cubicBezTo>
                  <a:lnTo>
                    <a:pt x="13593" y="6924"/>
                  </a:lnTo>
                  <a:lnTo>
                    <a:pt x="13380" y="6934"/>
                  </a:lnTo>
                  <a:lnTo>
                    <a:pt x="12859" y="6934"/>
                  </a:lnTo>
                  <a:lnTo>
                    <a:pt x="12776" y="6931"/>
                  </a:lnTo>
                  <a:lnTo>
                    <a:pt x="12722" y="6910"/>
                  </a:lnTo>
                  <a:cubicBezTo>
                    <a:pt x="12650" y="6903"/>
                    <a:pt x="12577" y="6900"/>
                    <a:pt x="12506" y="6900"/>
                  </a:cubicBezTo>
                  <a:cubicBezTo>
                    <a:pt x="12484" y="6900"/>
                    <a:pt x="12462" y="6901"/>
                    <a:pt x="12440" y="6901"/>
                  </a:cubicBezTo>
                  <a:cubicBezTo>
                    <a:pt x="12390" y="6893"/>
                    <a:pt x="12401" y="6891"/>
                    <a:pt x="12436" y="6891"/>
                  </a:cubicBezTo>
                  <a:cubicBezTo>
                    <a:pt x="12451" y="6891"/>
                    <a:pt x="12471" y="6891"/>
                    <a:pt x="12493" y="6892"/>
                  </a:cubicBezTo>
                  <a:lnTo>
                    <a:pt x="12354" y="6883"/>
                  </a:lnTo>
                  <a:lnTo>
                    <a:pt x="12215" y="6871"/>
                  </a:lnTo>
                  <a:cubicBezTo>
                    <a:pt x="12127" y="6862"/>
                    <a:pt x="12046" y="6857"/>
                    <a:pt x="11995" y="6852"/>
                  </a:cubicBezTo>
                  <a:cubicBezTo>
                    <a:pt x="11999" y="6851"/>
                    <a:pt x="12005" y="6850"/>
                    <a:pt x="12014" y="6850"/>
                  </a:cubicBezTo>
                  <a:cubicBezTo>
                    <a:pt x="12041" y="6850"/>
                    <a:pt x="12087" y="6858"/>
                    <a:pt x="12115" y="6858"/>
                  </a:cubicBezTo>
                  <a:cubicBezTo>
                    <a:pt x="12119" y="6858"/>
                    <a:pt x="12124" y="6858"/>
                    <a:pt x="12127" y="6857"/>
                  </a:cubicBezTo>
                  <a:cubicBezTo>
                    <a:pt x="12071" y="6850"/>
                    <a:pt x="12011" y="6846"/>
                    <a:pt x="11953" y="6839"/>
                  </a:cubicBezTo>
                  <a:lnTo>
                    <a:pt x="11863" y="6832"/>
                  </a:lnTo>
                  <a:lnTo>
                    <a:pt x="11775" y="6822"/>
                  </a:lnTo>
                  <a:cubicBezTo>
                    <a:pt x="11675" y="6813"/>
                    <a:pt x="11576" y="6797"/>
                    <a:pt x="11481" y="6771"/>
                  </a:cubicBezTo>
                  <a:lnTo>
                    <a:pt x="11481" y="6771"/>
                  </a:lnTo>
                  <a:cubicBezTo>
                    <a:pt x="11499" y="6774"/>
                    <a:pt x="11520" y="6776"/>
                    <a:pt x="11541" y="6778"/>
                  </a:cubicBezTo>
                  <a:cubicBezTo>
                    <a:pt x="11376" y="6755"/>
                    <a:pt x="11224" y="6723"/>
                    <a:pt x="11068" y="6695"/>
                  </a:cubicBezTo>
                  <a:cubicBezTo>
                    <a:pt x="10990" y="6681"/>
                    <a:pt x="10909" y="6669"/>
                    <a:pt x="10827" y="6651"/>
                  </a:cubicBezTo>
                  <a:lnTo>
                    <a:pt x="10575" y="6593"/>
                  </a:lnTo>
                  <a:cubicBezTo>
                    <a:pt x="10437" y="6551"/>
                    <a:pt x="10399" y="6545"/>
                    <a:pt x="10373" y="6545"/>
                  </a:cubicBezTo>
                  <a:cubicBezTo>
                    <a:pt x="10364" y="6545"/>
                    <a:pt x="10356" y="6546"/>
                    <a:pt x="10347" y="6546"/>
                  </a:cubicBezTo>
                  <a:cubicBezTo>
                    <a:pt x="10321" y="6546"/>
                    <a:pt x="10280" y="6541"/>
                    <a:pt x="10151" y="6505"/>
                  </a:cubicBezTo>
                  <a:cubicBezTo>
                    <a:pt x="10156" y="6482"/>
                    <a:pt x="10049" y="6452"/>
                    <a:pt x="9924" y="6422"/>
                  </a:cubicBezTo>
                  <a:cubicBezTo>
                    <a:pt x="9801" y="6389"/>
                    <a:pt x="9660" y="6350"/>
                    <a:pt x="9595" y="6327"/>
                  </a:cubicBezTo>
                  <a:lnTo>
                    <a:pt x="9595" y="6327"/>
                  </a:lnTo>
                  <a:lnTo>
                    <a:pt x="9637" y="6345"/>
                  </a:lnTo>
                  <a:cubicBezTo>
                    <a:pt x="9549" y="6327"/>
                    <a:pt x="9463" y="6301"/>
                    <a:pt x="9380" y="6269"/>
                  </a:cubicBezTo>
                  <a:cubicBezTo>
                    <a:pt x="9296" y="6236"/>
                    <a:pt x="9220" y="6202"/>
                    <a:pt x="9169" y="6176"/>
                  </a:cubicBezTo>
                  <a:cubicBezTo>
                    <a:pt x="8940" y="6095"/>
                    <a:pt x="8601" y="5958"/>
                    <a:pt x="8370" y="5882"/>
                  </a:cubicBezTo>
                  <a:lnTo>
                    <a:pt x="8370" y="5882"/>
                  </a:lnTo>
                  <a:lnTo>
                    <a:pt x="8416" y="5893"/>
                  </a:lnTo>
                  <a:cubicBezTo>
                    <a:pt x="8228" y="5822"/>
                    <a:pt x="8117" y="5761"/>
                    <a:pt x="7930" y="5690"/>
                  </a:cubicBezTo>
                  <a:lnTo>
                    <a:pt x="7930" y="5690"/>
                  </a:lnTo>
                  <a:cubicBezTo>
                    <a:pt x="7932" y="5690"/>
                    <a:pt x="7959" y="5700"/>
                    <a:pt x="7965" y="5700"/>
                  </a:cubicBezTo>
                  <a:cubicBezTo>
                    <a:pt x="7969" y="5700"/>
                    <a:pt x="7964" y="5695"/>
                    <a:pt x="7937" y="5680"/>
                  </a:cubicBezTo>
                  <a:cubicBezTo>
                    <a:pt x="7719" y="5574"/>
                    <a:pt x="7496" y="5472"/>
                    <a:pt x="7281" y="5358"/>
                  </a:cubicBezTo>
                  <a:lnTo>
                    <a:pt x="7116" y="5275"/>
                  </a:lnTo>
                  <a:cubicBezTo>
                    <a:pt x="7089" y="5261"/>
                    <a:pt x="7061" y="5247"/>
                    <a:pt x="7035" y="5233"/>
                  </a:cubicBezTo>
                  <a:lnTo>
                    <a:pt x="6954" y="5189"/>
                  </a:lnTo>
                  <a:lnTo>
                    <a:pt x="6630" y="5016"/>
                  </a:lnTo>
                  <a:cubicBezTo>
                    <a:pt x="6523" y="4958"/>
                    <a:pt x="6417" y="4895"/>
                    <a:pt x="6313" y="4835"/>
                  </a:cubicBezTo>
                  <a:lnTo>
                    <a:pt x="6153" y="4742"/>
                  </a:lnTo>
                  <a:lnTo>
                    <a:pt x="5995" y="4647"/>
                  </a:lnTo>
                  <a:cubicBezTo>
                    <a:pt x="5893" y="4582"/>
                    <a:pt x="5787" y="4520"/>
                    <a:pt x="5685" y="4453"/>
                  </a:cubicBezTo>
                  <a:lnTo>
                    <a:pt x="5381" y="4251"/>
                  </a:lnTo>
                  <a:cubicBezTo>
                    <a:pt x="4550" y="3686"/>
                    <a:pt x="3753" y="3072"/>
                    <a:pt x="2991" y="2414"/>
                  </a:cubicBezTo>
                  <a:cubicBezTo>
                    <a:pt x="2595" y="2076"/>
                    <a:pt x="2208" y="1731"/>
                    <a:pt x="1837" y="1388"/>
                  </a:cubicBezTo>
                  <a:cubicBezTo>
                    <a:pt x="1467" y="1043"/>
                    <a:pt x="1110" y="709"/>
                    <a:pt x="779" y="390"/>
                  </a:cubicBezTo>
                  <a:lnTo>
                    <a:pt x="663" y="315"/>
                  </a:lnTo>
                  <a:cubicBezTo>
                    <a:pt x="593" y="271"/>
                    <a:pt x="501" y="216"/>
                    <a:pt x="410" y="163"/>
                  </a:cubicBezTo>
                  <a:cubicBezTo>
                    <a:pt x="277" y="83"/>
                    <a:pt x="145" y="14"/>
                    <a:pt x="95" y="14"/>
                  </a:cubicBezTo>
                  <a:cubicBezTo>
                    <a:pt x="78" y="14"/>
                    <a:pt x="70" y="22"/>
                    <a:pt x="74" y="40"/>
                  </a:cubicBezTo>
                  <a:cubicBezTo>
                    <a:pt x="82" y="49"/>
                    <a:pt x="83" y="52"/>
                    <a:pt x="81" y="52"/>
                  </a:cubicBezTo>
                  <a:cubicBezTo>
                    <a:pt x="73" y="52"/>
                    <a:pt x="12" y="0"/>
                    <a:pt x="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 name="Google Shape;33;p2"/>
            <p:cNvSpPr/>
            <p:nvPr/>
          </p:nvSpPr>
          <p:spPr>
            <a:xfrm rot="10800000">
              <a:off x="3339218" y="4582238"/>
              <a:ext cx="1438041" cy="452030"/>
            </a:xfrm>
            <a:custGeom>
              <a:avLst/>
              <a:gdLst/>
              <a:ahLst/>
              <a:cxnLst/>
              <a:rect l="l" t="t" r="r" b="b"/>
              <a:pathLst>
                <a:path w="23128" h="7270" extrusionOk="0">
                  <a:moveTo>
                    <a:pt x="361" y="288"/>
                  </a:moveTo>
                  <a:lnTo>
                    <a:pt x="361" y="288"/>
                  </a:lnTo>
                  <a:cubicBezTo>
                    <a:pt x="368" y="296"/>
                    <a:pt x="379" y="308"/>
                    <a:pt x="394" y="325"/>
                  </a:cubicBezTo>
                  <a:cubicBezTo>
                    <a:pt x="385" y="314"/>
                    <a:pt x="374" y="302"/>
                    <a:pt x="361" y="288"/>
                  </a:cubicBezTo>
                  <a:close/>
                  <a:moveTo>
                    <a:pt x="876" y="908"/>
                  </a:moveTo>
                  <a:cubicBezTo>
                    <a:pt x="878" y="911"/>
                    <a:pt x="881" y="913"/>
                    <a:pt x="884" y="916"/>
                  </a:cubicBezTo>
                  <a:lnTo>
                    <a:pt x="884" y="916"/>
                  </a:lnTo>
                  <a:cubicBezTo>
                    <a:pt x="882" y="913"/>
                    <a:pt x="879" y="911"/>
                    <a:pt x="876" y="908"/>
                  </a:cubicBezTo>
                  <a:close/>
                  <a:moveTo>
                    <a:pt x="22743" y="1360"/>
                  </a:moveTo>
                  <a:lnTo>
                    <a:pt x="22743" y="1360"/>
                  </a:lnTo>
                  <a:cubicBezTo>
                    <a:pt x="22731" y="1383"/>
                    <a:pt x="22723" y="1400"/>
                    <a:pt x="22718" y="1412"/>
                  </a:cubicBezTo>
                  <a:lnTo>
                    <a:pt x="22718" y="1412"/>
                  </a:lnTo>
                  <a:cubicBezTo>
                    <a:pt x="22725" y="1398"/>
                    <a:pt x="22733" y="1381"/>
                    <a:pt x="22743" y="1360"/>
                  </a:cubicBezTo>
                  <a:close/>
                  <a:moveTo>
                    <a:pt x="1550" y="1533"/>
                  </a:moveTo>
                  <a:lnTo>
                    <a:pt x="1548" y="1536"/>
                  </a:lnTo>
                  <a:cubicBezTo>
                    <a:pt x="1550" y="1536"/>
                    <a:pt x="1550" y="1535"/>
                    <a:pt x="1550" y="1533"/>
                  </a:cubicBezTo>
                  <a:close/>
                  <a:moveTo>
                    <a:pt x="2417" y="2349"/>
                  </a:moveTo>
                  <a:cubicBezTo>
                    <a:pt x="2417" y="2349"/>
                    <a:pt x="2417" y="2349"/>
                    <a:pt x="2416" y="2349"/>
                  </a:cubicBezTo>
                  <a:cubicBezTo>
                    <a:pt x="2417" y="2349"/>
                    <a:pt x="2417" y="2349"/>
                    <a:pt x="2417" y="2349"/>
                  </a:cubicBezTo>
                  <a:close/>
                  <a:moveTo>
                    <a:pt x="4337" y="3906"/>
                  </a:moveTo>
                  <a:lnTo>
                    <a:pt x="4407" y="3959"/>
                  </a:lnTo>
                  <a:lnTo>
                    <a:pt x="4407" y="3959"/>
                  </a:lnTo>
                  <a:cubicBezTo>
                    <a:pt x="4416" y="3962"/>
                    <a:pt x="4427" y="3966"/>
                    <a:pt x="4437" y="3970"/>
                  </a:cubicBezTo>
                  <a:lnTo>
                    <a:pt x="4437" y="3970"/>
                  </a:lnTo>
                  <a:cubicBezTo>
                    <a:pt x="4391" y="3937"/>
                    <a:pt x="4352" y="3911"/>
                    <a:pt x="4337" y="3906"/>
                  </a:cubicBezTo>
                  <a:close/>
                  <a:moveTo>
                    <a:pt x="4371" y="3978"/>
                  </a:moveTo>
                  <a:lnTo>
                    <a:pt x="4387" y="3995"/>
                  </a:lnTo>
                  <a:lnTo>
                    <a:pt x="4387" y="3995"/>
                  </a:lnTo>
                  <a:cubicBezTo>
                    <a:pt x="4376" y="3989"/>
                    <a:pt x="4367" y="3985"/>
                    <a:pt x="4365" y="3985"/>
                  </a:cubicBezTo>
                  <a:cubicBezTo>
                    <a:pt x="4364" y="3985"/>
                    <a:pt x="4372" y="3991"/>
                    <a:pt x="4399" y="4008"/>
                  </a:cubicBezTo>
                  <a:lnTo>
                    <a:pt x="4387" y="3995"/>
                  </a:lnTo>
                  <a:lnTo>
                    <a:pt x="4387" y="3995"/>
                  </a:lnTo>
                  <a:cubicBezTo>
                    <a:pt x="4406" y="4004"/>
                    <a:pt x="4432" y="4015"/>
                    <a:pt x="4442" y="4015"/>
                  </a:cubicBezTo>
                  <a:lnTo>
                    <a:pt x="4442" y="4015"/>
                  </a:lnTo>
                  <a:lnTo>
                    <a:pt x="4371" y="3978"/>
                  </a:lnTo>
                  <a:close/>
                  <a:moveTo>
                    <a:pt x="19855" y="5054"/>
                  </a:moveTo>
                  <a:cubicBezTo>
                    <a:pt x="19844" y="5062"/>
                    <a:pt x="19832" y="5071"/>
                    <a:pt x="19820" y="5080"/>
                  </a:cubicBezTo>
                  <a:cubicBezTo>
                    <a:pt x="19834" y="5070"/>
                    <a:pt x="19845" y="5062"/>
                    <a:pt x="19855" y="5054"/>
                  </a:cubicBezTo>
                  <a:close/>
                  <a:moveTo>
                    <a:pt x="18788" y="5687"/>
                  </a:moveTo>
                  <a:cubicBezTo>
                    <a:pt x="18777" y="5694"/>
                    <a:pt x="18765" y="5701"/>
                    <a:pt x="18750" y="5710"/>
                  </a:cubicBezTo>
                  <a:cubicBezTo>
                    <a:pt x="18764" y="5702"/>
                    <a:pt x="18776" y="5694"/>
                    <a:pt x="18788" y="5687"/>
                  </a:cubicBezTo>
                  <a:close/>
                  <a:moveTo>
                    <a:pt x="18784" y="5666"/>
                  </a:moveTo>
                  <a:lnTo>
                    <a:pt x="18701" y="5718"/>
                  </a:lnTo>
                  <a:lnTo>
                    <a:pt x="18701" y="5718"/>
                  </a:lnTo>
                  <a:cubicBezTo>
                    <a:pt x="18728" y="5702"/>
                    <a:pt x="18756" y="5685"/>
                    <a:pt x="18784" y="5666"/>
                  </a:cubicBezTo>
                  <a:close/>
                  <a:moveTo>
                    <a:pt x="8784" y="6306"/>
                  </a:moveTo>
                  <a:cubicBezTo>
                    <a:pt x="8787" y="6307"/>
                    <a:pt x="8789" y="6307"/>
                    <a:pt x="8791" y="6308"/>
                  </a:cubicBezTo>
                  <a:lnTo>
                    <a:pt x="8791" y="6308"/>
                  </a:lnTo>
                  <a:cubicBezTo>
                    <a:pt x="8788" y="6307"/>
                    <a:pt x="8786" y="6306"/>
                    <a:pt x="8784" y="6306"/>
                  </a:cubicBezTo>
                  <a:close/>
                  <a:moveTo>
                    <a:pt x="13772" y="7209"/>
                  </a:moveTo>
                  <a:cubicBezTo>
                    <a:pt x="13778" y="7209"/>
                    <a:pt x="13783" y="7209"/>
                    <a:pt x="13788" y="7209"/>
                  </a:cubicBezTo>
                  <a:lnTo>
                    <a:pt x="13788" y="7209"/>
                  </a:lnTo>
                  <a:cubicBezTo>
                    <a:pt x="13783" y="7209"/>
                    <a:pt x="13777" y="7209"/>
                    <a:pt x="13772" y="7209"/>
                  </a:cubicBezTo>
                  <a:close/>
                  <a:moveTo>
                    <a:pt x="4" y="0"/>
                  </a:moveTo>
                  <a:cubicBezTo>
                    <a:pt x="1" y="0"/>
                    <a:pt x="8" y="10"/>
                    <a:pt x="35" y="40"/>
                  </a:cubicBezTo>
                  <a:lnTo>
                    <a:pt x="156" y="132"/>
                  </a:lnTo>
                  <a:cubicBezTo>
                    <a:pt x="154" y="132"/>
                    <a:pt x="152" y="131"/>
                    <a:pt x="151" y="131"/>
                  </a:cubicBezTo>
                  <a:cubicBezTo>
                    <a:pt x="138" y="131"/>
                    <a:pt x="184" y="192"/>
                    <a:pt x="188" y="209"/>
                  </a:cubicBezTo>
                  <a:cubicBezTo>
                    <a:pt x="192" y="211"/>
                    <a:pt x="195" y="212"/>
                    <a:pt x="197" y="212"/>
                  </a:cubicBezTo>
                  <a:cubicBezTo>
                    <a:pt x="216" y="212"/>
                    <a:pt x="143" y="123"/>
                    <a:pt x="163" y="123"/>
                  </a:cubicBezTo>
                  <a:cubicBezTo>
                    <a:pt x="170" y="123"/>
                    <a:pt x="186" y="132"/>
                    <a:pt x="218" y="156"/>
                  </a:cubicBezTo>
                  <a:cubicBezTo>
                    <a:pt x="249" y="172"/>
                    <a:pt x="314" y="237"/>
                    <a:pt x="361" y="288"/>
                  </a:cubicBezTo>
                  <a:lnTo>
                    <a:pt x="361" y="288"/>
                  </a:lnTo>
                  <a:cubicBezTo>
                    <a:pt x="353" y="278"/>
                    <a:pt x="352" y="274"/>
                    <a:pt x="354" y="274"/>
                  </a:cubicBezTo>
                  <a:cubicBezTo>
                    <a:pt x="362" y="274"/>
                    <a:pt x="427" y="328"/>
                    <a:pt x="459" y="353"/>
                  </a:cubicBezTo>
                  <a:cubicBezTo>
                    <a:pt x="519" y="424"/>
                    <a:pt x="628" y="526"/>
                    <a:pt x="649" y="568"/>
                  </a:cubicBezTo>
                  <a:cubicBezTo>
                    <a:pt x="686" y="596"/>
                    <a:pt x="718" y="626"/>
                    <a:pt x="749" y="661"/>
                  </a:cubicBezTo>
                  <a:lnTo>
                    <a:pt x="749" y="668"/>
                  </a:lnTo>
                  <a:cubicBezTo>
                    <a:pt x="771" y="687"/>
                    <a:pt x="780" y="694"/>
                    <a:pt x="781" y="694"/>
                  </a:cubicBezTo>
                  <a:cubicBezTo>
                    <a:pt x="785" y="694"/>
                    <a:pt x="742" y="650"/>
                    <a:pt x="748" y="650"/>
                  </a:cubicBezTo>
                  <a:cubicBezTo>
                    <a:pt x="748" y="650"/>
                    <a:pt x="749" y="650"/>
                    <a:pt x="751" y="651"/>
                  </a:cubicBezTo>
                  <a:cubicBezTo>
                    <a:pt x="809" y="707"/>
                    <a:pt x="890" y="804"/>
                    <a:pt x="985" y="897"/>
                  </a:cubicBezTo>
                  <a:cubicBezTo>
                    <a:pt x="890" y="804"/>
                    <a:pt x="806" y="735"/>
                    <a:pt x="735" y="675"/>
                  </a:cubicBezTo>
                  <a:lnTo>
                    <a:pt x="735" y="675"/>
                  </a:lnTo>
                  <a:cubicBezTo>
                    <a:pt x="786" y="730"/>
                    <a:pt x="800" y="750"/>
                    <a:pt x="792" y="750"/>
                  </a:cubicBezTo>
                  <a:cubicBezTo>
                    <a:pt x="776" y="750"/>
                    <a:pt x="665" y="659"/>
                    <a:pt x="630" y="642"/>
                  </a:cubicBezTo>
                  <a:lnTo>
                    <a:pt x="630" y="642"/>
                  </a:lnTo>
                  <a:cubicBezTo>
                    <a:pt x="774" y="772"/>
                    <a:pt x="834" y="816"/>
                    <a:pt x="955" y="918"/>
                  </a:cubicBezTo>
                  <a:cubicBezTo>
                    <a:pt x="1000" y="969"/>
                    <a:pt x="1008" y="987"/>
                    <a:pt x="997" y="987"/>
                  </a:cubicBezTo>
                  <a:cubicBezTo>
                    <a:pt x="979" y="987"/>
                    <a:pt x="914" y="940"/>
                    <a:pt x="884" y="916"/>
                  </a:cubicBezTo>
                  <a:lnTo>
                    <a:pt x="884" y="916"/>
                  </a:lnTo>
                  <a:cubicBezTo>
                    <a:pt x="1014" y="1029"/>
                    <a:pt x="1155" y="1139"/>
                    <a:pt x="1226" y="1198"/>
                  </a:cubicBezTo>
                  <a:cubicBezTo>
                    <a:pt x="1115" y="1126"/>
                    <a:pt x="1126" y="1147"/>
                    <a:pt x="1027" y="1080"/>
                  </a:cubicBezTo>
                  <a:lnTo>
                    <a:pt x="1027" y="1080"/>
                  </a:lnTo>
                  <a:cubicBezTo>
                    <a:pt x="1117" y="1189"/>
                    <a:pt x="1152" y="1196"/>
                    <a:pt x="1205" y="1235"/>
                  </a:cubicBezTo>
                  <a:cubicBezTo>
                    <a:pt x="1175" y="1212"/>
                    <a:pt x="1149" y="1184"/>
                    <a:pt x="1124" y="1156"/>
                  </a:cubicBezTo>
                  <a:lnTo>
                    <a:pt x="1124" y="1156"/>
                  </a:lnTo>
                  <a:cubicBezTo>
                    <a:pt x="1244" y="1272"/>
                    <a:pt x="1249" y="1226"/>
                    <a:pt x="1325" y="1272"/>
                  </a:cubicBezTo>
                  <a:cubicBezTo>
                    <a:pt x="1401" y="1358"/>
                    <a:pt x="1549" y="1508"/>
                    <a:pt x="1550" y="1533"/>
                  </a:cubicBezTo>
                  <a:lnTo>
                    <a:pt x="1550" y="1533"/>
                  </a:lnTo>
                  <a:lnTo>
                    <a:pt x="1562" y="1518"/>
                  </a:lnTo>
                  <a:cubicBezTo>
                    <a:pt x="1673" y="1613"/>
                    <a:pt x="1608" y="1578"/>
                    <a:pt x="1620" y="1599"/>
                  </a:cubicBezTo>
                  <a:cubicBezTo>
                    <a:pt x="1633" y="1605"/>
                    <a:pt x="1640" y="1606"/>
                    <a:pt x="1647" y="1606"/>
                  </a:cubicBezTo>
                  <a:cubicBezTo>
                    <a:pt x="1649" y="1606"/>
                    <a:pt x="1651" y="1606"/>
                    <a:pt x="1652" y="1606"/>
                  </a:cubicBezTo>
                  <a:cubicBezTo>
                    <a:pt x="1671" y="1606"/>
                    <a:pt x="1696" y="1610"/>
                    <a:pt x="1823" y="1722"/>
                  </a:cubicBezTo>
                  <a:cubicBezTo>
                    <a:pt x="1768" y="1726"/>
                    <a:pt x="1981" y="1872"/>
                    <a:pt x="1951" y="1893"/>
                  </a:cubicBezTo>
                  <a:cubicBezTo>
                    <a:pt x="2039" y="1969"/>
                    <a:pt x="2090" y="1988"/>
                    <a:pt x="2176" y="2071"/>
                  </a:cubicBezTo>
                  <a:cubicBezTo>
                    <a:pt x="2193" y="2093"/>
                    <a:pt x="2196" y="2102"/>
                    <a:pt x="2189" y="2102"/>
                  </a:cubicBezTo>
                  <a:cubicBezTo>
                    <a:pt x="2162" y="2102"/>
                    <a:pt x="1998" y="1977"/>
                    <a:pt x="1960" y="1935"/>
                  </a:cubicBezTo>
                  <a:cubicBezTo>
                    <a:pt x="1917" y="1896"/>
                    <a:pt x="1907" y="1885"/>
                    <a:pt x="1912" y="1885"/>
                  </a:cubicBezTo>
                  <a:cubicBezTo>
                    <a:pt x="1917" y="1885"/>
                    <a:pt x="1945" y="1904"/>
                    <a:pt x="1949" y="1904"/>
                  </a:cubicBezTo>
                  <a:cubicBezTo>
                    <a:pt x="1950" y="1904"/>
                    <a:pt x="1948" y="1901"/>
                    <a:pt x="1939" y="1893"/>
                  </a:cubicBezTo>
                  <a:cubicBezTo>
                    <a:pt x="1898" y="1861"/>
                    <a:pt x="1856" y="1828"/>
                    <a:pt x="1814" y="1793"/>
                  </a:cubicBezTo>
                  <a:lnTo>
                    <a:pt x="1814" y="1793"/>
                  </a:lnTo>
                  <a:cubicBezTo>
                    <a:pt x="1872" y="1861"/>
                    <a:pt x="1997" y="1981"/>
                    <a:pt x="1969" y="1981"/>
                  </a:cubicBezTo>
                  <a:cubicBezTo>
                    <a:pt x="1996" y="2003"/>
                    <a:pt x="2008" y="2011"/>
                    <a:pt x="2011" y="2011"/>
                  </a:cubicBezTo>
                  <a:cubicBezTo>
                    <a:pt x="2018" y="2011"/>
                    <a:pt x="1967" y="1958"/>
                    <a:pt x="1975" y="1958"/>
                  </a:cubicBezTo>
                  <a:cubicBezTo>
                    <a:pt x="1978" y="1958"/>
                    <a:pt x="1991" y="1967"/>
                    <a:pt x="2023" y="1993"/>
                  </a:cubicBezTo>
                  <a:lnTo>
                    <a:pt x="2094" y="2071"/>
                  </a:lnTo>
                  <a:cubicBezTo>
                    <a:pt x="2137" y="2105"/>
                    <a:pt x="2152" y="2113"/>
                    <a:pt x="2158" y="2113"/>
                  </a:cubicBezTo>
                  <a:cubicBezTo>
                    <a:pt x="2164" y="2113"/>
                    <a:pt x="2161" y="2105"/>
                    <a:pt x="2166" y="2105"/>
                  </a:cubicBezTo>
                  <a:cubicBezTo>
                    <a:pt x="2173" y="2105"/>
                    <a:pt x="2192" y="2118"/>
                    <a:pt x="2259" y="2176"/>
                  </a:cubicBezTo>
                  <a:cubicBezTo>
                    <a:pt x="2240" y="2162"/>
                    <a:pt x="2231" y="2156"/>
                    <a:pt x="2229" y="2156"/>
                  </a:cubicBezTo>
                  <a:cubicBezTo>
                    <a:pt x="2225" y="2156"/>
                    <a:pt x="2260" y="2189"/>
                    <a:pt x="2301" y="2227"/>
                  </a:cubicBezTo>
                  <a:cubicBezTo>
                    <a:pt x="2357" y="2279"/>
                    <a:pt x="2427" y="2341"/>
                    <a:pt x="2417" y="2349"/>
                  </a:cubicBezTo>
                  <a:lnTo>
                    <a:pt x="2417" y="2349"/>
                  </a:lnTo>
                  <a:cubicBezTo>
                    <a:pt x="2418" y="2349"/>
                    <a:pt x="2419" y="2348"/>
                    <a:pt x="2420" y="2348"/>
                  </a:cubicBezTo>
                  <a:cubicBezTo>
                    <a:pt x="2462" y="2348"/>
                    <a:pt x="2729" y="2618"/>
                    <a:pt x="2782" y="2627"/>
                  </a:cubicBezTo>
                  <a:lnTo>
                    <a:pt x="2694" y="2544"/>
                  </a:lnTo>
                  <a:lnTo>
                    <a:pt x="2706" y="2572"/>
                  </a:lnTo>
                  <a:cubicBezTo>
                    <a:pt x="2606" y="2486"/>
                    <a:pt x="2518" y="2421"/>
                    <a:pt x="2419" y="2326"/>
                  </a:cubicBezTo>
                  <a:lnTo>
                    <a:pt x="2419" y="2326"/>
                  </a:lnTo>
                  <a:cubicBezTo>
                    <a:pt x="2441" y="2342"/>
                    <a:pt x="2451" y="2347"/>
                    <a:pt x="2456" y="2347"/>
                  </a:cubicBezTo>
                  <a:cubicBezTo>
                    <a:pt x="2465" y="2347"/>
                    <a:pt x="2455" y="2329"/>
                    <a:pt x="2464" y="2329"/>
                  </a:cubicBezTo>
                  <a:cubicBezTo>
                    <a:pt x="2470" y="2329"/>
                    <a:pt x="2483" y="2335"/>
                    <a:pt x="2511" y="2356"/>
                  </a:cubicBezTo>
                  <a:cubicBezTo>
                    <a:pt x="2602" y="2423"/>
                    <a:pt x="2613" y="2438"/>
                    <a:pt x="2604" y="2438"/>
                  </a:cubicBezTo>
                  <a:cubicBezTo>
                    <a:pt x="2596" y="2438"/>
                    <a:pt x="2575" y="2428"/>
                    <a:pt x="2570" y="2428"/>
                  </a:cubicBezTo>
                  <a:cubicBezTo>
                    <a:pt x="2568" y="2428"/>
                    <a:pt x="2568" y="2430"/>
                    <a:pt x="2572" y="2433"/>
                  </a:cubicBezTo>
                  <a:cubicBezTo>
                    <a:pt x="2623" y="2467"/>
                    <a:pt x="2671" y="2505"/>
                    <a:pt x="2722" y="2542"/>
                  </a:cubicBezTo>
                  <a:cubicBezTo>
                    <a:pt x="2694" y="2509"/>
                    <a:pt x="2664" y="2479"/>
                    <a:pt x="2636" y="2447"/>
                  </a:cubicBezTo>
                  <a:lnTo>
                    <a:pt x="2636" y="2447"/>
                  </a:lnTo>
                  <a:cubicBezTo>
                    <a:pt x="2748" y="2539"/>
                    <a:pt x="2901" y="2664"/>
                    <a:pt x="3051" y="2796"/>
                  </a:cubicBezTo>
                  <a:cubicBezTo>
                    <a:pt x="3133" y="2874"/>
                    <a:pt x="3147" y="2891"/>
                    <a:pt x="3141" y="2891"/>
                  </a:cubicBezTo>
                  <a:cubicBezTo>
                    <a:pt x="3136" y="2891"/>
                    <a:pt x="3118" y="2879"/>
                    <a:pt x="3113" y="2879"/>
                  </a:cubicBezTo>
                  <a:cubicBezTo>
                    <a:pt x="3108" y="2879"/>
                    <a:pt x="3116" y="2891"/>
                    <a:pt x="3162" y="2938"/>
                  </a:cubicBezTo>
                  <a:cubicBezTo>
                    <a:pt x="3241" y="2991"/>
                    <a:pt x="3227" y="2970"/>
                    <a:pt x="3331" y="3058"/>
                  </a:cubicBezTo>
                  <a:cubicBezTo>
                    <a:pt x="3280" y="3005"/>
                    <a:pt x="3227" y="2979"/>
                    <a:pt x="3190" y="2947"/>
                  </a:cubicBezTo>
                  <a:cubicBezTo>
                    <a:pt x="3185" y="2940"/>
                    <a:pt x="3185" y="2936"/>
                    <a:pt x="3188" y="2936"/>
                  </a:cubicBezTo>
                  <a:cubicBezTo>
                    <a:pt x="3206" y="2936"/>
                    <a:pt x="3361" y="3069"/>
                    <a:pt x="3382" y="3069"/>
                  </a:cubicBezTo>
                  <a:cubicBezTo>
                    <a:pt x="3384" y="3069"/>
                    <a:pt x="3385" y="3069"/>
                    <a:pt x="3385" y="3067"/>
                  </a:cubicBezTo>
                  <a:cubicBezTo>
                    <a:pt x="3406" y="3092"/>
                    <a:pt x="3411" y="3102"/>
                    <a:pt x="3402" y="3102"/>
                  </a:cubicBezTo>
                  <a:cubicBezTo>
                    <a:pt x="3397" y="3102"/>
                    <a:pt x="3385" y="3097"/>
                    <a:pt x="3368" y="3088"/>
                  </a:cubicBezTo>
                  <a:lnTo>
                    <a:pt x="3368" y="3088"/>
                  </a:lnTo>
                  <a:cubicBezTo>
                    <a:pt x="3415" y="3121"/>
                    <a:pt x="3459" y="3158"/>
                    <a:pt x="3501" y="3190"/>
                  </a:cubicBezTo>
                  <a:cubicBezTo>
                    <a:pt x="3542" y="3223"/>
                    <a:pt x="3582" y="3255"/>
                    <a:pt x="3619" y="3285"/>
                  </a:cubicBezTo>
                  <a:cubicBezTo>
                    <a:pt x="3674" y="3329"/>
                    <a:pt x="3725" y="3380"/>
                    <a:pt x="3769" y="3436"/>
                  </a:cubicBezTo>
                  <a:lnTo>
                    <a:pt x="3862" y="3475"/>
                  </a:lnTo>
                  <a:cubicBezTo>
                    <a:pt x="3940" y="3539"/>
                    <a:pt x="3963" y="3560"/>
                    <a:pt x="3958" y="3560"/>
                  </a:cubicBezTo>
                  <a:cubicBezTo>
                    <a:pt x="3953" y="3560"/>
                    <a:pt x="3924" y="3542"/>
                    <a:pt x="3894" y="3521"/>
                  </a:cubicBezTo>
                  <a:cubicBezTo>
                    <a:pt x="3859" y="3500"/>
                    <a:pt x="3824" y="3477"/>
                    <a:pt x="3818" y="3477"/>
                  </a:cubicBezTo>
                  <a:cubicBezTo>
                    <a:pt x="3813" y="3477"/>
                    <a:pt x="3830" y="3494"/>
                    <a:pt x="3887" y="3545"/>
                  </a:cubicBezTo>
                  <a:cubicBezTo>
                    <a:pt x="3971" y="3614"/>
                    <a:pt x="4059" y="3677"/>
                    <a:pt x="4151" y="3735"/>
                  </a:cubicBezTo>
                  <a:lnTo>
                    <a:pt x="4059" y="3663"/>
                  </a:lnTo>
                  <a:lnTo>
                    <a:pt x="4059" y="3663"/>
                  </a:lnTo>
                  <a:cubicBezTo>
                    <a:pt x="4138" y="3707"/>
                    <a:pt x="4140" y="3695"/>
                    <a:pt x="4258" y="3774"/>
                  </a:cubicBezTo>
                  <a:cubicBezTo>
                    <a:pt x="4337" y="3836"/>
                    <a:pt x="4283" y="3818"/>
                    <a:pt x="4390" y="3878"/>
                  </a:cubicBezTo>
                  <a:cubicBezTo>
                    <a:pt x="4503" y="3968"/>
                    <a:pt x="4523" y="3992"/>
                    <a:pt x="4506" y="3992"/>
                  </a:cubicBezTo>
                  <a:cubicBezTo>
                    <a:pt x="4495" y="3992"/>
                    <a:pt x="4465" y="3980"/>
                    <a:pt x="4437" y="3970"/>
                  </a:cubicBezTo>
                  <a:lnTo>
                    <a:pt x="4437" y="3970"/>
                  </a:lnTo>
                  <a:cubicBezTo>
                    <a:pt x="4522" y="4029"/>
                    <a:pt x="4629" y="4107"/>
                    <a:pt x="4649" y="4110"/>
                  </a:cubicBezTo>
                  <a:cubicBezTo>
                    <a:pt x="4648" y="4111"/>
                    <a:pt x="4646" y="4112"/>
                    <a:pt x="4642" y="4112"/>
                  </a:cubicBezTo>
                  <a:cubicBezTo>
                    <a:pt x="4632" y="4112"/>
                    <a:pt x="4613" y="4107"/>
                    <a:pt x="4580" y="4089"/>
                  </a:cubicBezTo>
                  <a:lnTo>
                    <a:pt x="4580" y="4089"/>
                  </a:lnTo>
                  <a:cubicBezTo>
                    <a:pt x="4508" y="4021"/>
                    <a:pt x="4483" y="4009"/>
                    <a:pt x="4473" y="4009"/>
                  </a:cubicBezTo>
                  <a:cubicBezTo>
                    <a:pt x="4468" y="4009"/>
                    <a:pt x="4467" y="4012"/>
                    <a:pt x="4464" y="4012"/>
                  </a:cubicBezTo>
                  <a:cubicBezTo>
                    <a:pt x="4461" y="4012"/>
                    <a:pt x="4457" y="4007"/>
                    <a:pt x="4441" y="3985"/>
                  </a:cubicBezTo>
                  <a:lnTo>
                    <a:pt x="4407" y="3959"/>
                  </a:lnTo>
                  <a:lnTo>
                    <a:pt x="4407" y="3959"/>
                  </a:lnTo>
                  <a:cubicBezTo>
                    <a:pt x="4400" y="3957"/>
                    <a:pt x="4395" y="3955"/>
                    <a:pt x="4390" y="3955"/>
                  </a:cubicBezTo>
                  <a:lnTo>
                    <a:pt x="4390" y="3955"/>
                  </a:lnTo>
                  <a:cubicBezTo>
                    <a:pt x="4446" y="4001"/>
                    <a:pt x="4453" y="4015"/>
                    <a:pt x="4442" y="4015"/>
                  </a:cubicBezTo>
                  <a:cubicBezTo>
                    <a:pt x="4442" y="4015"/>
                    <a:pt x="4442" y="4015"/>
                    <a:pt x="4442" y="4015"/>
                  </a:cubicBezTo>
                  <a:lnTo>
                    <a:pt x="4442" y="4015"/>
                  </a:lnTo>
                  <a:lnTo>
                    <a:pt x="4506" y="4049"/>
                  </a:lnTo>
                  <a:lnTo>
                    <a:pt x="4506" y="4049"/>
                  </a:lnTo>
                  <a:lnTo>
                    <a:pt x="4545" y="4107"/>
                  </a:lnTo>
                  <a:cubicBezTo>
                    <a:pt x="4608" y="4156"/>
                    <a:pt x="4661" y="4172"/>
                    <a:pt x="4689" y="4207"/>
                  </a:cubicBezTo>
                  <a:cubicBezTo>
                    <a:pt x="4710" y="4228"/>
                    <a:pt x="4711" y="4234"/>
                    <a:pt x="4704" y="4234"/>
                  </a:cubicBezTo>
                  <a:cubicBezTo>
                    <a:pt x="4694" y="4234"/>
                    <a:pt x="4668" y="4222"/>
                    <a:pt x="4661" y="4222"/>
                  </a:cubicBezTo>
                  <a:cubicBezTo>
                    <a:pt x="4652" y="4222"/>
                    <a:pt x="4669" y="4238"/>
                    <a:pt x="4763" y="4307"/>
                  </a:cubicBezTo>
                  <a:cubicBezTo>
                    <a:pt x="4839" y="4365"/>
                    <a:pt x="4920" y="4418"/>
                    <a:pt x="5006" y="4462"/>
                  </a:cubicBezTo>
                  <a:cubicBezTo>
                    <a:pt x="5034" y="4473"/>
                    <a:pt x="5057" y="4487"/>
                    <a:pt x="5087" y="4504"/>
                  </a:cubicBezTo>
                  <a:cubicBezTo>
                    <a:pt x="5122" y="4522"/>
                    <a:pt x="5157" y="4545"/>
                    <a:pt x="5192" y="4568"/>
                  </a:cubicBezTo>
                  <a:cubicBezTo>
                    <a:pt x="5157" y="4538"/>
                    <a:pt x="5120" y="4511"/>
                    <a:pt x="5078" y="4485"/>
                  </a:cubicBezTo>
                  <a:lnTo>
                    <a:pt x="5078" y="4485"/>
                  </a:lnTo>
                  <a:cubicBezTo>
                    <a:pt x="5090" y="4491"/>
                    <a:pt x="5096" y="4493"/>
                    <a:pt x="5099" y="4493"/>
                  </a:cubicBezTo>
                  <a:cubicBezTo>
                    <a:pt x="5109" y="4493"/>
                    <a:pt x="5092" y="4476"/>
                    <a:pt x="5100" y="4476"/>
                  </a:cubicBezTo>
                  <a:cubicBezTo>
                    <a:pt x="5104" y="4476"/>
                    <a:pt x="5117" y="4482"/>
                    <a:pt x="5148" y="4499"/>
                  </a:cubicBezTo>
                  <a:cubicBezTo>
                    <a:pt x="5189" y="4552"/>
                    <a:pt x="5375" y="4673"/>
                    <a:pt x="5518" y="4765"/>
                  </a:cubicBezTo>
                  <a:cubicBezTo>
                    <a:pt x="5514" y="4764"/>
                    <a:pt x="5511" y="4763"/>
                    <a:pt x="5509" y="4763"/>
                  </a:cubicBezTo>
                  <a:cubicBezTo>
                    <a:pt x="5492" y="4763"/>
                    <a:pt x="5536" y="4800"/>
                    <a:pt x="5525" y="4800"/>
                  </a:cubicBezTo>
                  <a:cubicBezTo>
                    <a:pt x="5523" y="4800"/>
                    <a:pt x="5518" y="4799"/>
                    <a:pt x="5511" y="4795"/>
                  </a:cubicBezTo>
                  <a:lnTo>
                    <a:pt x="5511" y="4795"/>
                  </a:lnTo>
                  <a:cubicBezTo>
                    <a:pt x="5569" y="4833"/>
                    <a:pt x="5629" y="4863"/>
                    <a:pt x="5692" y="4890"/>
                  </a:cubicBezTo>
                  <a:cubicBezTo>
                    <a:pt x="5627" y="4846"/>
                    <a:pt x="5607" y="4830"/>
                    <a:pt x="5612" y="4830"/>
                  </a:cubicBezTo>
                  <a:cubicBezTo>
                    <a:pt x="5624" y="4830"/>
                    <a:pt x="5800" y="4935"/>
                    <a:pt x="5816" y="4935"/>
                  </a:cubicBezTo>
                  <a:cubicBezTo>
                    <a:pt x="5822" y="4935"/>
                    <a:pt x="5810" y="4924"/>
                    <a:pt x="5768" y="4893"/>
                  </a:cubicBezTo>
                  <a:lnTo>
                    <a:pt x="5768" y="4893"/>
                  </a:lnTo>
                  <a:cubicBezTo>
                    <a:pt x="5882" y="4962"/>
                    <a:pt x="5947" y="5011"/>
                    <a:pt x="6000" y="5050"/>
                  </a:cubicBezTo>
                  <a:cubicBezTo>
                    <a:pt x="6056" y="5090"/>
                    <a:pt x="6097" y="5124"/>
                    <a:pt x="6167" y="5171"/>
                  </a:cubicBezTo>
                  <a:cubicBezTo>
                    <a:pt x="6159" y="5171"/>
                    <a:pt x="6031" y="5102"/>
                    <a:pt x="6020" y="5102"/>
                  </a:cubicBezTo>
                  <a:cubicBezTo>
                    <a:pt x="6015" y="5102"/>
                    <a:pt x="6033" y="5115"/>
                    <a:pt x="6095" y="5155"/>
                  </a:cubicBezTo>
                  <a:cubicBezTo>
                    <a:pt x="6164" y="5188"/>
                    <a:pt x="6193" y="5199"/>
                    <a:pt x="6202" y="5199"/>
                  </a:cubicBezTo>
                  <a:cubicBezTo>
                    <a:pt x="6218" y="5199"/>
                    <a:pt x="6173" y="5164"/>
                    <a:pt x="6192" y="5164"/>
                  </a:cubicBezTo>
                  <a:cubicBezTo>
                    <a:pt x="6201" y="5164"/>
                    <a:pt x="6221" y="5171"/>
                    <a:pt x="6264" y="5189"/>
                  </a:cubicBezTo>
                  <a:lnTo>
                    <a:pt x="6120" y="5094"/>
                  </a:lnTo>
                  <a:cubicBezTo>
                    <a:pt x="6120" y="5091"/>
                    <a:pt x="6122" y="5090"/>
                    <a:pt x="6125" y="5090"/>
                  </a:cubicBezTo>
                  <a:cubicBezTo>
                    <a:pt x="6161" y="5090"/>
                    <a:pt x="6384" y="5240"/>
                    <a:pt x="6422" y="5256"/>
                  </a:cubicBezTo>
                  <a:cubicBezTo>
                    <a:pt x="6439" y="5269"/>
                    <a:pt x="6444" y="5273"/>
                    <a:pt x="6441" y="5273"/>
                  </a:cubicBezTo>
                  <a:cubicBezTo>
                    <a:pt x="6434" y="5273"/>
                    <a:pt x="6366" y="5236"/>
                    <a:pt x="6354" y="5236"/>
                  </a:cubicBezTo>
                  <a:cubicBezTo>
                    <a:pt x="6349" y="5236"/>
                    <a:pt x="6353" y="5242"/>
                    <a:pt x="6371" y="5256"/>
                  </a:cubicBezTo>
                  <a:cubicBezTo>
                    <a:pt x="6424" y="5291"/>
                    <a:pt x="6479" y="5321"/>
                    <a:pt x="6537" y="5349"/>
                  </a:cubicBezTo>
                  <a:cubicBezTo>
                    <a:pt x="6584" y="5370"/>
                    <a:pt x="6625" y="5393"/>
                    <a:pt x="6667" y="5421"/>
                  </a:cubicBezTo>
                  <a:cubicBezTo>
                    <a:pt x="6572" y="5391"/>
                    <a:pt x="6630" y="5414"/>
                    <a:pt x="6523" y="5375"/>
                  </a:cubicBezTo>
                  <a:lnTo>
                    <a:pt x="6523" y="5375"/>
                  </a:lnTo>
                  <a:cubicBezTo>
                    <a:pt x="6671" y="5455"/>
                    <a:pt x="6681" y="5465"/>
                    <a:pt x="6669" y="5465"/>
                  </a:cubicBezTo>
                  <a:cubicBezTo>
                    <a:pt x="6665" y="5465"/>
                    <a:pt x="6659" y="5463"/>
                    <a:pt x="6654" y="5463"/>
                  </a:cubicBezTo>
                  <a:cubicBezTo>
                    <a:pt x="6642" y="5463"/>
                    <a:pt x="6644" y="5472"/>
                    <a:pt x="6741" y="5530"/>
                  </a:cubicBezTo>
                  <a:cubicBezTo>
                    <a:pt x="6822" y="5571"/>
                    <a:pt x="6778" y="5530"/>
                    <a:pt x="6906" y="5602"/>
                  </a:cubicBezTo>
                  <a:cubicBezTo>
                    <a:pt x="6839" y="5546"/>
                    <a:pt x="6852" y="5544"/>
                    <a:pt x="6646" y="5430"/>
                  </a:cubicBezTo>
                  <a:lnTo>
                    <a:pt x="6646" y="5430"/>
                  </a:lnTo>
                  <a:cubicBezTo>
                    <a:pt x="6688" y="5437"/>
                    <a:pt x="6755" y="5477"/>
                    <a:pt x="6832" y="5521"/>
                  </a:cubicBezTo>
                  <a:cubicBezTo>
                    <a:pt x="6906" y="5569"/>
                    <a:pt x="6987" y="5611"/>
                    <a:pt x="7068" y="5643"/>
                  </a:cubicBezTo>
                  <a:cubicBezTo>
                    <a:pt x="7017" y="5613"/>
                    <a:pt x="6961" y="5585"/>
                    <a:pt x="6906" y="5560"/>
                  </a:cubicBezTo>
                  <a:cubicBezTo>
                    <a:pt x="6901" y="5540"/>
                    <a:pt x="6881" y="5522"/>
                    <a:pt x="6901" y="5522"/>
                  </a:cubicBezTo>
                  <a:cubicBezTo>
                    <a:pt x="6913" y="5522"/>
                    <a:pt x="6936" y="5527"/>
                    <a:pt x="6980" y="5541"/>
                  </a:cubicBezTo>
                  <a:cubicBezTo>
                    <a:pt x="6910" y="5511"/>
                    <a:pt x="6859" y="5490"/>
                    <a:pt x="6801" y="5465"/>
                  </a:cubicBezTo>
                  <a:cubicBezTo>
                    <a:pt x="6725" y="5435"/>
                    <a:pt x="6653" y="5398"/>
                    <a:pt x="6584" y="5356"/>
                  </a:cubicBezTo>
                  <a:cubicBezTo>
                    <a:pt x="6578" y="5349"/>
                    <a:pt x="6579" y="5346"/>
                    <a:pt x="6584" y="5346"/>
                  </a:cubicBezTo>
                  <a:cubicBezTo>
                    <a:pt x="6614" y="5346"/>
                    <a:pt x="6794" y="5445"/>
                    <a:pt x="6837" y="5445"/>
                  </a:cubicBezTo>
                  <a:cubicBezTo>
                    <a:pt x="6841" y="5445"/>
                    <a:pt x="6844" y="5444"/>
                    <a:pt x="6845" y="5442"/>
                  </a:cubicBezTo>
                  <a:cubicBezTo>
                    <a:pt x="6871" y="5451"/>
                    <a:pt x="6903" y="5467"/>
                    <a:pt x="6940" y="5486"/>
                  </a:cubicBezTo>
                  <a:cubicBezTo>
                    <a:pt x="6980" y="5504"/>
                    <a:pt x="7019" y="5527"/>
                    <a:pt x="7061" y="5548"/>
                  </a:cubicBezTo>
                  <a:cubicBezTo>
                    <a:pt x="7144" y="5595"/>
                    <a:pt x="7228" y="5643"/>
                    <a:pt x="7279" y="5678"/>
                  </a:cubicBezTo>
                  <a:lnTo>
                    <a:pt x="7589" y="5805"/>
                  </a:lnTo>
                  <a:cubicBezTo>
                    <a:pt x="7679" y="5845"/>
                    <a:pt x="7774" y="5877"/>
                    <a:pt x="7869" y="5907"/>
                  </a:cubicBezTo>
                  <a:cubicBezTo>
                    <a:pt x="8006" y="5975"/>
                    <a:pt x="8363" y="6109"/>
                    <a:pt x="8629" y="6218"/>
                  </a:cubicBezTo>
                  <a:cubicBezTo>
                    <a:pt x="8659" y="6242"/>
                    <a:pt x="8857" y="6319"/>
                    <a:pt x="8837" y="6319"/>
                  </a:cubicBezTo>
                  <a:cubicBezTo>
                    <a:pt x="8832" y="6319"/>
                    <a:pt x="8818" y="6316"/>
                    <a:pt x="8791" y="6308"/>
                  </a:cubicBezTo>
                  <a:lnTo>
                    <a:pt x="8791" y="6308"/>
                  </a:lnTo>
                  <a:cubicBezTo>
                    <a:pt x="8829" y="6319"/>
                    <a:pt x="8966" y="6365"/>
                    <a:pt x="8987" y="6365"/>
                  </a:cubicBezTo>
                  <a:cubicBezTo>
                    <a:pt x="8992" y="6365"/>
                    <a:pt x="8991" y="6362"/>
                    <a:pt x="8981" y="6357"/>
                  </a:cubicBezTo>
                  <a:cubicBezTo>
                    <a:pt x="8949" y="6347"/>
                    <a:pt x="8916" y="6336"/>
                    <a:pt x="8884" y="6322"/>
                  </a:cubicBezTo>
                  <a:lnTo>
                    <a:pt x="8933" y="6322"/>
                  </a:lnTo>
                  <a:cubicBezTo>
                    <a:pt x="9062" y="6375"/>
                    <a:pt x="9215" y="6410"/>
                    <a:pt x="9336" y="6463"/>
                  </a:cubicBezTo>
                  <a:cubicBezTo>
                    <a:pt x="9340" y="6467"/>
                    <a:pt x="9340" y="6468"/>
                    <a:pt x="9337" y="6468"/>
                  </a:cubicBezTo>
                  <a:cubicBezTo>
                    <a:pt x="9317" y="6468"/>
                    <a:pt x="9187" y="6421"/>
                    <a:pt x="9166" y="6421"/>
                  </a:cubicBezTo>
                  <a:cubicBezTo>
                    <a:pt x="9161" y="6421"/>
                    <a:pt x="9163" y="6425"/>
                    <a:pt x="9178" y="6433"/>
                  </a:cubicBezTo>
                  <a:cubicBezTo>
                    <a:pt x="9229" y="6442"/>
                    <a:pt x="9280" y="6456"/>
                    <a:pt x="9331" y="6470"/>
                  </a:cubicBezTo>
                  <a:cubicBezTo>
                    <a:pt x="9398" y="6489"/>
                    <a:pt x="9479" y="6510"/>
                    <a:pt x="9558" y="6533"/>
                  </a:cubicBezTo>
                  <a:cubicBezTo>
                    <a:pt x="9639" y="6556"/>
                    <a:pt x="9720" y="6581"/>
                    <a:pt x="9790" y="6605"/>
                  </a:cubicBezTo>
                  <a:cubicBezTo>
                    <a:pt x="9861" y="6628"/>
                    <a:pt x="9924" y="6644"/>
                    <a:pt x="9961" y="6658"/>
                  </a:cubicBezTo>
                  <a:cubicBezTo>
                    <a:pt x="10068" y="6690"/>
                    <a:pt x="10075" y="6716"/>
                    <a:pt x="10119" y="6732"/>
                  </a:cubicBezTo>
                  <a:lnTo>
                    <a:pt x="10299" y="6781"/>
                  </a:lnTo>
                  <a:cubicBezTo>
                    <a:pt x="10315" y="6795"/>
                    <a:pt x="10334" y="6806"/>
                    <a:pt x="10353" y="6818"/>
                  </a:cubicBezTo>
                  <a:cubicBezTo>
                    <a:pt x="10420" y="6839"/>
                    <a:pt x="10489" y="6852"/>
                    <a:pt x="10561" y="6862"/>
                  </a:cubicBezTo>
                  <a:cubicBezTo>
                    <a:pt x="10698" y="6904"/>
                    <a:pt x="10710" y="6916"/>
                    <a:pt x="10671" y="6916"/>
                  </a:cubicBezTo>
                  <a:cubicBezTo>
                    <a:pt x="10644" y="6916"/>
                    <a:pt x="10591" y="6910"/>
                    <a:pt x="10538" y="6903"/>
                  </a:cubicBezTo>
                  <a:lnTo>
                    <a:pt x="10406" y="6864"/>
                  </a:lnTo>
                  <a:cubicBezTo>
                    <a:pt x="10336" y="6856"/>
                    <a:pt x="10248" y="6832"/>
                    <a:pt x="10226" y="6832"/>
                  </a:cubicBezTo>
                  <a:cubicBezTo>
                    <a:pt x="10216" y="6832"/>
                    <a:pt x="10219" y="6837"/>
                    <a:pt x="10244" y="6850"/>
                  </a:cubicBezTo>
                  <a:cubicBezTo>
                    <a:pt x="10267" y="6857"/>
                    <a:pt x="10290" y="6860"/>
                    <a:pt x="10314" y="6860"/>
                  </a:cubicBezTo>
                  <a:cubicBezTo>
                    <a:pt x="10321" y="6860"/>
                    <a:pt x="10329" y="6860"/>
                    <a:pt x="10336" y="6859"/>
                  </a:cubicBezTo>
                  <a:lnTo>
                    <a:pt x="10413" y="6887"/>
                  </a:lnTo>
                  <a:cubicBezTo>
                    <a:pt x="10482" y="6897"/>
                    <a:pt x="10644" y="6932"/>
                    <a:pt x="10688" y="6932"/>
                  </a:cubicBezTo>
                  <a:cubicBezTo>
                    <a:pt x="10697" y="6932"/>
                    <a:pt x="10701" y="6930"/>
                    <a:pt x="10698" y="6927"/>
                  </a:cubicBezTo>
                  <a:lnTo>
                    <a:pt x="10698" y="6927"/>
                  </a:lnTo>
                  <a:cubicBezTo>
                    <a:pt x="10737" y="6941"/>
                    <a:pt x="10779" y="6952"/>
                    <a:pt x="10820" y="6961"/>
                  </a:cubicBezTo>
                  <a:lnTo>
                    <a:pt x="10950" y="6987"/>
                  </a:lnTo>
                  <a:cubicBezTo>
                    <a:pt x="11036" y="7003"/>
                    <a:pt x="11117" y="7022"/>
                    <a:pt x="11189" y="7042"/>
                  </a:cubicBezTo>
                  <a:cubicBezTo>
                    <a:pt x="11092" y="7012"/>
                    <a:pt x="11219" y="7031"/>
                    <a:pt x="11191" y="7012"/>
                  </a:cubicBezTo>
                  <a:lnTo>
                    <a:pt x="11017" y="6973"/>
                  </a:lnTo>
                  <a:lnTo>
                    <a:pt x="11017" y="6973"/>
                  </a:lnTo>
                  <a:lnTo>
                    <a:pt x="11258" y="7012"/>
                  </a:lnTo>
                  <a:lnTo>
                    <a:pt x="11321" y="7024"/>
                  </a:lnTo>
                  <a:lnTo>
                    <a:pt x="11381" y="7033"/>
                  </a:lnTo>
                  <a:cubicBezTo>
                    <a:pt x="11423" y="7040"/>
                    <a:pt x="11460" y="7047"/>
                    <a:pt x="11492" y="7056"/>
                  </a:cubicBezTo>
                  <a:cubicBezTo>
                    <a:pt x="11474" y="7063"/>
                    <a:pt x="11467" y="7066"/>
                    <a:pt x="11534" y="7084"/>
                  </a:cubicBezTo>
                  <a:cubicBezTo>
                    <a:pt x="11511" y="7077"/>
                    <a:pt x="11515" y="7075"/>
                    <a:pt x="11529" y="7075"/>
                  </a:cubicBezTo>
                  <a:cubicBezTo>
                    <a:pt x="11553" y="7075"/>
                    <a:pt x="11608" y="7081"/>
                    <a:pt x="11633" y="7081"/>
                  </a:cubicBezTo>
                  <a:cubicBezTo>
                    <a:pt x="11655" y="7081"/>
                    <a:pt x="11653" y="7076"/>
                    <a:pt x="11580" y="7059"/>
                  </a:cubicBezTo>
                  <a:cubicBezTo>
                    <a:pt x="11504" y="7052"/>
                    <a:pt x="11432" y="7042"/>
                    <a:pt x="11335" y="7024"/>
                  </a:cubicBezTo>
                  <a:cubicBezTo>
                    <a:pt x="11311" y="7012"/>
                    <a:pt x="11321" y="7008"/>
                    <a:pt x="11347" y="7008"/>
                  </a:cubicBezTo>
                  <a:cubicBezTo>
                    <a:pt x="11386" y="7008"/>
                    <a:pt x="11464" y="7017"/>
                    <a:pt x="11518" y="7017"/>
                  </a:cubicBezTo>
                  <a:lnTo>
                    <a:pt x="11735" y="7045"/>
                  </a:lnTo>
                  <a:cubicBezTo>
                    <a:pt x="11777" y="7049"/>
                    <a:pt x="11821" y="7056"/>
                    <a:pt x="11863" y="7059"/>
                  </a:cubicBezTo>
                  <a:lnTo>
                    <a:pt x="11983" y="7068"/>
                  </a:lnTo>
                  <a:cubicBezTo>
                    <a:pt x="12074" y="7084"/>
                    <a:pt x="12099" y="7110"/>
                    <a:pt x="12257" y="7114"/>
                  </a:cubicBezTo>
                  <a:cubicBezTo>
                    <a:pt x="12157" y="7093"/>
                    <a:pt x="12206" y="7091"/>
                    <a:pt x="12284" y="7091"/>
                  </a:cubicBezTo>
                  <a:lnTo>
                    <a:pt x="12349" y="7091"/>
                  </a:lnTo>
                  <a:lnTo>
                    <a:pt x="12414" y="7089"/>
                  </a:lnTo>
                  <a:cubicBezTo>
                    <a:pt x="12419" y="7089"/>
                    <a:pt x="12424" y="7089"/>
                    <a:pt x="12430" y="7089"/>
                  </a:cubicBezTo>
                  <a:cubicBezTo>
                    <a:pt x="12453" y="7089"/>
                    <a:pt x="12478" y="7086"/>
                    <a:pt x="12502" y="7082"/>
                  </a:cubicBezTo>
                  <a:cubicBezTo>
                    <a:pt x="12653" y="7103"/>
                    <a:pt x="12748" y="7082"/>
                    <a:pt x="12868" y="7110"/>
                  </a:cubicBezTo>
                  <a:cubicBezTo>
                    <a:pt x="12864" y="7110"/>
                    <a:pt x="12860" y="7110"/>
                    <a:pt x="12855" y="7110"/>
                  </a:cubicBezTo>
                  <a:cubicBezTo>
                    <a:pt x="12798" y="7110"/>
                    <a:pt x="12669" y="7101"/>
                    <a:pt x="12583" y="7101"/>
                  </a:cubicBezTo>
                  <a:cubicBezTo>
                    <a:pt x="12553" y="7101"/>
                    <a:pt x="12528" y="7102"/>
                    <a:pt x="12514" y="7105"/>
                  </a:cubicBezTo>
                  <a:cubicBezTo>
                    <a:pt x="12506" y="7117"/>
                    <a:pt x="12546" y="7140"/>
                    <a:pt x="12419" y="7140"/>
                  </a:cubicBezTo>
                  <a:cubicBezTo>
                    <a:pt x="12396" y="7140"/>
                    <a:pt x="12367" y="7139"/>
                    <a:pt x="12331" y="7137"/>
                  </a:cubicBezTo>
                  <a:lnTo>
                    <a:pt x="12331" y="7137"/>
                  </a:lnTo>
                  <a:cubicBezTo>
                    <a:pt x="12425" y="7147"/>
                    <a:pt x="12474" y="7150"/>
                    <a:pt x="12503" y="7150"/>
                  </a:cubicBezTo>
                  <a:cubicBezTo>
                    <a:pt x="12552" y="7150"/>
                    <a:pt x="12543" y="7142"/>
                    <a:pt x="12596" y="7142"/>
                  </a:cubicBezTo>
                  <a:cubicBezTo>
                    <a:pt x="12604" y="7142"/>
                    <a:pt x="12612" y="7142"/>
                    <a:pt x="12623" y="7142"/>
                  </a:cubicBezTo>
                  <a:lnTo>
                    <a:pt x="12528" y="7135"/>
                  </a:lnTo>
                  <a:cubicBezTo>
                    <a:pt x="12566" y="7133"/>
                    <a:pt x="12509" y="7120"/>
                    <a:pt x="12550" y="7120"/>
                  </a:cubicBezTo>
                  <a:cubicBezTo>
                    <a:pt x="12556" y="7120"/>
                    <a:pt x="12564" y="7121"/>
                    <a:pt x="12574" y="7121"/>
                  </a:cubicBezTo>
                  <a:cubicBezTo>
                    <a:pt x="12657" y="7128"/>
                    <a:pt x="12720" y="7137"/>
                    <a:pt x="12773" y="7142"/>
                  </a:cubicBezTo>
                  <a:cubicBezTo>
                    <a:pt x="12829" y="7149"/>
                    <a:pt x="12873" y="7156"/>
                    <a:pt x="12915" y="7161"/>
                  </a:cubicBezTo>
                  <a:lnTo>
                    <a:pt x="13174" y="7193"/>
                  </a:lnTo>
                  <a:cubicBezTo>
                    <a:pt x="13125" y="7181"/>
                    <a:pt x="13227" y="7174"/>
                    <a:pt x="13278" y="7174"/>
                  </a:cubicBezTo>
                  <a:cubicBezTo>
                    <a:pt x="13491" y="7195"/>
                    <a:pt x="13276" y="7207"/>
                    <a:pt x="13406" y="7232"/>
                  </a:cubicBezTo>
                  <a:cubicBezTo>
                    <a:pt x="13480" y="7216"/>
                    <a:pt x="13623" y="7218"/>
                    <a:pt x="13575" y="7209"/>
                  </a:cubicBezTo>
                  <a:cubicBezTo>
                    <a:pt x="13660" y="7209"/>
                    <a:pt x="13616" y="7214"/>
                    <a:pt x="13677" y="7216"/>
                  </a:cubicBezTo>
                  <a:cubicBezTo>
                    <a:pt x="13753" y="7200"/>
                    <a:pt x="13832" y="7193"/>
                    <a:pt x="13911" y="7193"/>
                  </a:cubicBezTo>
                  <a:cubicBezTo>
                    <a:pt x="13900" y="7199"/>
                    <a:pt x="13886" y="7210"/>
                    <a:pt x="13799" y="7210"/>
                  </a:cubicBezTo>
                  <a:cubicBezTo>
                    <a:pt x="13796" y="7210"/>
                    <a:pt x="13792" y="7209"/>
                    <a:pt x="13788" y="7209"/>
                  </a:cubicBezTo>
                  <a:lnTo>
                    <a:pt x="13788" y="7209"/>
                  </a:lnTo>
                  <a:cubicBezTo>
                    <a:pt x="13825" y="7211"/>
                    <a:pt x="13863" y="7215"/>
                    <a:pt x="13899" y="7225"/>
                  </a:cubicBezTo>
                  <a:cubicBezTo>
                    <a:pt x="13920" y="7230"/>
                    <a:pt x="13918" y="7239"/>
                    <a:pt x="13890" y="7246"/>
                  </a:cubicBezTo>
                  <a:lnTo>
                    <a:pt x="13686" y="7242"/>
                  </a:lnTo>
                  <a:lnTo>
                    <a:pt x="13686" y="7242"/>
                  </a:lnTo>
                  <a:cubicBezTo>
                    <a:pt x="13591" y="7258"/>
                    <a:pt x="13876" y="7246"/>
                    <a:pt x="13869" y="7260"/>
                  </a:cubicBezTo>
                  <a:cubicBezTo>
                    <a:pt x="13845" y="7261"/>
                    <a:pt x="13823" y="7262"/>
                    <a:pt x="13802" y="7262"/>
                  </a:cubicBezTo>
                  <a:cubicBezTo>
                    <a:pt x="13755" y="7262"/>
                    <a:pt x="13715" y="7260"/>
                    <a:pt x="13680" y="7260"/>
                  </a:cubicBezTo>
                  <a:cubicBezTo>
                    <a:pt x="13671" y="7260"/>
                    <a:pt x="13662" y="7260"/>
                    <a:pt x="13654" y="7260"/>
                  </a:cubicBezTo>
                  <a:cubicBezTo>
                    <a:pt x="13685" y="7265"/>
                    <a:pt x="13717" y="7267"/>
                    <a:pt x="13750" y="7267"/>
                  </a:cubicBezTo>
                  <a:cubicBezTo>
                    <a:pt x="13768" y="7267"/>
                    <a:pt x="13786" y="7266"/>
                    <a:pt x="13804" y="7265"/>
                  </a:cubicBezTo>
                  <a:cubicBezTo>
                    <a:pt x="13837" y="7262"/>
                    <a:pt x="13871" y="7260"/>
                    <a:pt x="13904" y="7258"/>
                  </a:cubicBezTo>
                  <a:cubicBezTo>
                    <a:pt x="13936" y="7256"/>
                    <a:pt x="13966" y="7253"/>
                    <a:pt x="13992" y="7251"/>
                  </a:cubicBezTo>
                  <a:cubicBezTo>
                    <a:pt x="14021" y="7249"/>
                    <a:pt x="14043" y="7249"/>
                    <a:pt x="14060" y="7249"/>
                  </a:cubicBezTo>
                  <a:cubicBezTo>
                    <a:pt x="14138" y="7249"/>
                    <a:pt x="14099" y="7264"/>
                    <a:pt x="14101" y="7269"/>
                  </a:cubicBezTo>
                  <a:cubicBezTo>
                    <a:pt x="14379" y="7228"/>
                    <a:pt x="13776" y="7262"/>
                    <a:pt x="14036" y="7221"/>
                  </a:cubicBezTo>
                  <a:cubicBezTo>
                    <a:pt x="14112" y="7207"/>
                    <a:pt x="14189" y="7198"/>
                    <a:pt x="14267" y="7193"/>
                  </a:cubicBezTo>
                  <a:lnTo>
                    <a:pt x="14413" y="7181"/>
                  </a:lnTo>
                  <a:lnTo>
                    <a:pt x="14555" y="7165"/>
                  </a:lnTo>
                  <a:cubicBezTo>
                    <a:pt x="14404" y="7158"/>
                    <a:pt x="14568" y="7133"/>
                    <a:pt x="14747" y="7107"/>
                  </a:cubicBezTo>
                  <a:lnTo>
                    <a:pt x="14747" y="7107"/>
                  </a:lnTo>
                  <a:cubicBezTo>
                    <a:pt x="14689" y="7113"/>
                    <a:pt x="14656" y="7115"/>
                    <a:pt x="14635" y="7115"/>
                  </a:cubicBezTo>
                  <a:cubicBezTo>
                    <a:pt x="14604" y="7115"/>
                    <a:pt x="14599" y="7111"/>
                    <a:pt x="14576" y="7111"/>
                  </a:cubicBezTo>
                  <a:cubicBezTo>
                    <a:pt x="14554" y="7111"/>
                    <a:pt x="14513" y="7115"/>
                    <a:pt x="14411" y="7130"/>
                  </a:cubicBezTo>
                  <a:lnTo>
                    <a:pt x="14406" y="7114"/>
                  </a:lnTo>
                  <a:cubicBezTo>
                    <a:pt x="14522" y="7103"/>
                    <a:pt x="14659" y="7096"/>
                    <a:pt x="14777" y="7084"/>
                  </a:cubicBezTo>
                  <a:lnTo>
                    <a:pt x="14777" y="7084"/>
                  </a:lnTo>
                  <a:cubicBezTo>
                    <a:pt x="14751" y="7091"/>
                    <a:pt x="14779" y="7091"/>
                    <a:pt x="14742" y="7098"/>
                  </a:cubicBezTo>
                  <a:cubicBezTo>
                    <a:pt x="14858" y="7082"/>
                    <a:pt x="14972" y="7061"/>
                    <a:pt x="15087" y="7045"/>
                  </a:cubicBezTo>
                  <a:lnTo>
                    <a:pt x="15087" y="7045"/>
                  </a:lnTo>
                  <a:lnTo>
                    <a:pt x="15053" y="7059"/>
                  </a:lnTo>
                  <a:cubicBezTo>
                    <a:pt x="15266" y="7029"/>
                    <a:pt x="15528" y="6994"/>
                    <a:pt x="15653" y="6959"/>
                  </a:cubicBezTo>
                  <a:lnTo>
                    <a:pt x="15653" y="6959"/>
                  </a:lnTo>
                  <a:cubicBezTo>
                    <a:pt x="15602" y="6971"/>
                    <a:pt x="15554" y="6977"/>
                    <a:pt x="15531" y="6977"/>
                  </a:cubicBezTo>
                  <a:cubicBezTo>
                    <a:pt x="15509" y="6977"/>
                    <a:pt x="15512" y="6971"/>
                    <a:pt x="15565" y="6957"/>
                  </a:cubicBezTo>
                  <a:cubicBezTo>
                    <a:pt x="15653" y="6929"/>
                    <a:pt x="15741" y="6906"/>
                    <a:pt x="15831" y="6887"/>
                  </a:cubicBezTo>
                  <a:cubicBezTo>
                    <a:pt x="15832" y="6887"/>
                    <a:pt x="15834" y="6887"/>
                    <a:pt x="15836" y="6887"/>
                  </a:cubicBezTo>
                  <a:cubicBezTo>
                    <a:pt x="15882" y="6887"/>
                    <a:pt x="16057" y="6848"/>
                    <a:pt x="16088" y="6848"/>
                  </a:cubicBezTo>
                  <a:cubicBezTo>
                    <a:pt x="16102" y="6848"/>
                    <a:pt x="16087" y="6856"/>
                    <a:pt x="16021" y="6878"/>
                  </a:cubicBezTo>
                  <a:cubicBezTo>
                    <a:pt x="16095" y="6857"/>
                    <a:pt x="16141" y="6843"/>
                    <a:pt x="16176" y="6834"/>
                  </a:cubicBezTo>
                  <a:cubicBezTo>
                    <a:pt x="16213" y="6822"/>
                    <a:pt x="16234" y="6813"/>
                    <a:pt x="16255" y="6804"/>
                  </a:cubicBezTo>
                  <a:cubicBezTo>
                    <a:pt x="16299" y="6788"/>
                    <a:pt x="16341" y="6771"/>
                    <a:pt x="16477" y="6727"/>
                  </a:cubicBezTo>
                  <a:lnTo>
                    <a:pt x="16477" y="6727"/>
                  </a:lnTo>
                  <a:lnTo>
                    <a:pt x="16292" y="6785"/>
                  </a:lnTo>
                  <a:cubicBezTo>
                    <a:pt x="16272" y="6778"/>
                    <a:pt x="16354" y="6737"/>
                    <a:pt x="16311" y="6737"/>
                  </a:cubicBezTo>
                  <a:cubicBezTo>
                    <a:pt x="16298" y="6737"/>
                    <a:pt x="16274" y="6741"/>
                    <a:pt x="16232" y="6751"/>
                  </a:cubicBezTo>
                  <a:cubicBezTo>
                    <a:pt x="16283" y="6737"/>
                    <a:pt x="16334" y="6713"/>
                    <a:pt x="16378" y="6686"/>
                  </a:cubicBezTo>
                  <a:cubicBezTo>
                    <a:pt x="16394" y="6674"/>
                    <a:pt x="16415" y="6665"/>
                    <a:pt x="16433" y="6656"/>
                  </a:cubicBezTo>
                  <a:cubicBezTo>
                    <a:pt x="16463" y="6646"/>
                    <a:pt x="16505" y="6630"/>
                    <a:pt x="16575" y="6607"/>
                  </a:cubicBezTo>
                  <a:cubicBezTo>
                    <a:pt x="16593" y="6602"/>
                    <a:pt x="16605" y="6600"/>
                    <a:pt x="16612" y="6600"/>
                  </a:cubicBezTo>
                  <a:cubicBezTo>
                    <a:pt x="16624" y="6600"/>
                    <a:pt x="16613" y="6609"/>
                    <a:pt x="16586" y="6623"/>
                  </a:cubicBezTo>
                  <a:cubicBezTo>
                    <a:pt x="16565" y="6632"/>
                    <a:pt x="16537" y="6646"/>
                    <a:pt x="16505" y="6660"/>
                  </a:cubicBezTo>
                  <a:cubicBezTo>
                    <a:pt x="16473" y="6672"/>
                    <a:pt x="16433" y="6686"/>
                    <a:pt x="16396" y="6697"/>
                  </a:cubicBezTo>
                  <a:cubicBezTo>
                    <a:pt x="16436" y="6686"/>
                    <a:pt x="16473" y="6679"/>
                    <a:pt x="16512" y="6667"/>
                  </a:cubicBezTo>
                  <a:cubicBezTo>
                    <a:pt x="16549" y="6658"/>
                    <a:pt x="16588" y="6644"/>
                    <a:pt x="16626" y="6625"/>
                  </a:cubicBezTo>
                  <a:cubicBezTo>
                    <a:pt x="16628" y="6625"/>
                    <a:pt x="16630" y="6625"/>
                    <a:pt x="16632" y="6625"/>
                  </a:cubicBezTo>
                  <a:cubicBezTo>
                    <a:pt x="16671" y="6625"/>
                    <a:pt x="16485" y="6695"/>
                    <a:pt x="16493" y="6697"/>
                  </a:cubicBezTo>
                  <a:cubicBezTo>
                    <a:pt x="16637" y="6653"/>
                    <a:pt x="16489" y="6690"/>
                    <a:pt x="16621" y="6644"/>
                  </a:cubicBezTo>
                  <a:cubicBezTo>
                    <a:pt x="16850" y="6551"/>
                    <a:pt x="16781" y="6621"/>
                    <a:pt x="16998" y="6533"/>
                  </a:cubicBezTo>
                  <a:lnTo>
                    <a:pt x="16998" y="6533"/>
                  </a:lnTo>
                  <a:cubicBezTo>
                    <a:pt x="16965" y="6544"/>
                    <a:pt x="16912" y="6561"/>
                    <a:pt x="16901" y="6561"/>
                  </a:cubicBezTo>
                  <a:cubicBezTo>
                    <a:pt x="16897" y="6561"/>
                    <a:pt x="16900" y="6558"/>
                    <a:pt x="16917" y="6549"/>
                  </a:cubicBezTo>
                  <a:cubicBezTo>
                    <a:pt x="17216" y="6442"/>
                    <a:pt x="17080" y="6477"/>
                    <a:pt x="17290" y="6387"/>
                  </a:cubicBezTo>
                  <a:cubicBezTo>
                    <a:pt x="17330" y="6378"/>
                    <a:pt x="17367" y="6375"/>
                    <a:pt x="17406" y="6375"/>
                  </a:cubicBezTo>
                  <a:cubicBezTo>
                    <a:pt x="17427" y="6373"/>
                    <a:pt x="17446" y="6371"/>
                    <a:pt x="17464" y="6366"/>
                  </a:cubicBezTo>
                  <a:cubicBezTo>
                    <a:pt x="17492" y="6359"/>
                    <a:pt x="17521" y="6349"/>
                    <a:pt x="17548" y="6339"/>
                  </a:cubicBezTo>
                  <a:lnTo>
                    <a:pt x="17548" y="6339"/>
                  </a:lnTo>
                  <a:cubicBezTo>
                    <a:pt x="17520" y="6350"/>
                    <a:pt x="17493" y="6362"/>
                    <a:pt x="17464" y="6373"/>
                  </a:cubicBezTo>
                  <a:cubicBezTo>
                    <a:pt x="17547" y="6350"/>
                    <a:pt x="17629" y="6322"/>
                    <a:pt x="17707" y="6285"/>
                  </a:cubicBezTo>
                  <a:cubicBezTo>
                    <a:pt x="17756" y="6262"/>
                    <a:pt x="17805" y="6239"/>
                    <a:pt x="17853" y="6215"/>
                  </a:cubicBezTo>
                  <a:lnTo>
                    <a:pt x="17990" y="6141"/>
                  </a:lnTo>
                  <a:cubicBezTo>
                    <a:pt x="18078" y="6093"/>
                    <a:pt x="18166" y="6044"/>
                    <a:pt x="18252" y="5993"/>
                  </a:cubicBezTo>
                  <a:lnTo>
                    <a:pt x="18381" y="5914"/>
                  </a:lnTo>
                  <a:cubicBezTo>
                    <a:pt x="18423" y="5889"/>
                    <a:pt x="18467" y="5863"/>
                    <a:pt x="18511" y="5836"/>
                  </a:cubicBezTo>
                  <a:lnTo>
                    <a:pt x="18701" y="5718"/>
                  </a:lnTo>
                  <a:lnTo>
                    <a:pt x="18701" y="5718"/>
                  </a:lnTo>
                  <a:cubicBezTo>
                    <a:pt x="18683" y="5729"/>
                    <a:pt x="18666" y="5739"/>
                    <a:pt x="18648" y="5750"/>
                  </a:cubicBezTo>
                  <a:cubicBezTo>
                    <a:pt x="18643" y="5752"/>
                    <a:pt x="18640" y="5752"/>
                    <a:pt x="18639" y="5752"/>
                  </a:cubicBezTo>
                  <a:cubicBezTo>
                    <a:pt x="18625" y="5752"/>
                    <a:pt x="18758" y="5675"/>
                    <a:pt x="18752" y="5671"/>
                  </a:cubicBezTo>
                  <a:lnTo>
                    <a:pt x="18842" y="5629"/>
                  </a:lnTo>
                  <a:cubicBezTo>
                    <a:pt x="18844" y="5627"/>
                    <a:pt x="18844" y="5625"/>
                    <a:pt x="18841" y="5625"/>
                  </a:cubicBezTo>
                  <a:cubicBezTo>
                    <a:pt x="18832" y="5625"/>
                    <a:pt x="18792" y="5646"/>
                    <a:pt x="18754" y="5664"/>
                  </a:cubicBezTo>
                  <a:cubicBezTo>
                    <a:pt x="18722" y="5680"/>
                    <a:pt x="18691" y="5694"/>
                    <a:pt x="18682" y="5694"/>
                  </a:cubicBezTo>
                  <a:cubicBezTo>
                    <a:pt x="18678" y="5694"/>
                    <a:pt x="18678" y="5691"/>
                    <a:pt x="18685" y="5685"/>
                  </a:cubicBezTo>
                  <a:cubicBezTo>
                    <a:pt x="18706" y="5676"/>
                    <a:pt x="18724" y="5666"/>
                    <a:pt x="18743" y="5655"/>
                  </a:cubicBezTo>
                  <a:lnTo>
                    <a:pt x="18743" y="5655"/>
                  </a:lnTo>
                  <a:lnTo>
                    <a:pt x="18662" y="5694"/>
                  </a:lnTo>
                  <a:cubicBezTo>
                    <a:pt x="18745" y="5650"/>
                    <a:pt x="18824" y="5602"/>
                    <a:pt x="18903" y="5548"/>
                  </a:cubicBezTo>
                  <a:cubicBezTo>
                    <a:pt x="18970" y="5502"/>
                    <a:pt x="19042" y="5463"/>
                    <a:pt x="19116" y="5428"/>
                  </a:cubicBezTo>
                  <a:lnTo>
                    <a:pt x="19116" y="5428"/>
                  </a:lnTo>
                  <a:cubicBezTo>
                    <a:pt x="19032" y="5483"/>
                    <a:pt x="18986" y="5514"/>
                    <a:pt x="18963" y="5532"/>
                  </a:cubicBezTo>
                  <a:cubicBezTo>
                    <a:pt x="18937" y="5553"/>
                    <a:pt x="18935" y="5562"/>
                    <a:pt x="18930" y="5571"/>
                  </a:cubicBezTo>
                  <a:cubicBezTo>
                    <a:pt x="18926" y="5586"/>
                    <a:pt x="18922" y="5605"/>
                    <a:pt x="18788" y="5687"/>
                  </a:cubicBezTo>
                  <a:lnTo>
                    <a:pt x="18788" y="5687"/>
                  </a:lnTo>
                  <a:cubicBezTo>
                    <a:pt x="18822" y="5667"/>
                    <a:pt x="18837" y="5660"/>
                    <a:pt x="18842" y="5660"/>
                  </a:cubicBezTo>
                  <a:cubicBezTo>
                    <a:pt x="18854" y="5660"/>
                    <a:pt x="18803" y="5704"/>
                    <a:pt x="18813" y="5704"/>
                  </a:cubicBezTo>
                  <a:cubicBezTo>
                    <a:pt x="18814" y="5704"/>
                    <a:pt x="18814" y="5704"/>
                    <a:pt x="18815" y="5704"/>
                  </a:cubicBezTo>
                  <a:cubicBezTo>
                    <a:pt x="18912" y="5650"/>
                    <a:pt x="18854" y="5664"/>
                    <a:pt x="18965" y="5606"/>
                  </a:cubicBezTo>
                  <a:lnTo>
                    <a:pt x="18965" y="5606"/>
                  </a:lnTo>
                  <a:cubicBezTo>
                    <a:pt x="18967" y="5614"/>
                    <a:pt x="18806" y="5722"/>
                    <a:pt x="18822" y="5722"/>
                  </a:cubicBezTo>
                  <a:cubicBezTo>
                    <a:pt x="18825" y="5722"/>
                    <a:pt x="18833" y="5719"/>
                    <a:pt x="18849" y="5710"/>
                  </a:cubicBezTo>
                  <a:cubicBezTo>
                    <a:pt x="18852" y="5687"/>
                    <a:pt x="18949" y="5634"/>
                    <a:pt x="18988" y="5595"/>
                  </a:cubicBezTo>
                  <a:cubicBezTo>
                    <a:pt x="19014" y="5581"/>
                    <a:pt x="19024" y="5577"/>
                    <a:pt x="19027" y="5577"/>
                  </a:cubicBezTo>
                  <a:cubicBezTo>
                    <a:pt x="19033" y="5577"/>
                    <a:pt x="19014" y="5592"/>
                    <a:pt x="19021" y="5592"/>
                  </a:cubicBezTo>
                  <a:cubicBezTo>
                    <a:pt x="19023" y="5592"/>
                    <a:pt x="19025" y="5592"/>
                    <a:pt x="19030" y="5590"/>
                  </a:cubicBezTo>
                  <a:cubicBezTo>
                    <a:pt x="19074" y="5562"/>
                    <a:pt x="19097" y="5541"/>
                    <a:pt x="19137" y="5518"/>
                  </a:cubicBezTo>
                  <a:lnTo>
                    <a:pt x="19137" y="5518"/>
                  </a:lnTo>
                  <a:lnTo>
                    <a:pt x="19113" y="5546"/>
                  </a:lnTo>
                  <a:cubicBezTo>
                    <a:pt x="19338" y="5421"/>
                    <a:pt x="19171" y="5490"/>
                    <a:pt x="19419" y="5335"/>
                  </a:cubicBezTo>
                  <a:cubicBezTo>
                    <a:pt x="19419" y="5333"/>
                    <a:pt x="19418" y="5332"/>
                    <a:pt x="19416" y="5332"/>
                  </a:cubicBezTo>
                  <a:cubicBezTo>
                    <a:pt x="19400" y="5332"/>
                    <a:pt x="19332" y="5379"/>
                    <a:pt x="19243" y="5439"/>
                  </a:cubicBezTo>
                  <a:cubicBezTo>
                    <a:pt x="19242" y="5439"/>
                    <a:pt x="19242" y="5440"/>
                    <a:pt x="19241" y="5440"/>
                  </a:cubicBezTo>
                  <a:cubicBezTo>
                    <a:pt x="19211" y="5440"/>
                    <a:pt x="19284" y="5383"/>
                    <a:pt x="19361" y="5324"/>
                  </a:cubicBezTo>
                  <a:cubicBezTo>
                    <a:pt x="19440" y="5261"/>
                    <a:pt x="19519" y="5194"/>
                    <a:pt x="19498" y="5185"/>
                  </a:cubicBezTo>
                  <a:cubicBezTo>
                    <a:pt x="19565" y="5137"/>
                    <a:pt x="19588" y="5123"/>
                    <a:pt x="19591" y="5123"/>
                  </a:cubicBezTo>
                  <a:cubicBezTo>
                    <a:pt x="19597" y="5123"/>
                    <a:pt x="19561" y="5155"/>
                    <a:pt x="19570" y="5155"/>
                  </a:cubicBezTo>
                  <a:cubicBezTo>
                    <a:pt x="19576" y="5155"/>
                    <a:pt x="19596" y="5145"/>
                    <a:pt x="19646" y="5113"/>
                  </a:cubicBezTo>
                  <a:cubicBezTo>
                    <a:pt x="19662" y="5105"/>
                    <a:pt x="19671" y="5102"/>
                    <a:pt x="19675" y="5102"/>
                  </a:cubicBezTo>
                  <a:cubicBezTo>
                    <a:pt x="19686" y="5102"/>
                    <a:pt x="19660" y="5126"/>
                    <a:pt x="19621" y="5157"/>
                  </a:cubicBezTo>
                  <a:cubicBezTo>
                    <a:pt x="19567" y="5199"/>
                    <a:pt x="19496" y="5254"/>
                    <a:pt x="19475" y="5277"/>
                  </a:cubicBezTo>
                  <a:lnTo>
                    <a:pt x="19686" y="5150"/>
                  </a:lnTo>
                  <a:lnTo>
                    <a:pt x="19686" y="5150"/>
                  </a:lnTo>
                  <a:cubicBezTo>
                    <a:pt x="19635" y="5219"/>
                    <a:pt x="19503" y="5298"/>
                    <a:pt x="19482" y="5344"/>
                  </a:cubicBezTo>
                  <a:cubicBezTo>
                    <a:pt x="19558" y="5294"/>
                    <a:pt x="19591" y="5270"/>
                    <a:pt x="19623" y="5245"/>
                  </a:cubicBezTo>
                  <a:cubicBezTo>
                    <a:pt x="19655" y="5219"/>
                    <a:pt x="19688" y="5194"/>
                    <a:pt x="19757" y="5134"/>
                  </a:cubicBezTo>
                  <a:lnTo>
                    <a:pt x="19757" y="5134"/>
                  </a:lnTo>
                  <a:cubicBezTo>
                    <a:pt x="19730" y="5157"/>
                    <a:pt x="19697" y="5173"/>
                    <a:pt x="19662" y="5187"/>
                  </a:cubicBezTo>
                  <a:cubicBezTo>
                    <a:pt x="19658" y="5187"/>
                    <a:pt x="19672" y="5173"/>
                    <a:pt x="19692" y="5159"/>
                  </a:cubicBezTo>
                  <a:cubicBezTo>
                    <a:pt x="19717" y="5136"/>
                    <a:pt x="19750" y="5107"/>
                    <a:pt x="19737" y="5107"/>
                  </a:cubicBezTo>
                  <a:cubicBezTo>
                    <a:pt x="19733" y="5107"/>
                    <a:pt x="19721" y="5111"/>
                    <a:pt x="19699" y="5122"/>
                  </a:cubicBezTo>
                  <a:cubicBezTo>
                    <a:pt x="19785" y="5071"/>
                    <a:pt x="19866" y="5018"/>
                    <a:pt x="19947" y="4958"/>
                  </a:cubicBezTo>
                  <a:lnTo>
                    <a:pt x="19947" y="4958"/>
                  </a:lnTo>
                  <a:cubicBezTo>
                    <a:pt x="19858" y="5030"/>
                    <a:pt x="19936" y="4991"/>
                    <a:pt x="19855" y="5054"/>
                  </a:cubicBezTo>
                  <a:lnTo>
                    <a:pt x="19855" y="5054"/>
                  </a:lnTo>
                  <a:cubicBezTo>
                    <a:pt x="20031" y="4922"/>
                    <a:pt x="19987" y="4946"/>
                    <a:pt x="20188" y="4789"/>
                  </a:cubicBezTo>
                  <a:cubicBezTo>
                    <a:pt x="20196" y="4779"/>
                    <a:pt x="20197" y="4775"/>
                    <a:pt x="20193" y="4775"/>
                  </a:cubicBezTo>
                  <a:cubicBezTo>
                    <a:pt x="20179" y="4775"/>
                    <a:pt x="20112" y="4819"/>
                    <a:pt x="20103" y="4819"/>
                  </a:cubicBezTo>
                  <a:cubicBezTo>
                    <a:pt x="20096" y="4819"/>
                    <a:pt x="20117" y="4798"/>
                    <a:pt x="20204" y="4724"/>
                  </a:cubicBezTo>
                  <a:cubicBezTo>
                    <a:pt x="20230" y="4704"/>
                    <a:pt x="20242" y="4696"/>
                    <a:pt x="20245" y="4696"/>
                  </a:cubicBezTo>
                  <a:cubicBezTo>
                    <a:pt x="20249" y="4696"/>
                    <a:pt x="20238" y="4707"/>
                    <a:pt x="20221" y="4721"/>
                  </a:cubicBezTo>
                  <a:cubicBezTo>
                    <a:pt x="20288" y="4670"/>
                    <a:pt x="20300" y="4658"/>
                    <a:pt x="20292" y="4658"/>
                  </a:cubicBezTo>
                  <a:cubicBezTo>
                    <a:pt x="20285" y="4658"/>
                    <a:pt x="20261" y="4669"/>
                    <a:pt x="20251" y="4669"/>
                  </a:cubicBezTo>
                  <a:cubicBezTo>
                    <a:pt x="20242" y="4669"/>
                    <a:pt x="20244" y="4661"/>
                    <a:pt x="20274" y="4631"/>
                  </a:cubicBezTo>
                  <a:cubicBezTo>
                    <a:pt x="20326" y="4585"/>
                    <a:pt x="20359" y="4563"/>
                    <a:pt x="20365" y="4563"/>
                  </a:cubicBezTo>
                  <a:cubicBezTo>
                    <a:pt x="20368" y="4563"/>
                    <a:pt x="20365" y="4568"/>
                    <a:pt x="20355" y="4578"/>
                  </a:cubicBezTo>
                  <a:cubicBezTo>
                    <a:pt x="20464" y="4471"/>
                    <a:pt x="20392" y="4515"/>
                    <a:pt x="20466" y="4448"/>
                  </a:cubicBezTo>
                  <a:lnTo>
                    <a:pt x="20466" y="4448"/>
                  </a:lnTo>
                  <a:lnTo>
                    <a:pt x="20429" y="4476"/>
                  </a:lnTo>
                  <a:cubicBezTo>
                    <a:pt x="20443" y="4460"/>
                    <a:pt x="20424" y="4464"/>
                    <a:pt x="20420" y="4457"/>
                  </a:cubicBezTo>
                  <a:cubicBezTo>
                    <a:pt x="20418" y="4448"/>
                    <a:pt x="20434" y="4427"/>
                    <a:pt x="20515" y="4355"/>
                  </a:cubicBezTo>
                  <a:cubicBezTo>
                    <a:pt x="20580" y="4298"/>
                    <a:pt x="20600" y="4284"/>
                    <a:pt x="20606" y="4284"/>
                  </a:cubicBezTo>
                  <a:cubicBezTo>
                    <a:pt x="20611" y="4284"/>
                    <a:pt x="20607" y="4293"/>
                    <a:pt x="20610" y="4295"/>
                  </a:cubicBezTo>
                  <a:cubicBezTo>
                    <a:pt x="20654" y="4251"/>
                    <a:pt x="20696" y="4214"/>
                    <a:pt x="20733" y="4182"/>
                  </a:cubicBezTo>
                  <a:cubicBezTo>
                    <a:pt x="20772" y="4149"/>
                    <a:pt x="20804" y="4121"/>
                    <a:pt x="20839" y="4096"/>
                  </a:cubicBezTo>
                  <a:lnTo>
                    <a:pt x="20839" y="4096"/>
                  </a:lnTo>
                  <a:cubicBezTo>
                    <a:pt x="20838" y="4096"/>
                    <a:pt x="20837" y="4096"/>
                    <a:pt x="20837" y="4096"/>
                  </a:cubicBezTo>
                  <a:cubicBezTo>
                    <a:pt x="20831" y="4096"/>
                    <a:pt x="20837" y="4086"/>
                    <a:pt x="20860" y="4063"/>
                  </a:cubicBezTo>
                  <a:cubicBezTo>
                    <a:pt x="21008" y="3913"/>
                    <a:pt x="20962" y="3994"/>
                    <a:pt x="21017" y="3941"/>
                  </a:cubicBezTo>
                  <a:cubicBezTo>
                    <a:pt x="21238" y="3735"/>
                    <a:pt x="20967" y="3941"/>
                    <a:pt x="21200" y="3702"/>
                  </a:cubicBezTo>
                  <a:lnTo>
                    <a:pt x="21200" y="3702"/>
                  </a:lnTo>
                  <a:lnTo>
                    <a:pt x="21062" y="3839"/>
                  </a:lnTo>
                  <a:cubicBezTo>
                    <a:pt x="21015" y="3883"/>
                    <a:pt x="20971" y="3929"/>
                    <a:pt x="20923" y="3971"/>
                  </a:cubicBezTo>
                  <a:cubicBezTo>
                    <a:pt x="20925" y="3962"/>
                    <a:pt x="20925" y="3954"/>
                    <a:pt x="20918" y="3954"/>
                  </a:cubicBezTo>
                  <a:cubicBezTo>
                    <a:pt x="20910" y="3954"/>
                    <a:pt x="20894" y="3964"/>
                    <a:pt x="20862" y="3994"/>
                  </a:cubicBezTo>
                  <a:cubicBezTo>
                    <a:pt x="20867" y="4010"/>
                    <a:pt x="20774" y="4114"/>
                    <a:pt x="20679" y="4200"/>
                  </a:cubicBezTo>
                  <a:cubicBezTo>
                    <a:pt x="20678" y="4201"/>
                    <a:pt x="20678" y="4201"/>
                    <a:pt x="20677" y="4201"/>
                  </a:cubicBezTo>
                  <a:cubicBezTo>
                    <a:pt x="20660" y="4201"/>
                    <a:pt x="20817" y="4045"/>
                    <a:pt x="20803" y="4045"/>
                  </a:cubicBezTo>
                  <a:cubicBezTo>
                    <a:pt x="20799" y="4045"/>
                    <a:pt x="20783" y="4056"/>
                    <a:pt x="20749" y="4084"/>
                  </a:cubicBezTo>
                  <a:cubicBezTo>
                    <a:pt x="20807" y="4033"/>
                    <a:pt x="20883" y="3955"/>
                    <a:pt x="20950" y="3890"/>
                  </a:cubicBezTo>
                  <a:lnTo>
                    <a:pt x="20950" y="3890"/>
                  </a:lnTo>
                  <a:cubicBezTo>
                    <a:pt x="20944" y="3900"/>
                    <a:pt x="20942" y="3904"/>
                    <a:pt x="20944" y="3904"/>
                  </a:cubicBezTo>
                  <a:cubicBezTo>
                    <a:pt x="20956" y="3904"/>
                    <a:pt x="21081" y="3772"/>
                    <a:pt x="21090" y="3772"/>
                  </a:cubicBezTo>
                  <a:lnTo>
                    <a:pt x="21090" y="3772"/>
                  </a:lnTo>
                  <a:cubicBezTo>
                    <a:pt x="21092" y="3772"/>
                    <a:pt x="21086" y="3782"/>
                    <a:pt x="21066" y="3806"/>
                  </a:cubicBezTo>
                  <a:cubicBezTo>
                    <a:pt x="21214" y="3656"/>
                    <a:pt x="21298" y="3568"/>
                    <a:pt x="21377" y="3484"/>
                  </a:cubicBezTo>
                  <a:cubicBezTo>
                    <a:pt x="21458" y="3399"/>
                    <a:pt x="21529" y="3313"/>
                    <a:pt x="21652" y="3165"/>
                  </a:cubicBezTo>
                  <a:lnTo>
                    <a:pt x="21652" y="3165"/>
                  </a:lnTo>
                  <a:cubicBezTo>
                    <a:pt x="21622" y="3218"/>
                    <a:pt x="21587" y="3267"/>
                    <a:pt x="21553" y="3315"/>
                  </a:cubicBezTo>
                  <a:cubicBezTo>
                    <a:pt x="21525" y="3352"/>
                    <a:pt x="21495" y="3392"/>
                    <a:pt x="21460" y="3433"/>
                  </a:cubicBezTo>
                  <a:cubicBezTo>
                    <a:pt x="21427" y="3473"/>
                    <a:pt x="21390" y="3512"/>
                    <a:pt x="21353" y="3547"/>
                  </a:cubicBezTo>
                  <a:lnTo>
                    <a:pt x="21335" y="3552"/>
                  </a:lnTo>
                  <a:cubicBezTo>
                    <a:pt x="21298" y="3596"/>
                    <a:pt x="21285" y="3612"/>
                    <a:pt x="21288" y="3612"/>
                  </a:cubicBezTo>
                  <a:cubicBezTo>
                    <a:pt x="21295" y="3612"/>
                    <a:pt x="21444" y="3457"/>
                    <a:pt x="21460" y="3457"/>
                  </a:cubicBezTo>
                  <a:cubicBezTo>
                    <a:pt x="21461" y="3457"/>
                    <a:pt x="21461" y="3458"/>
                    <a:pt x="21460" y="3461"/>
                  </a:cubicBezTo>
                  <a:cubicBezTo>
                    <a:pt x="21648" y="3211"/>
                    <a:pt x="21923" y="2947"/>
                    <a:pt x="22143" y="2632"/>
                  </a:cubicBezTo>
                  <a:lnTo>
                    <a:pt x="22143" y="2632"/>
                  </a:lnTo>
                  <a:cubicBezTo>
                    <a:pt x="22130" y="2645"/>
                    <a:pt x="22124" y="2650"/>
                    <a:pt x="22121" y="2650"/>
                  </a:cubicBezTo>
                  <a:cubicBezTo>
                    <a:pt x="22114" y="2650"/>
                    <a:pt x="22136" y="2612"/>
                    <a:pt x="22136" y="2597"/>
                  </a:cubicBezTo>
                  <a:lnTo>
                    <a:pt x="22136" y="2597"/>
                  </a:lnTo>
                  <a:cubicBezTo>
                    <a:pt x="22046" y="2722"/>
                    <a:pt x="22065" y="2704"/>
                    <a:pt x="21988" y="2785"/>
                  </a:cubicBezTo>
                  <a:cubicBezTo>
                    <a:pt x="21990" y="2759"/>
                    <a:pt x="22051" y="2690"/>
                    <a:pt x="22071" y="2646"/>
                  </a:cubicBezTo>
                  <a:cubicBezTo>
                    <a:pt x="22073" y="2641"/>
                    <a:pt x="22073" y="2639"/>
                    <a:pt x="22072" y="2639"/>
                  </a:cubicBezTo>
                  <a:lnTo>
                    <a:pt x="22072" y="2639"/>
                  </a:lnTo>
                  <a:cubicBezTo>
                    <a:pt x="22065" y="2639"/>
                    <a:pt x="21997" y="2743"/>
                    <a:pt x="21963" y="2776"/>
                  </a:cubicBezTo>
                  <a:cubicBezTo>
                    <a:pt x="22007" y="2718"/>
                    <a:pt x="22046" y="2655"/>
                    <a:pt x="22078" y="2590"/>
                  </a:cubicBezTo>
                  <a:cubicBezTo>
                    <a:pt x="22111" y="2560"/>
                    <a:pt x="22146" y="2530"/>
                    <a:pt x="22180" y="2502"/>
                  </a:cubicBezTo>
                  <a:cubicBezTo>
                    <a:pt x="22234" y="2430"/>
                    <a:pt x="22268" y="2377"/>
                    <a:pt x="22296" y="2333"/>
                  </a:cubicBezTo>
                  <a:cubicBezTo>
                    <a:pt x="22322" y="2291"/>
                    <a:pt x="22342" y="2257"/>
                    <a:pt x="22359" y="2227"/>
                  </a:cubicBezTo>
                  <a:cubicBezTo>
                    <a:pt x="22403" y="2145"/>
                    <a:pt x="22451" y="2067"/>
                    <a:pt x="22505" y="1990"/>
                  </a:cubicBezTo>
                  <a:lnTo>
                    <a:pt x="22505" y="1990"/>
                  </a:lnTo>
                  <a:cubicBezTo>
                    <a:pt x="22478" y="2029"/>
                    <a:pt x="22472" y="2040"/>
                    <a:pt x="22474" y="2040"/>
                  </a:cubicBezTo>
                  <a:cubicBezTo>
                    <a:pt x="22476" y="2040"/>
                    <a:pt x="22493" y="2020"/>
                    <a:pt x="22495" y="2020"/>
                  </a:cubicBezTo>
                  <a:lnTo>
                    <a:pt x="22495" y="2020"/>
                  </a:lnTo>
                  <a:cubicBezTo>
                    <a:pt x="22497" y="2020"/>
                    <a:pt x="22489" y="2032"/>
                    <a:pt x="22458" y="2076"/>
                  </a:cubicBezTo>
                  <a:cubicBezTo>
                    <a:pt x="22477" y="2050"/>
                    <a:pt x="22495" y="2023"/>
                    <a:pt x="22512" y="1997"/>
                  </a:cubicBezTo>
                  <a:lnTo>
                    <a:pt x="22512" y="1997"/>
                  </a:lnTo>
                  <a:cubicBezTo>
                    <a:pt x="22484" y="2053"/>
                    <a:pt x="22444" y="2115"/>
                    <a:pt x="22407" y="2178"/>
                  </a:cubicBezTo>
                  <a:cubicBezTo>
                    <a:pt x="22368" y="2243"/>
                    <a:pt x="22331" y="2310"/>
                    <a:pt x="22294" y="2363"/>
                  </a:cubicBezTo>
                  <a:cubicBezTo>
                    <a:pt x="22225" y="2472"/>
                    <a:pt x="22177" y="2554"/>
                    <a:pt x="22196" y="2554"/>
                  </a:cubicBezTo>
                  <a:cubicBezTo>
                    <a:pt x="22197" y="2554"/>
                    <a:pt x="22198" y="2553"/>
                    <a:pt x="22199" y="2553"/>
                  </a:cubicBezTo>
                  <a:cubicBezTo>
                    <a:pt x="22257" y="2467"/>
                    <a:pt x="22303" y="2393"/>
                    <a:pt x="22354" y="2315"/>
                  </a:cubicBezTo>
                  <a:cubicBezTo>
                    <a:pt x="22403" y="2233"/>
                    <a:pt x="22451" y="2148"/>
                    <a:pt x="22519" y="2044"/>
                  </a:cubicBezTo>
                  <a:lnTo>
                    <a:pt x="22519" y="2055"/>
                  </a:lnTo>
                  <a:cubicBezTo>
                    <a:pt x="22553" y="2001"/>
                    <a:pt x="22562" y="1985"/>
                    <a:pt x="22560" y="1985"/>
                  </a:cubicBezTo>
                  <a:lnTo>
                    <a:pt x="22560" y="1985"/>
                  </a:lnTo>
                  <a:cubicBezTo>
                    <a:pt x="22558" y="1985"/>
                    <a:pt x="22532" y="2020"/>
                    <a:pt x="22528" y="2020"/>
                  </a:cubicBezTo>
                  <a:cubicBezTo>
                    <a:pt x="22527" y="2020"/>
                    <a:pt x="22528" y="2018"/>
                    <a:pt x="22530" y="2013"/>
                  </a:cubicBezTo>
                  <a:cubicBezTo>
                    <a:pt x="22565" y="1949"/>
                    <a:pt x="22607" y="1886"/>
                    <a:pt x="22653" y="1828"/>
                  </a:cubicBezTo>
                  <a:cubicBezTo>
                    <a:pt x="22692" y="1784"/>
                    <a:pt x="22722" y="1731"/>
                    <a:pt x="22743" y="1675"/>
                  </a:cubicBezTo>
                  <a:lnTo>
                    <a:pt x="22743" y="1675"/>
                  </a:lnTo>
                  <a:cubicBezTo>
                    <a:pt x="22708" y="1735"/>
                    <a:pt x="22669" y="1791"/>
                    <a:pt x="22634" y="1849"/>
                  </a:cubicBezTo>
                  <a:cubicBezTo>
                    <a:pt x="22654" y="1809"/>
                    <a:pt x="22660" y="1795"/>
                    <a:pt x="22658" y="1795"/>
                  </a:cubicBezTo>
                  <a:lnTo>
                    <a:pt x="22658" y="1795"/>
                  </a:lnTo>
                  <a:cubicBezTo>
                    <a:pt x="22655" y="1795"/>
                    <a:pt x="22621" y="1852"/>
                    <a:pt x="22610" y="1852"/>
                  </a:cubicBezTo>
                  <a:cubicBezTo>
                    <a:pt x="22608" y="1852"/>
                    <a:pt x="22607" y="1849"/>
                    <a:pt x="22607" y="1844"/>
                  </a:cubicBezTo>
                  <a:lnTo>
                    <a:pt x="22861" y="1381"/>
                  </a:lnTo>
                  <a:lnTo>
                    <a:pt x="23003" y="1105"/>
                  </a:lnTo>
                  <a:cubicBezTo>
                    <a:pt x="23047" y="1010"/>
                    <a:pt x="23091" y="915"/>
                    <a:pt x="23128" y="827"/>
                  </a:cubicBezTo>
                  <a:lnTo>
                    <a:pt x="23128" y="827"/>
                  </a:lnTo>
                  <a:cubicBezTo>
                    <a:pt x="23077" y="908"/>
                    <a:pt x="23030" y="994"/>
                    <a:pt x="22989" y="1085"/>
                  </a:cubicBezTo>
                  <a:cubicBezTo>
                    <a:pt x="22990" y="1032"/>
                    <a:pt x="23006" y="991"/>
                    <a:pt x="22995" y="991"/>
                  </a:cubicBezTo>
                  <a:cubicBezTo>
                    <a:pt x="22991" y="991"/>
                    <a:pt x="22982" y="997"/>
                    <a:pt x="22966" y="1013"/>
                  </a:cubicBezTo>
                  <a:cubicBezTo>
                    <a:pt x="22940" y="1066"/>
                    <a:pt x="22912" y="1117"/>
                    <a:pt x="22885" y="1170"/>
                  </a:cubicBezTo>
                  <a:lnTo>
                    <a:pt x="22857" y="1159"/>
                  </a:lnTo>
                  <a:cubicBezTo>
                    <a:pt x="22880" y="1117"/>
                    <a:pt x="22903" y="1075"/>
                    <a:pt x="22926" y="1038"/>
                  </a:cubicBezTo>
                  <a:cubicBezTo>
                    <a:pt x="22919" y="1008"/>
                    <a:pt x="23047" y="797"/>
                    <a:pt x="23035" y="779"/>
                  </a:cubicBezTo>
                  <a:lnTo>
                    <a:pt x="23035" y="779"/>
                  </a:lnTo>
                  <a:lnTo>
                    <a:pt x="22973" y="915"/>
                  </a:lnTo>
                  <a:cubicBezTo>
                    <a:pt x="22966" y="925"/>
                    <a:pt x="22962" y="929"/>
                    <a:pt x="22960" y="929"/>
                  </a:cubicBezTo>
                  <a:cubicBezTo>
                    <a:pt x="22951" y="929"/>
                    <a:pt x="23011" y="801"/>
                    <a:pt x="23047" y="719"/>
                  </a:cubicBezTo>
                  <a:lnTo>
                    <a:pt x="23047" y="719"/>
                  </a:lnTo>
                  <a:cubicBezTo>
                    <a:pt x="23007" y="783"/>
                    <a:pt x="22973" y="853"/>
                    <a:pt x="22942" y="922"/>
                  </a:cubicBezTo>
                  <a:cubicBezTo>
                    <a:pt x="22924" y="966"/>
                    <a:pt x="22905" y="1015"/>
                    <a:pt x="22882" y="1061"/>
                  </a:cubicBezTo>
                  <a:cubicBezTo>
                    <a:pt x="22857" y="1110"/>
                    <a:pt x="22834" y="1159"/>
                    <a:pt x="22810" y="1207"/>
                  </a:cubicBezTo>
                  <a:cubicBezTo>
                    <a:pt x="22811" y="1207"/>
                    <a:pt x="22811" y="1207"/>
                    <a:pt x="22811" y="1207"/>
                  </a:cubicBezTo>
                  <a:cubicBezTo>
                    <a:pt x="22819" y="1207"/>
                    <a:pt x="22788" y="1291"/>
                    <a:pt x="22796" y="1291"/>
                  </a:cubicBezTo>
                  <a:cubicBezTo>
                    <a:pt x="22800" y="1291"/>
                    <a:pt x="22813" y="1271"/>
                    <a:pt x="22845" y="1212"/>
                  </a:cubicBezTo>
                  <a:lnTo>
                    <a:pt x="22845" y="1212"/>
                  </a:lnTo>
                  <a:cubicBezTo>
                    <a:pt x="22852" y="1219"/>
                    <a:pt x="22803" y="1335"/>
                    <a:pt x="22762" y="1407"/>
                  </a:cubicBezTo>
                  <a:cubicBezTo>
                    <a:pt x="22764" y="1402"/>
                    <a:pt x="22764" y="1400"/>
                    <a:pt x="22762" y="1400"/>
                  </a:cubicBezTo>
                  <a:cubicBezTo>
                    <a:pt x="22757" y="1400"/>
                    <a:pt x="22723" y="1440"/>
                    <a:pt x="22714" y="1440"/>
                  </a:cubicBezTo>
                  <a:cubicBezTo>
                    <a:pt x="22710" y="1440"/>
                    <a:pt x="22710" y="1433"/>
                    <a:pt x="22718" y="1412"/>
                  </a:cubicBezTo>
                  <a:lnTo>
                    <a:pt x="22718" y="1412"/>
                  </a:lnTo>
                  <a:cubicBezTo>
                    <a:pt x="22672" y="1507"/>
                    <a:pt x="22691" y="1455"/>
                    <a:pt x="22607" y="1615"/>
                  </a:cubicBezTo>
                  <a:cubicBezTo>
                    <a:pt x="22607" y="1614"/>
                    <a:pt x="22607" y="1613"/>
                    <a:pt x="22607" y="1613"/>
                  </a:cubicBezTo>
                  <a:lnTo>
                    <a:pt x="22607" y="1613"/>
                  </a:lnTo>
                  <a:cubicBezTo>
                    <a:pt x="22603" y="1613"/>
                    <a:pt x="22436" y="1891"/>
                    <a:pt x="22414" y="1891"/>
                  </a:cubicBezTo>
                  <a:cubicBezTo>
                    <a:pt x="22413" y="1891"/>
                    <a:pt x="22412" y="1890"/>
                    <a:pt x="22412" y="1888"/>
                  </a:cubicBezTo>
                  <a:lnTo>
                    <a:pt x="22412" y="1888"/>
                  </a:lnTo>
                  <a:cubicBezTo>
                    <a:pt x="22387" y="1951"/>
                    <a:pt x="22447" y="1907"/>
                    <a:pt x="22315" y="2106"/>
                  </a:cubicBezTo>
                  <a:cubicBezTo>
                    <a:pt x="22352" y="2067"/>
                    <a:pt x="22387" y="2025"/>
                    <a:pt x="22419" y="1981"/>
                  </a:cubicBezTo>
                  <a:cubicBezTo>
                    <a:pt x="22437" y="1960"/>
                    <a:pt x="22449" y="1946"/>
                    <a:pt x="22451" y="1946"/>
                  </a:cubicBezTo>
                  <a:lnTo>
                    <a:pt x="22451" y="1946"/>
                  </a:lnTo>
                  <a:cubicBezTo>
                    <a:pt x="22454" y="1949"/>
                    <a:pt x="22449" y="1965"/>
                    <a:pt x="22428" y="2004"/>
                  </a:cubicBezTo>
                  <a:cubicBezTo>
                    <a:pt x="22447" y="1972"/>
                    <a:pt x="22463" y="1935"/>
                    <a:pt x="22479" y="1900"/>
                  </a:cubicBezTo>
                  <a:cubicBezTo>
                    <a:pt x="22510" y="1855"/>
                    <a:pt x="22520" y="1844"/>
                    <a:pt x="22523" y="1844"/>
                  </a:cubicBezTo>
                  <a:cubicBezTo>
                    <a:pt x="22526" y="1844"/>
                    <a:pt x="22524" y="1852"/>
                    <a:pt x="22527" y="1852"/>
                  </a:cubicBezTo>
                  <a:cubicBezTo>
                    <a:pt x="22531" y="1852"/>
                    <a:pt x="22543" y="1837"/>
                    <a:pt x="22590" y="1766"/>
                  </a:cubicBezTo>
                  <a:lnTo>
                    <a:pt x="22590" y="1766"/>
                  </a:lnTo>
                  <a:cubicBezTo>
                    <a:pt x="22556" y="1819"/>
                    <a:pt x="22495" y="1937"/>
                    <a:pt x="22470" y="1953"/>
                  </a:cubicBezTo>
                  <a:cubicBezTo>
                    <a:pt x="22472" y="1952"/>
                    <a:pt x="22475" y="1952"/>
                    <a:pt x="22476" y="1952"/>
                  </a:cubicBezTo>
                  <a:cubicBezTo>
                    <a:pt x="22517" y="1952"/>
                    <a:pt x="22308" y="2237"/>
                    <a:pt x="22324" y="2259"/>
                  </a:cubicBezTo>
                  <a:cubicBezTo>
                    <a:pt x="22271" y="2317"/>
                    <a:pt x="22224" y="2379"/>
                    <a:pt x="22183" y="2444"/>
                  </a:cubicBezTo>
                  <a:cubicBezTo>
                    <a:pt x="22183" y="2441"/>
                    <a:pt x="22181" y="2440"/>
                    <a:pt x="22179" y="2440"/>
                  </a:cubicBezTo>
                  <a:cubicBezTo>
                    <a:pt x="22175" y="2440"/>
                    <a:pt x="22169" y="2443"/>
                    <a:pt x="22166" y="2443"/>
                  </a:cubicBezTo>
                  <a:cubicBezTo>
                    <a:pt x="22160" y="2443"/>
                    <a:pt x="22161" y="2435"/>
                    <a:pt x="22185" y="2396"/>
                  </a:cubicBezTo>
                  <a:cubicBezTo>
                    <a:pt x="22234" y="2333"/>
                    <a:pt x="22264" y="2287"/>
                    <a:pt x="22317" y="2220"/>
                  </a:cubicBezTo>
                  <a:lnTo>
                    <a:pt x="22317" y="2220"/>
                  </a:lnTo>
                  <a:cubicBezTo>
                    <a:pt x="22294" y="2231"/>
                    <a:pt x="22278" y="2250"/>
                    <a:pt x="22264" y="2271"/>
                  </a:cubicBezTo>
                  <a:cubicBezTo>
                    <a:pt x="22241" y="2296"/>
                    <a:pt x="22215" y="2331"/>
                    <a:pt x="22187" y="2372"/>
                  </a:cubicBezTo>
                  <a:cubicBezTo>
                    <a:pt x="22132" y="2451"/>
                    <a:pt x="22069" y="2549"/>
                    <a:pt x="22004" y="2625"/>
                  </a:cubicBezTo>
                  <a:cubicBezTo>
                    <a:pt x="22012" y="2616"/>
                    <a:pt x="22019" y="2610"/>
                    <a:pt x="22021" y="2610"/>
                  </a:cubicBezTo>
                  <a:cubicBezTo>
                    <a:pt x="22024" y="2610"/>
                    <a:pt x="22019" y="2620"/>
                    <a:pt x="22002" y="2648"/>
                  </a:cubicBezTo>
                  <a:cubicBezTo>
                    <a:pt x="21963" y="2694"/>
                    <a:pt x="21900" y="2771"/>
                    <a:pt x="21854" y="2826"/>
                  </a:cubicBezTo>
                  <a:cubicBezTo>
                    <a:pt x="21819" y="2866"/>
                    <a:pt x="21792" y="2892"/>
                    <a:pt x="21785" y="2892"/>
                  </a:cubicBezTo>
                  <a:cubicBezTo>
                    <a:pt x="21781" y="2892"/>
                    <a:pt x="21782" y="2888"/>
                    <a:pt x="21787" y="2877"/>
                  </a:cubicBezTo>
                  <a:lnTo>
                    <a:pt x="21787" y="2877"/>
                  </a:lnTo>
                  <a:cubicBezTo>
                    <a:pt x="21722" y="2959"/>
                    <a:pt x="21659" y="3037"/>
                    <a:pt x="21594" y="3116"/>
                  </a:cubicBezTo>
                  <a:lnTo>
                    <a:pt x="21393" y="3350"/>
                  </a:lnTo>
                  <a:cubicBezTo>
                    <a:pt x="21386" y="3348"/>
                    <a:pt x="21448" y="3281"/>
                    <a:pt x="21472" y="3253"/>
                  </a:cubicBezTo>
                  <a:lnTo>
                    <a:pt x="21472" y="3253"/>
                  </a:lnTo>
                  <a:cubicBezTo>
                    <a:pt x="21432" y="3294"/>
                    <a:pt x="21397" y="3338"/>
                    <a:pt x="21358" y="3380"/>
                  </a:cubicBezTo>
                  <a:lnTo>
                    <a:pt x="21242" y="3505"/>
                  </a:lnTo>
                  <a:cubicBezTo>
                    <a:pt x="21233" y="3513"/>
                    <a:pt x="21228" y="3516"/>
                    <a:pt x="21226" y="3516"/>
                  </a:cubicBezTo>
                  <a:cubicBezTo>
                    <a:pt x="21216" y="3516"/>
                    <a:pt x="21314" y="3408"/>
                    <a:pt x="21328" y="3380"/>
                  </a:cubicBezTo>
                  <a:lnTo>
                    <a:pt x="21328" y="3380"/>
                  </a:lnTo>
                  <a:lnTo>
                    <a:pt x="21161" y="3561"/>
                  </a:lnTo>
                  <a:lnTo>
                    <a:pt x="21177" y="3528"/>
                  </a:lnTo>
                  <a:lnTo>
                    <a:pt x="21177" y="3528"/>
                  </a:lnTo>
                  <a:cubicBezTo>
                    <a:pt x="21168" y="3540"/>
                    <a:pt x="21150" y="3563"/>
                    <a:pt x="21124" y="3589"/>
                  </a:cubicBezTo>
                  <a:cubicBezTo>
                    <a:pt x="21101" y="3616"/>
                    <a:pt x="21071" y="3647"/>
                    <a:pt x="21038" y="3679"/>
                  </a:cubicBezTo>
                  <a:cubicBezTo>
                    <a:pt x="20990" y="3730"/>
                    <a:pt x="20936" y="3776"/>
                    <a:pt x="20881" y="3818"/>
                  </a:cubicBezTo>
                  <a:cubicBezTo>
                    <a:pt x="20786" y="3913"/>
                    <a:pt x="20744" y="3966"/>
                    <a:pt x="20693" y="4026"/>
                  </a:cubicBezTo>
                  <a:cubicBezTo>
                    <a:pt x="20640" y="4084"/>
                    <a:pt x="20577" y="4149"/>
                    <a:pt x="20434" y="4265"/>
                  </a:cubicBezTo>
                  <a:cubicBezTo>
                    <a:pt x="20431" y="4242"/>
                    <a:pt x="20584" y="4124"/>
                    <a:pt x="20640" y="4057"/>
                  </a:cubicBezTo>
                  <a:lnTo>
                    <a:pt x="20640" y="4057"/>
                  </a:lnTo>
                  <a:cubicBezTo>
                    <a:pt x="20582" y="4101"/>
                    <a:pt x="20427" y="4253"/>
                    <a:pt x="20390" y="4265"/>
                  </a:cubicBezTo>
                  <a:cubicBezTo>
                    <a:pt x="20195" y="4443"/>
                    <a:pt x="20237" y="4448"/>
                    <a:pt x="20151" y="4545"/>
                  </a:cubicBezTo>
                  <a:cubicBezTo>
                    <a:pt x="20094" y="4591"/>
                    <a:pt x="20072" y="4606"/>
                    <a:pt x="20068" y="4606"/>
                  </a:cubicBezTo>
                  <a:cubicBezTo>
                    <a:pt x="20059" y="4606"/>
                    <a:pt x="20116" y="4550"/>
                    <a:pt x="20112" y="4550"/>
                  </a:cubicBezTo>
                  <a:lnTo>
                    <a:pt x="20112" y="4550"/>
                  </a:lnTo>
                  <a:cubicBezTo>
                    <a:pt x="20112" y="4550"/>
                    <a:pt x="20112" y="4550"/>
                    <a:pt x="20112" y="4550"/>
                  </a:cubicBezTo>
                  <a:cubicBezTo>
                    <a:pt x="20061" y="4587"/>
                    <a:pt x="20001" y="4677"/>
                    <a:pt x="19938" y="4694"/>
                  </a:cubicBezTo>
                  <a:cubicBezTo>
                    <a:pt x="19894" y="4739"/>
                    <a:pt x="19863" y="4775"/>
                    <a:pt x="19875" y="4775"/>
                  </a:cubicBezTo>
                  <a:cubicBezTo>
                    <a:pt x="19882" y="4775"/>
                    <a:pt x="19906" y="4761"/>
                    <a:pt x="19954" y="4726"/>
                  </a:cubicBezTo>
                  <a:lnTo>
                    <a:pt x="19954" y="4726"/>
                  </a:lnTo>
                  <a:cubicBezTo>
                    <a:pt x="19864" y="4798"/>
                    <a:pt x="19736" y="4900"/>
                    <a:pt x="19718" y="4923"/>
                  </a:cubicBezTo>
                  <a:cubicBezTo>
                    <a:pt x="19731" y="4907"/>
                    <a:pt x="19733" y="4901"/>
                    <a:pt x="19729" y="4901"/>
                  </a:cubicBezTo>
                  <a:cubicBezTo>
                    <a:pt x="19713" y="4901"/>
                    <a:pt x="19610" y="4981"/>
                    <a:pt x="19585" y="4981"/>
                  </a:cubicBezTo>
                  <a:cubicBezTo>
                    <a:pt x="19583" y="4981"/>
                    <a:pt x="19582" y="4981"/>
                    <a:pt x="19581" y="4981"/>
                  </a:cubicBezTo>
                  <a:cubicBezTo>
                    <a:pt x="19509" y="5029"/>
                    <a:pt x="19394" y="5106"/>
                    <a:pt x="19280" y="5185"/>
                  </a:cubicBezTo>
                  <a:cubicBezTo>
                    <a:pt x="19178" y="5247"/>
                    <a:pt x="19081" y="5317"/>
                    <a:pt x="18991" y="5393"/>
                  </a:cubicBezTo>
                  <a:cubicBezTo>
                    <a:pt x="19000" y="5377"/>
                    <a:pt x="19007" y="5358"/>
                    <a:pt x="19016" y="5342"/>
                  </a:cubicBezTo>
                  <a:lnTo>
                    <a:pt x="19016" y="5342"/>
                  </a:lnTo>
                  <a:cubicBezTo>
                    <a:pt x="18960" y="5379"/>
                    <a:pt x="18900" y="5414"/>
                    <a:pt x="18845" y="5451"/>
                  </a:cubicBezTo>
                  <a:cubicBezTo>
                    <a:pt x="18824" y="5460"/>
                    <a:pt x="18813" y="5464"/>
                    <a:pt x="18808" y="5464"/>
                  </a:cubicBezTo>
                  <a:cubicBezTo>
                    <a:pt x="18798" y="5464"/>
                    <a:pt x="18829" y="5442"/>
                    <a:pt x="18875" y="5414"/>
                  </a:cubicBezTo>
                  <a:lnTo>
                    <a:pt x="18981" y="5347"/>
                  </a:lnTo>
                  <a:lnTo>
                    <a:pt x="19072" y="5289"/>
                  </a:lnTo>
                  <a:lnTo>
                    <a:pt x="19072" y="5289"/>
                  </a:lnTo>
                  <a:cubicBezTo>
                    <a:pt x="18956" y="5361"/>
                    <a:pt x="18856" y="5416"/>
                    <a:pt x="18761" y="5474"/>
                  </a:cubicBezTo>
                  <a:cubicBezTo>
                    <a:pt x="18666" y="5532"/>
                    <a:pt x="18571" y="5583"/>
                    <a:pt x="18462" y="5643"/>
                  </a:cubicBezTo>
                  <a:cubicBezTo>
                    <a:pt x="18488" y="5633"/>
                    <a:pt x="18499" y="5630"/>
                    <a:pt x="18504" y="5630"/>
                  </a:cubicBezTo>
                  <a:cubicBezTo>
                    <a:pt x="18511" y="5630"/>
                    <a:pt x="18510" y="5634"/>
                    <a:pt x="18517" y="5634"/>
                  </a:cubicBezTo>
                  <a:cubicBezTo>
                    <a:pt x="18520" y="5634"/>
                    <a:pt x="18524" y="5633"/>
                    <a:pt x="18530" y="5632"/>
                  </a:cubicBezTo>
                  <a:lnTo>
                    <a:pt x="18530" y="5632"/>
                  </a:lnTo>
                  <a:cubicBezTo>
                    <a:pt x="18490" y="5660"/>
                    <a:pt x="18449" y="5685"/>
                    <a:pt x="18407" y="5706"/>
                  </a:cubicBezTo>
                  <a:cubicBezTo>
                    <a:pt x="18361" y="5731"/>
                    <a:pt x="18314" y="5752"/>
                    <a:pt x="18277" y="5775"/>
                  </a:cubicBezTo>
                  <a:cubicBezTo>
                    <a:pt x="18275" y="5776"/>
                    <a:pt x="18273" y="5776"/>
                    <a:pt x="18271" y="5776"/>
                  </a:cubicBezTo>
                  <a:cubicBezTo>
                    <a:pt x="18256" y="5776"/>
                    <a:pt x="18267" y="5765"/>
                    <a:pt x="18321" y="5734"/>
                  </a:cubicBezTo>
                  <a:lnTo>
                    <a:pt x="18321" y="5734"/>
                  </a:lnTo>
                  <a:lnTo>
                    <a:pt x="18171" y="5815"/>
                  </a:lnTo>
                  <a:cubicBezTo>
                    <a:pt x="18175" y="5792"/>
                    <a:pt x="18101" y="5831"/>
                    <a:pt x="18245" y="5743"/>
                  </a:cubicBezTo>
                  <a:lnTo>
                    <a:pt x="18245" y="5743"/>
                  </a:lnTo>
                  <a:lnTo>
                    <a:pt x="18108" y="5819"/>
                  </a:lnTo>
                  <a:cubicBezTo>
                    <a:pt x="18065" y="5840"/>
                    <a:pt x="18045" y="5848"/>
                    <a:pt x="18041" y="5848"/>
                  </a:cubicBezTo>
                  <a:cubicBezTo>
                    <a:pt x="18030" y="5848"/>
                    <a:pt x="18118" y="5796"/>
                    <a:pt x="18145" y="5778"/>
                  </a:cubicBezTo>
                  <a:lnTo>
                    <a:pt x="18145" y="5778"/>
                  </a:lnTo>
                  <a:cubicBezTo>
                    <a:pt x="18103" y="5798"/>
                    <a:pt x="18064" y="5819"/>
                    <a:pt x="18022" y="5838"/>
                  </a:cubicBezTo>
                  <a:lnTo>
                    <a:pt x="17897" y="5896"/>
                  </a:lnTo>
                  <a:cubicBezTo>
                    <a:pt x="17814" y="5947"/>
                    <a:pt x="17955" y="5887"/>
                    <a:pt x="17786" y="5972"/>
                  </a:cubicBezTo>
                  <a:cubicBezTo>
                    <a:pt x="17728" y="5995"/>
                    <a:pt x="17663" y="6019"/>
                    <a:pt x="17601" y="6044"/>
                  </a:cubicBezTo>
                  <a:lnTo>
                    <a:pt x="17399" y="6127"/>
                  </a:lnTo>
                  <a:lnTo>
                    <a:pt x="17191" y="6209"/>
                  </a:lnTo>
                  <a:lnTo>
                    <a:pt x="17089" y="6248"/>
                  </a:lnTo>
                  <a:lnTo>
                    <a:pt x="16985" y="6283"/>
                  </a:lnTo>
                  <a:lnTo>
                    <a:pt x="17082" y="6257"/>
                  </a:lnTo>
                  <a:lnTo>
                    <a:pt x="17179" y="6229"/>
                  </a:lnTo>
                  <a:lnTo>
                    <a:pt x="17179" y="6229"/>
                  </a:lnTo>
                  <a:cubicBezTo>
                    <a:pt x="17149" y="6239"/>
                    <a:pt x="17121" y="6253"/>
                    <a:pt x="17093" y="6266"/>
                  </a:cubicBezTo>
                  <a:cubicBezTo>
                    <a:pt x="17080" y="6271"/>
                    <a:pt x="17066" y="6280"/>
                    <a:pt x="17054" y="6290"/>
                  </a:cubicBezTo>
                  <a:cubicBezTo>
                    <a:pt x="17038" y="6303"/>
                    <a:pt x="17038" y="6315"/>
                    <a:pt x="17015" y="6331"/>
                  </a:cubicBezTo>
                  <a:lnTo>
                    <a:pt x="16764" y="6417"/>
                  </a:lnTo>
                  <a:cubicBezTo>
                    <a:pt x="16676" y="6445"/>
                    <a:pt x="16593" y="6470"/>
                    <a:pt x="16528" y="6486"/>
                  </a:cubicBezTo>
                  <a:cubicBezTo>
                    <a:pt x="16610" y="6452"/>
                    <a:pt x="16622" y="6437"/>
                    <a:pt x="16591" y="6437"/>
                  </a:cubicBezTo>
                  <a:cubicBezTo>
                    <a:pt x="16568" y="6437"/>
                    <a:pt x="16522" y="6445"/>
                    <a:pt x="16463" y="6459"/>
                  </a:cubicBezTo>
                  <a:cubicBezTo>
                    <a:pt x="16308" y="6503"/>
                    <a:pt x="16250" y="6526"/>
                    <a:pt x="16211" y="6544"/>
                  </a:cubicBezTo>
                  <a:cubicBezTo>
                    <a:pt x="16165" y="6572"/>
                    <a:pt x="16116" y="6595"/>
                    <a:pt x="16065" y="6609"/>
                  </a:cubicBezTo>
                  <a:cubicBezTo>
                    <a:pt x="16095" y="6593"/>
                    <a:pt x="16099" y="6587"/>
                    <a:pt x="16086" y="6587"/>
                  </a:cubicBezTo>
                  <a:cubicBezTo>
                    <a:pt x="16052" y="6587"/>
                    <a:pt x="15905" y="6630"/>
                    <a:pt x="15873" y="6630"/>
                  </a:cubicBezTo>
                  <a:cubicBezTo>
                    <a:pt x="15867" y="6630"/>
                    <a:pt x="15865" y="6629"/>
                    <a:pt x="15868" y="6625"/>
                  </a:cubicBezTo>
                  <a:lnTo>
                    <a:pt x="15868" y="6625"/>
                  </a:lnTo>
                  <a:cubicBezTo>
                    <a:pt x="15465" y="6730"/>
                    <a:pt x="15055" y="6806"/>
                    <a:pt x="14643" y="6855"/>
                  </a:cubicBezTo>
                  <a:cubicBezTo>
                    <a:pt x="14650" y="6859"/>
                    <a:pt x="14772" y="6852"/>
                    <a:pt x="14701" y="6866"/>
                  </a:cubicBezTo>
                  <a:cubicBezTo>
                    <a:pt x="14619" y="6877"/>
                    <a:pt x="14560" y="6881"/>
                    <a:pt x="14518" y="6881"/>
                  </a:cubicBezTo>
                  <a:cubicBezTo>
                    <a:pt x="14481" y="6881"/>
                    <a:pt x="14458" y="6878"/>
                    <a:pt x="14448" y="6876"/>
                  </a:cubicBezTo>
                  <a:cubicBezTo>
                    <a:pt x="14397" y="6883"/>
                    <a:pt x="14353" y="6887"/>
                    <a:pt x="14311" y="6890"/>
                  </a:cubicBezTo>
                  <a:cubicBezTo>
                    <a:pt x="14272" y="6894"/>
                    <a:pt x="14237" y="6899"/>
                    <a:pt x="14205" y="6903"/>
                  </a:cubicBezTo>
                  <a:cubicBezTo>
                    <a:pt x="14142" y="6910"/>
                    <a:pt x="14098" y="6920"/>
                    <a:pt x="14064" y="6927"/>
                  </a:cubicBezTo>
                  <a:cubicBezTo>
                    <a:pt x="14096" y="6923"/>
                    <a:pt x="14118" y="6922"/>
                    <a:pt x="14131" y="6922"/>
                  </a:cubicBezTo>
                  <a:cubicBezTo>
                    <a:pt x="14155" y="6922"/>
                    <a:pt x="14155" y="6926"/>
                    <a:pt x="14145" y="6934"/>
                  </a:cubicBezTo>
                  <a:cubicBezTo>
                    <a:pt x="14102" y="6937"/>
                    <a:pt x="14060" y="6939"/>
                    <a:pt x="14017" y="6939"/>
                  </a:cubicBezTo>
                  <a:cubicBezTo>
                    <a:pt x="14002" y="6939"/>
                    <a:pt x="13986" y="6939"/>
                    <a:pt x="13971" y="6938"/>
                  </a:cubicBezTo>
                  <a:cubicBezTo>
                    <a:pt x="13961" y="6938"/>
                    <a:pt x="13951" y="6938"/>
                    <a:pt x="13941" y="6938"/>
                  </a:cubicBezTo>
                  <a:cubicBezTo>
                    <a:pt x="13896" y="6938"/>
                    <a:pt x="13850" y="6942"/>
                    <a:pt x="13806" y="6947"/>
                  </a:cubicBezTo>
                  <a:cubicBezTo>
                    <a:pt x="13781" y="6938"/>
                    <a:pt x="13834" y="6934"/>
                    <a:pt x="13890" y="6931"/>
                  </a:cubicBezTo>
                  <a:cubicBezTo>
                    <a:pt x="13948" y="6927"/>
                    <a:pt x="14008" y="6920"/>
                    <a:pt x="13999" y="6910"/>
                  </a:cubicBezTo>
                  <a:lnTo>
                    <a:pt x="13999" y="6910"/>
                  </a:lnTo>
                  <a:lnTo>
                    <a:pt x="13876" y="6917"/>
                  </a:lnTo>
                  <a:cubicBezTo>
                    <a:pt x="13839" y="6917"/>
                    <a:pt x="13804" y="6920"/>
                    <a:pt x="13772" y="6922"/>
                  </a:cubicBezTo>
                  <a:cubicBezTo>
                    <a:pt x="13704" y="6927"/>
                    <a:pt x="13644" y="6931"/>
                    <a:pt x="13579" y="6938"/>
                  </a:cubicBezTo>
                  <a:cubicBezTo>
                    <a:pt x="13549" y="6927"/>
                    <a:pt x="13700" y="6934"/>
                    <a:pt x="13600" y="6924"/>
                  </a:cubicBezTo>
                  <a:lnTo>
                    <a:pt x="13600" y="6924"/>
                  </a:lnTo>
                  <a:lnTo>
                    <a:pt x="13385" y="6934"/>
                  </a:lnTo>
                  <a:lnTo>
                    <a:pt x="12866" y="6934"/>
                  </a:lnTo>
                  <a:lnTo>
                    <a:pt x="12783" y="6931"/>
                  </a:lnTo>
                  <a:lnTo>
                    <a:pt x="12727" y="6910"/>
                  </a:lnTo>
                  <a:cubicBezTo>
                    <a:pt x="12651" y="6905"/>
                    <a:pt x="12573" y="6901"/>
                    <a:pt x="12495" y="6901"/>
                  </a:cubicBezTo>
                  <a:cubicBezTo>
                    <a:pt x="12478" y="6901"/>
                    <a:pt x="12461" y="6901"/>
                    <a:pt x="12444" y="6901"/>
                  </a:cubicBezTo>
                  <a:cubicBezTo>
                    <a:pt x="12395" y="6893"/>
                    <a:pt x="12407" y="6891"/>
                    <a:pt x="12442" y="6891"/>
                  </a:cubicBezTo>
                  <a:cubicBezTo>
                    <a:pt x="12458" y="6891"/>
                    <a:pt x="12478" y="6891"/>
                    <a:pt x="12500" y="6892"/>
                  </a:cubicBezTo>
                  <a:lnTo>
                    <a:pt x="12361" y="6883"/>
                  </a:lnTo>
                  <a:lnTo>
                    <a:pt x="12222" y="6871"/>
                  </a:lnTo>
                  <a:cubicBezTo>
                    <a:pt x="12132" y="6864"/>
                    <a:pt x="12053" y="6857"/>
                    <a:pt x="12002" y="6852"/>
                  </a:cubicBezTo>
                  <a:cubicBezTo>
                    <a:pt x="12004" y="6851"/>
                    <a:pt x="12009" y="6851"/>
                    <a:pt x="12014" y="6851"/>
                  </a:cubicBezTo>
                  <a:cubicBezTo>
                    <a:pt x="12040" y="6851"/>
                    <a:pt x="12090" y="6860"/>
                    <a:pt x="12121" y="6860"/>
                  </a:cubicBezTo>
                  <a:cubicBezTo>
                    <a:pt x="12126" y="6860"/>
                    <a:pt x="12130" y="6860"/>
                    <a:pt x="12134" y="6859"/>
                  </a:cubicBezTo>
                  <a:cubicBezTo>
                    <a:pt x="12078" y="6850"/>
                    <a:pt x="12018" y="6846"/>
                    <a:pt x="11960" y="6841"/>
                  </a:cubicBezTo>
                  <a:lnTo>
                    <a:pt x="11870" y="6834"/>
                  </a:lnTo>
                  <a:lnTo>
                    <a:pt x="11779" y="6822"/>
                  </a:lnTo>
                  <a:cubicBezTo>
                    <a:pt x="11680" y="6813"/>
                    <a:pt x="11583" y="6797"/>
                    <a:pt x="11485" y="6774"/>
                  </a:cubicBezTo>
                  <a:cubicBezTo>
                    <a:pt x="11506" y="6774"/>
                    <a:pt x="11527" y="6776"/>
                    <a:pt x="11548" y="6778"/>
                  </a:cubicBezTo>
                  <a:cubicBezTo>
                    <a:pt x="11383" y="6755"/>
                    <a:pt x="11230" y="6725"/>
                    <a:pt x="11073" y="6697"/>
                  </a:cubicBezTo>
                  <a:cubicBezTo>
                    <a:pt x="10994" y="6681"/>
                    <a:pt x="10915" y="6669"/>
                    <a:pt x="10834" y="6651"/>
                  </a:cubicBezTo>
                  <a:lnTo>
                    <a:pt x="10582" y="6593"/>
                  </a:lnTo>
                  <a:cubicBezTo>
                    <a:pt x="10443" y="6551"/>
                    <a:pt x="10404" y="6545"/>
                    <a:pt x="10378" y="6545"/>
                  </a:cubicBezTo>
                  <a:cubicBezTo>
                    <a:pt x="10369" y="6545"/>
                    <a:pt x="10361" y="6546"/>
                    <a:pt x="10351" y="6546"/>
                  </a:cubicBezTo>
                  <a:cubicBezTo>
                    <a:pt x="10326" y="6546"/>
                    <a:pt x="10284" y="6541"/>
                    <a:pt x="10156" y="6505"/>
                  </a:cubicBezTo>
                  <a:cubicBezTo>
                    <a:pt x="10160" y="6484"/>
                    <a:pt x="10054" y="6454"/>
                    <a:pt x="9931" y="6424"/>
                  </a:cubicBezTo>
                  <a:cubicBezTo>
                    <a:pt x="9806" y="6392"/>
                    <a:pt x="9667" y="6352"/>
                    <a:pt x="9602" y="6327"/>
                  </a:cubicBezTo>
                  <a:lnTo>
                    <a:pt x="9602" y="6327"/>
                  </a:lnTo>
                  <a:lnTo>
                    <a:pt x="9641" y="6347"/>
                  </a:lnTo>
                  <a:cubicBezTo>
                    <a:pt x="9556" y="6327"/>
                    <a:pt x="9470" y="6303"/>
                    <a:pt x="9387" y="6271"/>
                  </a:cubicBezTo>
                  <a:cubicBezTo>
                    <a:pt x="9303" y="6239"/>
                    <a:pt x="9227" y="6204"/>
                    <a:pt x="9176" y="6178"/>
                  </a:cubicBezTo>
                  <a:cubicBezTo>
                    <a:pt x="8946" y="6097"/>
                    <a:pt x="8608" y="5961"/>
                    <a:pt x="8374" y="5884"/>
                  </a:cubicBezTo>
                  <a:lnTo>
                    <a:pt x="8374" y="5884"/>
                  </a:lnTo>
                  <a:lnTo>
                    <a:pt x="8423" y="5896"/>
                  </a:lnTo>
                  <a:cubicBezTo>
                    <a:pt x="8233" y="5824"/>
                    <a:pt x="8124" y="5764"/>
                    <a:pt x="7934" y="5692"/>
                  </a:cubicBezTo>
                  <a:lnTo>
                    <a:pt x="7934" y="5692"/>
                  </a:lnTo>
                  <a:cubicBezTo>
                    <a:pt x="7938" y="5692"/>
                    <a:pt x="7965" y="5702"/>
                    <a:pt x="7971" y="5702"/>
                  </a:cubicBezTo>
                  <a:cubicBezTo>
                    <a:pt x="7974" y="5702"/>
                    <a:pt x="7969" y="5698"/>
                    <a:pt x="7941" y="5683"/>
                  </a:cubicBezTo>
                  <a:cubicBezTo>
                    <a:pt x="7723" y="5576"/>
                    <a:pt x="7503" y="5474"/>
                    <a:pt x="7286" y="5361"/>
                  </a:cubicBezTo>
                  <a:lnTo>
                    <a:pt x="7121" y="5277"/>
                  </a:lnTo>
                  <a:cubicBezTo>
                    <a:pt x="7096" y="5263"/>
                    <a:pt x="7068" y="5249"/>
                    <a:pt x="7040" y="5236"/>
                  </a:cubicBezTo>
                  <a:lnTo>
                    <a:pt x="6954" y="5192"/>
                  </a:lnTo>
                  <a:lnTo>
                    <a:pt x="6630" y="5018"/>
                  </a:lnTo>
                  <a:cubicBezTo>
                    <a:pt x="6523" y="4960"/>
                    <a:pt x="6417" y="4895"/>
                    <a:pt x="6313" y="4835"/>
                  </a:cubicBezTo>
                  <a:lnTo>
                    <a:pt x="6153" y="4742"/>
                  </a:lnTo>
                  <a:lnTo>
                    <a:pt x="5995" y="4647"/>
                  </a:lnTo>
                  <a:cubicBezTo>
                    <a:pt x="5893" y="4582"/>
                    <a:pt x="5787" y="4520"/>
                    <a:pt x="5685" y="4453"/>
                  </a:cubicBezTo>
                  <a:lnTo>
                    <a:pt x="5381" y="4251"/>
                  </a:lnTo>
                  <a:cubicBezTo>
                    <a:pt x="4550" y="3684"/>
                    <a:pt x="3753" y="3070"/>
                    <a:pt x="2991" y="2414"/>
                  </a:cubicBezTo>
                  <a:cubicBezTo>
                    <a:pt x="2595" y="2074"/>
                    <a:pt x="2208" y="1729"/>
                    <a:pt x="1837" y="1386"/>
                  </a:cubicBezTo>
                  <a:cubicBezTo>
                    <a:pt x="1467" y="1043"/>
                    <a:pt x="1110" y="707"/>
                    <a:pt x="779" y="390"/>
                  </a:cubicBezTo>
                  <a:lnTo>
                    <a:pt x="663" y="315"/>
                  </a:lnTo>
                  <a:cubicBezTo>
                    <a:pt x="593" y="271"/>
                    <a:pt x="501" y="214"/>
                    <a:pt x="410" y="160"/>
                  </a:cubicBezTo>
                  <a:cubicBezTo>
                    <a:pt x="277" y="82"/>
                    <a:pt x="145" y="14"/>
                    <a:pt x="95" y="14"/>
                  </a:cubicBezTo>
                  <a:cubicBezTo>
                    <a:pt x="78" y="14"/>
                    <a:pt x="70" y="22"/>
                    <a:pt x="74" y="40"/>
                  </a:cubicBezTo>
                  <a:cubicBezTo>
                    <a:pt x="82" y="49"/>
                    <a:pt x="83" y="52"/>
                    <a:pt x="81" y="52"/>
                  </a:cubicBezTo>
                  <a:cubicBezTo>
                    <a:pt x="73" y="52"/>
                    <a:pt x="12" y="0"/>
                    <a:pt x="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 name="Google Shape;34;p2"/>
            <p:cNvSpPr/>
            <p:nvPr/>
          </p:nvSpPr>
          <p:spPr>
            <a:xfrm rot="10800000">
              <a:off x="3642955" y="5023573"/>
              <a:ext cx="996643" cy="251259"/>
            </a:xfrm>
            <a:custGeom>
              <a:avLst/>
              <a:gdLst/>
              <a:ahLst/>
              <a:cxnLst/>
              <a:rect l="l" t="t" r="r" b="b"/>
              <a:pathLst>
                <a:path w="16029" h="4041" extrusionOk="0">
                  <a:moveTo>
                    <a:pt x="406" y="321"/>
                  </a:moveTo>
                  <a:cubicBezTo>
                    <a:pt x="419" y="328"/>
                    <a:pt x="430" y="333"/>
                    <a:pt x="437" y="337"/>
                  </a:cubicBezTo>
                  <a:lnTo>
                    <a:pt x="437" y="337"/>
                  </a:lnTo>
                  <a:cubicBezTo>
                    <a:pt x="429" y="332"/>
                    <a:pt x="419" y="327"/>
                    <a:pt x="406" y="321"/>
                  </a:cubicBezTo>
                  <a:close/>
                  <a:moveTo>
                    <a:pt x="878" y="480"/>
                  </a:moveTo>
                  <a:lnTo>
                    <a:pt x="895" y="492"/>
                  </a:lnTo>
                  <a:cubicBezTo>
                    <a:pt x="889" y="487"/>
                    <a:pt x="883" y="484"/>
                    <a:pt x="878" y="480"/>
                  </a:cubicBezTo>
                  <a:close/>
                  <a:moveTo>
                    <a:pt x="15840" y="904"/>
                  </a:moveTo>
                  <a:lnTo>
                    <a:pt x="15840" y="904"/>
                  </a:lnTo>
                  <a:cubicBezTo>
                    <a:pt x="15838" y="906"/>
                    <a:pt x="15836" y="909"/>
                    <a:pt x="15834" y="911"/>
                  </a:cubicBezTo>
                  <a:cubicBezTo>
                    <a:pt x="15836" y="909"/>
                    <a:pt x="15838" y="906"/>
                    <a:pt x="15840" y="904"/>
                  </a:cubicBezTo>
                  <a:close/>
                  <a:moveTo>
                    <a:pt x="15479" y="1252"/>
                  </a:moveTo>
                  <a:cubicBezTo>
                    <a:pt x="15479" y="1253"/>
                    <a:pt x="15478" y="1254"/>
                    <a:pt x="15477" y="1256"/>
                  </a:cubicBezTo>
                  <a:lnTo>
                    <a:pt x="15477" y="1256"/>
                  </a:lnTo>
                  <a:cubicBezTo>
                    <a:pt x="15477" y="1255"/>
                    <a:pt x="15478" y="1253"/>
                    <a:pt x="15479" y="1252"/>
                  </a:cubicBezTo>
                  <a:close/>
                  <a:moveTo>
                    <a:pt x="15118" y="1715"/>
                  </a:moveTo>
                  <a:cubicBezTo>
                    <a:pt x="15119" y="1716"/>
                    <a:pt x="15120" y="1717"/>
                    <a:pt x="15121" y="1718"/>
                  </a:cubicBezTo>
                  <a:lnTo>
                    <a:pt x="15121" y="1718"/>
                  </a:lnTo>
                  <a:lnTo>
                    <a:pt x="15118" y="1715"/>
                  </a:lnTo>
                  <a:close/>
                  <a:moveTo>
                    <a:pt x="14590" y="2255"/>
                  </a:moveTo>
                  <a:cubicBezTo>
                    <a:pt x="14590" y="2255"/>
                    <a:pt x="14590" y="2255"/>
                    <a:pt x="14590" y="2256"/>
                  </a:cubicBezTo>
                  <a:lnTo>
                    <a:pt x="14590" y="2256"/>
                  </a:lnTo>
                  <a:cubicBezTo>
                    <a:pt x="14590" y="2255"/>
                    <a:pt x="14590" y="2255"/>
                    <a:pt x="14590" y="2255"/>
                  </a:cubicBezTo>
                  <a:close/>
                  <a:moveTo>
                    <a:pt x="3822" y="2251"/>
                  </a:moveTo>
                  <a:cubicBezTo>
                    <a:pt x="3827" y="2253"/>
                    <a:pt x="3832" y="2256"/>
                    <a:pt x="3837" y="2260"/>
                  </a:cubicBezTo>
                  <a:cubicBezTo>
                    <a:pt x="3832" y="2256"/>
                    <a:pt x="3827" y="2253"/>
                    <a:pt x="3822" y="2251"/>
                  </a:cubicBezTo>
                  <a:close/>
                  <a:moveTo>
                    <a:pt x="5169" y="3038"/>
                  </a:moveTo>
                  <a:cubicBezTo>
                    <a:pt x="5172" y="3040"/>
                    <a:pt x="5175" y="3041"/>
                    <a:pt x="5177" y="3041"/>
                  </a:cubicBezTo>
                  <a:lnTo>
                    <a:pt x="5177" y="3041"/>
                  </a:lnTo>
                  <a:cubicBezTo>
                    <a:pt x="5174" y="3040"/>
                    <a:pt x="5172" y="3039"/>
                    <a:pt x="5169" y="3038"/>
                  </a:cubicBezTo>
                  <a:close/>
                  <a:moveTo>
                    <a:pt x="5185" y="3038"/>
                  </a:moveTo>
                  <a:cubicBezTo>
                    <a:pt x="5181" y="3038"/>
                    <a:pt x="5185" y="3042"/>
                    <a:pt x="5181" y="3042"/>
                  </a:cubicBezTo>
                  <a:cubicBezTo>
                    <a:pt x="5180" y="3042"/>
                    <a:pt x="5179" y="3042"/>
                    <a:pt x="5177" y="3041"/>
                  </a:cubicBezTo>
                  <a:lnTo>
                    <a:pt x="5177" y="3041"/>
                  </a:lnTo>
                  <a:cubicBezTo>
                    <a:pt x="5199" y="3049"/>
                    <a:pt x="5221" y="3057"/>
                    <a:pt x="5226" y="3057"/>
                  </a:cubicBezTo>
                  <a:cubicBezTo>
                    <a:pt x="5227" y="3057"/>
                    <a:pt x="5227" y="3057"/>
                    <a:pt x="5227" y="3056"/>
                  </a:cubicBezTo>
                  <a:cubicBezTo>
                    <a:pt x="5198" y="3042"/>
                    <a:pt x="5188" y="3038"/>
                    <a:pt x="5185" y="3038"/>
                  </a:cubicBezTo>
                  <a:close/>
                  <a:moveTo>
                    <a:pt x="13281" y="3107"/>
                  </a:moveTo>
                  <a:cubicBezTo>
                    <a:pt x="13279" y="3107"/>
                    <a:pt x="13273" y="3111"/>
                    <a:pt x="13258" y="3119"/>
                  </a:cubicBezTo>
                  <a:lnTo>
                    <a:pt x="13272" y="3116"/>
                  </a:lnTo>
                  <a:lnTo>
                    <a:pt x="13272" y="3116"/>
                  </a:lnTo>
                  <a:cubicBezTo>
                    <a:pt x="13265" y="3123"/>
                    <a:pt x="13254" y="3132"/>
                    <a:pt x="13249" y="3140"/>
                  </a:cubicBezTo>
                  <a:lnTo>
                    <a:pt x="13249" y="3140"/>
                  </a:lnTo>
                  <a:lnTo>
                    <a:pt x="13283" y="3114"/>
                  </a:lnTo>
                  <a:lnTo>
                    <a:pt x="13272" y="3116"/>
                  </a:lnTo>
                  <a:lnTo>
                    <a:pt x="13272" y="3116"/>
                  </a:lnTo>
                  <a:cubicBezTo>
                    <a:pt x="13278" y="3111"/>
                    <a:pt x="13282" y="3107"/>
                    <a:pt x="13281" y="3107"/>
                  </a:cubicBezTo>
                  <a:close/>
                  <a:moveTo>
                    <a:pt x="10184" y="3723"/>
                  </a:moveTo>
                  <a:cubicBezTo>
                    <a:pt x="10179" y="3725"/>
                    <a:pt x="10174" y="3726"/>
                    <a:pt x="10170" y="3727"/>
                  </a:cubicBezTo>
                  <a:lnTo>
                    <a:pt x="10170" y="3727"/>
                  </a:lnTo>
                  <a:cubicBezTo>
                    <a:pt x="10177" y="3726"/>
                    <a:pt x="10182" y="3724"/>
                    <a:pt x="10184" y="3723"/>
                  </a:cubicBezTo>
                  <a:close/>
                  <a:moveTo>
                    <a:pt x="7647" y="3749"/>
                  </a:moveTo>
                  <a:cubicBezTo>
                    <a:pt x="7648" y="3749"/>
                    <a:pt x="7649" y="3749"/>
                    <a:pt x="7650" y="3749"/>
                  </a:cubicBezTo>
                  <a:lnTo>
                    <a:pt x="7650" y="3749"/>
                  </a:lnTo>
                  <a:lnTo>
                    <a:pt x="7647" y="3749"/>
                  </a:lnTo>
                  <a:close/>
                  <a:moveTo>
                    <a:pt x="100" y="1"/>
                  </a:moveTo>
                  <a:lnTo>
                    <a:pt x="100" y="1"/>
                  </a:lnTo>
                  <a:cubicBezTo>
                    <a:pt x="147" y="45"/>
                    <a:pt x="200" y="82"/>
                    <a:pt x="253" y="117"/>
                  </a:cubicBezTo>
                  <a:cubicBezTo>
                    <a:pt x="251" y="117"/>
                    <a:pt x="249" y="117"/>
                    <a:pt x="246" y="117"/>
                  </a:cubicBezTo>
                  <a:cubicBezTo>
                    <a:pt x="222" y="117"/>
                    <a:pt x="204" y="112"/>
                    <a:pt x="194" y="112"/>
                  </a:cubicBezTo>
                  <a:cubicBezTo>
                    <a:pt x="184" y="112"/>
                    <a:pt x="183" y="117"/>
                    <a:pt x="195" y="140"/>
                  </a:cubicBezTo>
                  <a:lnTo>
                    <a:pt x="295" y="207"/>
                  </a:lnTo>
                  <a:lnTo>
                    <a:pt x="281" y="230"/>
                  </a:lnTo>
                  <a:cubicBezTo>
                    <a:pt x="256" y="214"/>
                    <a:pt x="230" y="198"/>
                    <a:pt x="205" y="177"/>
                  </a:cubicBezTo>
                  <a:cubicBezTo>
                    <a:pt x="204" y="177"/>
                    <a:pt x="203" y="177"/>
                    <a:pt x="202" y="177"/>
                  </a:cubicBezTo>
                  <a:cubicBezTo>
                    <a:pt x="175" y="177"/>
                    <a:pt x="66" y="84"/>
                    <a:pt x="45" y="84"/>
                  </a:cubicBezTo>
                  <a:cubicBezTo>
                    <a:pt x="44" y="84"/>
                    <a:pt x="43" y="84"/>
                    <a:pt x="43" y="84"/>
                  </a:cubicBezTo>
                  <a:lnTo>
                    <a:pt x="128" y="138"/>
                  </a:lnTo>
                  <a:cubicBezTo>
                    <a:pt x="136" y="146"/>
                    <a:pt x="137" y="150"/>
                    <a:pt x="134" y="150"/>
                  </a:cubicBezTo>
                  <a:cubicBezTo>
                    <a:pt x="121" y="150"/>
                    <a:pt x="50" y="105"/>
                    <a:pt x="1" y="77"/>
                  </a:cubicBezTo>
                  <a:lnTo>
                    <a:pt x="1" y="77"/>
                  </a:lnTo>
                  <a:cubicBezTo>
                    <a:pt x="47" y="128"/>
                    <a:pt x="186" y="196"/>
                    <a:pt x="307" y="272"/>
                  </a:cubicBezTo>
                  <a:cubicBezTo>
                    <a:pt x="306" y="270"/>
                    <a:pt x="307" y="270"/>
                    <a:pt x="310" y="270"/>
                  </a:cubicBezTo>
                  <a:cubicBezTo>
                    <a:pt x="320" y="270"/>
                    <a:pt x="350" y="280"/>
                    <a:pt x="362" y="280"/>
                  </a:cubicBezTo>
                  <a:cubicBezTo>
                    <a:pt x="372" y="280"/>
                    <a:pt x="367" y="272"/>
                    <a:pt x="318" y="240"/>
                  </a:cubicBezTo>
                  <a:cubicBezTo>
                    <a:pt x="319" y="239"/>
                    <a:pt x="320" y="238"/>
                    <a:pt x="322" y="238"/>
                  </a:cubicBezTo>
                  <a:cubicBezTo>
                    <a:pt x="339" y="238"/>
                    <a:pt x="404" y="275"/>
                    <a:pt x="446" y="300"/>
                  </a:cubicBezTo>
                  <a:cubicBezTo>
                    <a:pt x="444" y="299"/>
                    <a:pt x="443" y="299"/>
                    <a:pt x="443" y="299"/>
                  </a:cubicBezTo>
                  <a:cubicBezTo>
                    <a:pt x="431" y="299"/>
                    <a:pt x="475" y="343"/>
                    <a:pt x="457" y="343"/>
                  </a:cubicBezTo>
                  <a:cubicBezTo>
                    <a:pt x="453" y="343"/>
                    <a:pt x="447" y="342"/>
                    <a:pt x="437" y="337"/>
                  </a:cubicBezTo>
                  <a:lnTo>
                    <a:pt x="437" y="337"/>
                  </a:lnTo>
                  <a:cubicBezTo>
                    <a:pt x="505" y="374"/>
                    <a:pt x="466" y="359"/>
                    <a:pt x="571" y="420"/>
                  </a:cubicBezTo>
                  <a:cubicBezTo>
                    <a:pt x="570" y="420"/>
                    <a:pt x="570" y="420"/>
                    <a:pt x="570" y="420"/>
                  </a:cubicBezTo>
                  <a:cubicBezTo>
                    <a:pt x="557" y="420"/>
                    <a:pt x="774" y="550"/>
                    <a:pt x="744" y="562"/>
                  </a:cubicBezTo>
                  <a:cubicBezTo>
                    <a:pt x="752" y="564"/>
                    <a:pt x="757" y="565"/>
                    <a:pt x="762" y="565"/>
                  </a:cubicBezTo>
                  <a:cubicBezTo>
                    <a:pt x="769" y="565"/>
                    <a:pt x="774" y="563"/>
                    <a:pt x="783" y="563"/>
                  </a:cubicBezTo>
                  <a:cubicBezTo>
                    <a:pt x="798" y="563"/>
                    <a:pt x="825" y="571"/>
                    <a:pt x="897" y="617"/>
                  </a:cubicBezTo>
                  <a:cubicBezTo>
                    <a:pt x="879" y="587"/>
                    <a:pt x="778" y="518"/>
                    <a:pt x="798" y="518"/>
                  </a:cubicBezTo>
                  <a:cubicBezTo>
                    <a:pt x="802" y="518"/>
                    <a:pt x="814" y="522"/>
                    <a:pt x="835" y="531"/>
                  </a:cubicBezTo>
                  <a:lnTo>
                    <a:pt x="765" y="499"/>
                  </a:lnTo>
                  <a:cubicBezTo>
                    <a:pt x="675" y="432"/>
                    <a:pt x="799" y="501"/>
                    <a:pt x="683" y="417"/>
                  </a:cubicBezTo>
                  <a:lnTo>
                    <a:pt x="683" y="417"/>
                  </a:lnTo>
                  <a:cubicBezTo>
                    <a:pt x="719" y="442"/>
                    <a:pt x="796" y="481"/>
                    <a:pt x="805" y="499"/>
                  </a:cubicBezTo>
                  <a:cubicBezTo>
                    <a:pt x="803" y="492"/>
                    <a:pt x="806" y="489"/>
                    <a:pt x="811" y="489"/>
                  </a:cubicBezTo>
                  <a:cubicBezTo>
                    <a:pt x="844" y="489"/>
                    <a:pt x="980" y="586"/>
                    <a:pt x="1009" y="586"/>
                  </a:cubicBezTo>
                  <a:cubicBezTo>
                    <a:pt x="1011" y="586"/>
                    <a:pt x="1012" y="586"/>
                    <a:pt x="1013" y="585"/>
                  </a:cubicBezTo>
                  <a:cubicBezTo>
                    <a:pt x="1034" y="610"/>
                    <a:pt x="1071" y="633"/>
                    <a:pt x="1138" y="675"/>
                  </a:cubicBezTo>
                  <a:cubicBezTo>
                    <a:pt x="1129" y="677"/>
                    <a:pt x="1141" y="691"/>
                    <a:pt x="1132" y="691"/>
                  </a:cubicBezTo>
                  <a:cubicBezTo>
                    <a:pt x="1127" y="691"/>
                    <a:pt x="1119" y="688"/>
                    <a:pt x="1101" y="680"/>
                  </a:cubicBezTo>
                  <a:cubicBezTo>
                    <a:pt x="1059" y="654"/>
                    <a:pt x="1020" y="626"/>
                    <a:pt x="983" y="596"/>
                  </a:cubicBezTo>
                  <a:lnTo>
                    <a:pt x="983" y="596"/>
                  </a:lnTo>
                  <a:cubicBezTo>
                    <a:pt x="990" y="643"/>
                    <a:pt x="1150" y="717"/>
                    <a:pt x="1256" y="796"/>
                  </a:cubicBezTo>
                  <a:cubicBezTo>
                    <a:pt x="1248" y="789"/>
                    <a:pt x="1244" y="784"/>
                    <a:pt x="1248" y="784"/>
                  </a:cubicBezTo>
                  <a:cubicBezTo>
                    <a:pt x="1251" y="784"/>
                    <a:pt x="1259" y="786"/>
                    <a:pt x="1273" y="793"/>
                  </a:cubicBezTo>
                  <a:cubicBezTo>
                    <a:pt x="1333" y="839"/>
                    <a:pt x="1467" y="931"/>
                    <a:pt x="1440" y="931"/>
                  </a:cubicBezTo>
                  <a:cubicBezTo>
                    <a:pt x="1438" y="931"/>
                    <a:pt x="1436" y="931"/>
                    <a:pt x="1432" y="930"/>
                  </a:cubicBezTo>
                  <a:lnTo>
                    <a:pt x="1432" y="930"/>
                  </a:lnTo>
                  <a:lnTo>
                    <a:pt x="1778" y="1148"/>
                  </a:lnTo>
                  <a:cubicBezTo>
                    <a:pt x="1777" y="1148"/>
                    <a:pt x="1777" y="1148"/>
                    <a:pt x="1776" y="1148"/>
                  </a:cubicBezTo>
                  <a:cubicBezTo>
                    <a:pt x="1765" y="1148"/>
                    <a:pt x="1725" y="1117"/>
                    <a:pt x="1703" y="1108"/>
                  </a:cubicBezTo>
                  <a:lnTo>
                    <a:pt x="1703" y="1108"/>
                  </a:lnTo>
                  <a:lnTo>
                    <a:pt x="1893" y="1231"/>
                  </a:lnTo>
                  <a:cubicBezTo>
                    <a:pt x="1902" y="1239"/>
                    <a:pt x="1903" y="1243"/>
                    <a:pt x="1901" y="1243"/>
                  </a:cubicBezTo>
                  <a:cubicBezTo>
                    <a:pt x="1890" y="1243"/>
                    <a:pt x="1818" y="1198"/>
                    <a:pt x="1798" y="1196"/>
                  </a:cubicBezTo>
                  <a:lnTo>
                    <a:pt x="1798" y="1196"/>
                  </a:lnTo>
                  <a:lnTo>
                    <a:pt x="1935" y="1284"/>
                  </a:lnTo>
                  <a:lnTo>
                    <a:pt x="1912" y="1282"/>
                  </a:lnTo>
                  <a:lnTo>
                    <a:pt x="1912" y="1282"/>
                  </a:lnTo>
                  <a:cubicBezTo>
                    <a:pt x="1949" y="1296"/>
                    <a:pt x="2109" y="1398"/>
                    <a:pt x="2137" y="1437"/>
                  </a:cubicBezTo>
                  <a:cubicBezTo>
                    <a:pt x="2292" y="1530"/>
                    <a:pt x="2308" y="1497"/>
                    <a:pt x="2505" y="1643"/>
                  </a:cubicBezTo>
                  <a:cubicBezTo>
                    <a:pt x="2504" y="1644"/>
                    <a:pt x="2503" y="1644"/>
                    <a:pt x="2501" y="1644"/>
                  </a:cubicBezTo>
                  <a:cubicBezTo>
                    <a:pt x="2475" y="1644"/>
                    <a:pt x="2382" y="1573"/>
                    <a:pt x="2331" y="1553"/>
                  </a:cubicBezTo>
                  <a:lnTo>
                    <a:pt x="2331" y="1553"/>
                  </a:lnTo>
                  <a:cubicBezTo>
                    <a:pt x="2366" y="1583"/>
                    <a:pt x="2496" y="1650"/>
                    <a:pt x="2507" y="1678"/>
                  </a:cubicBezTo>
                  <a:cubicBezTo>
                    <a:pt x="2658" y="1766"/>
                    <a:pt x="2660" y="1727"/>
                    <a:pt x="2739" y="1759"/>
                  </a:cubicBezTo>
                  <a:cubicBezTo>
                    <a:pt x="2790" y="1791"/>
                    <a:pt x="2800" y="1800"/>
                    <a:pt x="2794" y="1800"/>
                  </a:cubicBezTo>
                  <a:cubicBezTo>
                    <a:pt x="2786" y="1800"/>
                    <a:pt x="2755" y="1786"/>
                    <a:pt x="2749" y="1786"/>
                  </a:cubicBezTo>
                  <a:cubicBezTo>
                    <a:pt x="2748" y="1786"/>
                    <a:pt x="2748" y="1787"/>
                    <a:pt x="2748" y="1787"/>
                  </a:cubicBezTo>
                  <a:cubicBezTo>
                    <a:pt x="2783" y="1812"/>
                    <a:pt x="2857" y="1822"/>
                    <a:pt x="2878" y="1863"/>
                  </a:cubicBezTo>
                  <a:cubicBezTo>
                    <a:pt x="2906" y="1875"/>
                    <a:pt x="2930" y="1882"/>
                    <a:pt x="2940" y="1882"/>
                  </a:cubicBezTo>
                  <a:cubicBezTo>
                    <a:pt x="2954" y="1882"/>
                    <a:pt x="2947" y="1870"/>
                    <a:pt x="2901" y="1836"/>
                  </a:cubicBezTo>
                  <a:lnTo>
                    <a:pt x="2901" y="1836"/>
                  </a:lnTo>
                  <a:cubicBezTo>
                    <a:pt x="2957" y="1875"/>
                    <a:pt x="3017" y="1905"/>
                    <a:pt x="3079" y="1933"/>
                  </a:cubicBezTo>
                  <a:cubicBezTo>
                    <a:pt x="3074" y="1932"/>
                    <a:pt x="3070" y="1932"/>
                    <a:pt x="3067" y="1932"/>
                  </a:cubicBezTo>
                  <a:cubicBezTo>
                    <a:pt x="3032" y="1932"/>
                    <a:pt x="3146" y="1990"/>
                    <a:pt x="3142" y="2012"/>
                  </a:cubicBezTo>
                  <a:cubicBezTo>
                    <a:pt x="3235" y="2077"/>
                    <a:pt x="3445" y="2220"/>
                    <a:pt x="3552" y="2255"/>
                  </a:cubicBezTo>
                  <a:lnTo>
                    <a:pt x="3508" y="2262"/>
                  </a:lnTo>
                  <a:lnTo>
                    <a:pt x="3624" y="2331"/>
                  </a:lnTo>
                  <a:cubicBezTo>
                    <a:pt x="3641" y="2347"/>
                    <a:pt x="3645" y="2353"/>
                    <a:pt x="3640" y="2353"/>
                  </a:cubicBezTo>
                  <a:cubicBezTo>
                    <a:pt x="3625" y="2353"/>
                    <a:pt x="3502" y="2275"/>
                    <a:pt x="3457" y="2248"/>
                  </a:cubicBezTo>
                  <a:lnTo>
                    <a:pt x="3457" y="2248"/>
                  </a:lnTo>
                  <a:cubicBezTo>
                    <a:pt x="3608" y="2350"/>
                    <a:pt x="3712" y="2415"/>
                    <a:pt x="3851" y="2503"/>
                  </a:cubicBezTo>
                  <a:cubicBezTo>
                    <a:pt x="3814" y="2470"/>
                    <a:pt x="3842" y="2482"/>
                    <a:pt x="3828" y="2461"/>
                  </a:cubicBezTo>
                  <a:lnTo>
                    <a:pt x="3828" y="2461"/>
                  </a:lnTo>
                  <a:cubicBezTo>
                    <a:pt x="3881" y="2482"/>
                    <a:pt x="3943" y="2531"/>
                    <a:pt x="3994" y="2558"/>
                  </a:cubicBezTo>
                  <a:cubicBezTo>
                    <a:pt x="3998" y="2565"/>
                    <a:pt x="3998" y="2569"/>
                    <a:pt x="3993" y="2569"/>
                  </a:cubicBezTo>
                  <a:cubicBezTo>
                    <a:pt x="3987" y="2569"/>
                    <a:pt x="3975" y="2564"/>
                    <a:pt x="3953" y="2551"/>
                  </a:cubicBezTo>
                  <a:lnTo>
                    <a:pt x="3953" y="2551"/>
                  </a:lnTo>
                  <a:lnTo>
                    <a:pt x="4050" y="2609"/>
                  </a:lnTo>
                  <a:cubicBezTo>
                    <a:pt x="4041" y="2616"/>
                    <a:pt x="4052" y="2628"/>
                    <a:pt x="4044" y="2628"/>
                  </a:cubicBezTo>
                  <a:cubicBezTo>
                    <a:pt x="4039" y="2628"/>
                    <a:pt x="4022" y="2621"/>
                    <a:pt x="3978" y="2600"/>
                  </a:cubicBezTo>
                  <a:lnTo>
                    <a:pt x="3978" y="2600"/>
                  </a:lnTo>
                  <a:lnTo>
                    <a:pt x="4071" y="2651"/>
                  </a:lnTo>
                  <a:cubicBezTo>
                    <a:pt x="4105" y="2674"/>
                    <a:pt x="4113" y="2682"/>
                    <a:pt x="4108" y="2682"/>
                  </a:cubicBezTo>
                  <a:cubicBezTo>
                    <a:pt x="4100" y="2682"/>
                    <a:pt x="4049" y="2657"/>
                    <a:pt x="4032" y="2651"/>
                  </a:cubicBezTo>
                  <a:lnTo>
                    <a:pt x="4032" y="2651"/>
                  </a:lnTo>
                  <a:lnTo>
                    <a:pt x="4184" y="2751"/>
                  </a:lnTo>
                  <a:cubicBezTo>
                    <a:pt x="4197" y="2756"/>
                    <a:pt x="4204" y="2757"/>
                    <a:pt x="4207" y="2757"/>
                  </a:cubicBezTo>
                  <a:cubicBezTo>
                    <a:pt x="4214" y="2757"/>
                    <a:pt x="4207" y="2750"/>
                    <a:pt x="4212" y="2750"/>
                  </a:cubicBezTo>
                  <a:cubicBezTo>
                    <a:pt x="4217" y="2750"/>
                    <a:pt x="4231" y="2756"/>
                    <a:pt x="4272" y="2778"/>
                  </a:cubicBezTo>
                  <a:cubicBezTo>
                    <a:pt x="4409" y="2880"/>
                    <a:pt x="4599" y="2985"/>
                    <a:pt x="4763" y="3084"/>
                  </a:cubicBezTo>
                  <a:cubicBezTo>
                    <a:pt x="4726" y="3056"/>
                    <a:pt x="4689" y="3031"/>
                    <a:pt x="4652" y="3003"/>
                  </a:cubicBezTo>
                  <a:lnTo>
                    <a:pt x="4652" y="3003"/>
                  </a:lnTo>
                  <a:cubicBezTo>
                    <a:pt x="4699" y="3031"/>
                    <a:pt x="4723" y="3038"/>
                    <a:pt x="4739" y="3038"/>
                  </a:cubicBezTo>
                  <a:cubicBezTo>
                    <a:pt x="4754" y="3038"/>
                    <a:pt x="4762" y="3032"/>
                    <a:pt x="4775" y="3032"/>
                  </a:cubicBezTo>
                  <a:cubicBezTo>
                    <a:pt x="4778" y="3032"/>
                    <a:pt x="4781" y="3033"/>
                    <a:pt x="4784" y="3033"/>
                  </a:cubicBezTo>
                  <a:cubicBezTo>
                    <a:pt x="4831" y="3063"/>
                    <a:pt x="4886" y="3091"/>
                    <a:pt x="4940" y="3121"/>
                  </a:cubicBezTo>
                  <a:cubicBezTo>
                    <a:pt x="4993" y="3149"/>
                    <a:pt x="5044" y="3179"/>
                    <a:pt x="5083" y="3202"/>
                  </a:cubicBezTo>
                  <a:cubicBezTo>
                    <a:pt x="5056" y="3193"/>
                    <a:pt x="5039" y="3189"/>
                    <a:pt x="5029" y="3189"/>
                  </a:cubicBezTo>
                  <a:cubicBezTo>
                    <a:pt x="5003" y="3189"/>
                    <a:pt x="5035" y="3220"/>
                    <a:pt x="5095" y="3260"/>
                  </a:cubicBezTo>
                  <a:cubicBezTo>
                    <a:pt x="5146" y="3293"/>
                    <a:pt x="5204" y="3316"/>
                    <a:pt x="5264" y="3327"/>
                  </a:cubicBezTo>
                  <a:cubicBezTo>
                    <a:pt x="5299" y="3332"/>
                    <a:pt x="5336" y="3339"/>
                    <a:pt x="5370" y="3353"/>
                  </a:cubicBezTo>
                  <a:cubicBezTo>
                    <a:pt x="5366" y="3353"/>
                    <a:pt x="5363" y="3352"/>
                    <a:pt x="5360" y="3352"/>
                  </a:cubicBezTo>
                  <a:cubicBezTo>
                    <a:pt x="5287" y="3352"/>
                    <a:pt x="5504" y="3427"/>
                    <a:pt x="5477" y="3436"/>
                  </a:cubicBezTo>
                  <a:cubicBezTo>
                    <a:pt x="5739" y="3550"/>
                    <a:pt x="6010" y="3647"/>
                    <a:pt x="6283" y="3726"/>
                  </a:cubicBezTo>
                  <a:cubicBezTo>
                    <a:pt x="6279" y="3720"/>
                    <a:pt x="6221" y="3696"/>
                    <a:pt x="6238" y="3696"/>
                  </a:cubicBezTo>
                  <a:cubicBezTo>
                    <a:pt x="6240" y="3696"/>
                    <a:pt x="6244" y="3697"/>
                    <a:pt x="6251" y="3698"/>
                  </a:cubicBezTo>
                  <a:cubicBezTo>
                    <a:pt x="6290" y="3710"/>
                    <a:pt x="6329" y="3721"/>
                    <a:pt x="6366" y="3740"/>
                  </a:cubicBezTo>
                  <a:cubicBezTo>
                    <a:pt x="6383" y="3744"/>
                    <a:pt x="6397" y="3754"/>
                    <a:pt x="6413" y="3765"/>
                  </a:cubicBezTo>
                  <a:cubicBezTo>
                    <a:pt x="6496" y="3788"/>
                    <a:pt x="6584" y="3802"/>
                    <a:pt x="6672" y="3807"/>
                  </a:cubicBezTo>
                  <a:cubicBezTo>
                    <a:pt x="6614" y="3795"/>
                    <a:pt x="6610" y="3791"/>
                    <a:pt x="6624" y="3784"/>
                  </a:cubicBezTo>
                  <a:lnTo>
                    <a:pt x="6624" y="3784"/>
                  </a:lnTo>
                  <a:cubicBezTo>
                    <a:pt x="6756" y="3816"/>
                    <a:pt x="6714" y="3828"/>
                    <a:pt x="6846" y="3839"/>
                  </a:cubicBezTo>
                  <a:cubicBezTo>
                    <a:pt x="6852" y="3845"/>
                    <a:pt x="6848" y="3847"/>
                    <a:pt x="6838" y="3847"/>
                  </a:cubicBezTo>
                  <a:cubicBezTo>
                    <a:pt x="6813" y="3847"/>
                    <a:pt x="6749" y="3834"/>
                    <a:pt x="6722" y="3834"/>
                  </a:cubicBezTo>
                  <a:cubicBezTo>
                    <a:pt x="6713" y="3834"/>
                    <a:pt x="6708" y="3835"/>
                    <a:pt x="6709" y="3839"/>
                  </a:cubicBezTo>
                  <a:cubicBezTo>
                    <a:pt x="6802" y="3860"/>
                    <a:pt x="6897" y="3876"/>
                    <a:pt x="6992" y="3883"/>
                  </a:cubicBezTo>
                  <a:cubicBezTo>
                    <a:pt x="6996" y="3887"/>
                    <a:pt x="6994" y="3888"/>
                    <a:pt x="6989" y="3888"/>
                  </a:cubicBezTo>
                  <a:cubicBezTo>
                    <a:pt x="6980" y="3888"/>
                    <a:pt x="6959" y="3883"/>
                    <a:pt x="6955" y="3883"/>
                  </a:cubicBezTo>
                  <a:cubicBezTo>
                    <a:pt x="6952" y="3883"/>
                    <a:pt x="6957" y="3886"/>
                    <a:pt x="6976" y="3893"/>
                  </a:cubicBezTo>
                  <a:cubicBezTo>
                    <a:pt x="6999" y="3897"/>
                    <a:pt x="7022" y="3902"/>
                    <a:pt x="7048" y="3904"/>
                  </a:cubicBezTo>
                  <a:lnTo>
                    <a:pt x="7122" y="3913"/>
                  </a:lnTo>
                  <a:lnTo>
                    <a:pt x="7268" y="3932"/>
                  </a:lnTo>
                  <a:cubicBezTo>
                    <a:pt x="7316" y="3937"/>
                    <a:pt x="7365" y="3944"/>
                    <a:pt x="7407" y="3946"/>
                  </a:cubicBezTo>
                  <a:lnTo>
                    <a:pt x="7527" y="3955"/>
                  </a:lnTo>
                  <a:lnTo>
                    <a:pt x="7562" y="3976"/>
                  </a:lnTo>
                  <a:cubicBezTo>
                    <a:pt x="7614" y="3984"/>
                    <a:pt x="7667" y="3988"/>
                    <a:pt x="7719" y="3988"/>
                  </a:cubicBezTo>
                  <a:cubicBezTo>
                    <a:pt x="7730" y="3988"/>
                    <a:pt x="7741" y="3988"/>
                    <a:pt x="7752" y="3988"/>
                  </a:cubicBezTo>
                  <a:cubicBezTo>
                    <a:pt x="7785" y="3996"/>
                    <a:pt x="7777" y="3998"/>
                    <a:pt x="7753" y="3998"/>
                  </a:cubicBezTo>
                  <a:cubicBezTo>
                    <a:pt x="7743" y="3998"/>
                    <a:pt x="7729" y="3998"/>
                    <a:pt x="7715" y="3997"/>
                  </a:cubicBezTo>
                  <a:lnTo>
                    <a:pt x="7715" y="3997"/>
                  </a:lnTo>
                  <a:cubicBezTo>
                    <a:pt x="7835" y="4008"/>
                    <a:pt x="7983" y="4008"/>
                    <a:pt x="8051" y="4013"/>
                  </a:cubicBezTo>
                  <a:cubicBezTo>
                    <a:pt x="8047" y="4016"/>
                    <a:pt x="8041" y="4016"/>
                    <a:pt x="8033" y="4016"/>
                  </a:cubicBezTo>
                  <a:cubicBezTo>
                    <a:pt x="8018" y="4016"/>
                    <a:pt x="7997" y="4013"/>
                    <a:pt x="7980" y="4013"/>
                  </a:cubicBezTo>
                  <a:cubicBezTo>
                    <a:pt x="7973" y="4013"/>
                    <a:pt x="7967" y="4014"/>
                    <a:pt x="7963" y="4015"/>
                  </a:cubicBezTo>
                  <a:cubicBezTo>
                    <a:pt x="8002" y="4020"/>
                    <a:pt x="8041" y="4022"/>
                    <a:pt x="8081" y="4022"/>
                  </a:cubicBezTo>
                  <a:lnTo>
                    <a:pt x="8201" y="4022"/>
                  </a:lnTo>
                  <a:cubicBezTo>
                    <a:pt x="8212" y="4022"/>
                    <a:pt x="8223" y="4022"/>
                    <a:pt x="8235" y="4022"/>
                  </a:cubicBezTo>
                  <a:cubicBezTo>
                    <a:pt x="8291" y="4022"/>
                    <a:pt x="8347" y="4027"/>
                    <a:pt x="8403" y="4036"/>
                  </a:cubicBezTo>
                  <a:cubicBezTo>
                    <a:pt x="8399" y="4037"/>
                    <a:pt x="8396" y="4037"/>
                    <a:pt x="8393" y="4037"/>
                  </a:cubicBezTo>
                  <a:lnTo>
                    <a:pt x="8393" y="4037"/>
                  </a:lnTo>
                  <a:cubicBezTo>
                    <a:pt x="8382" y="4037"/>
                    <a:pt x="8372" y="4037"/>
                    <a:pt x="8361" y="4036"/>
                  </a:cubicBezTo>
                  <a:lnTo>
                    <a:pt x="8361" y="4036"/>
                  </a:lnTo>
                  <a:cubicBezTo>
                    <a:pt x="8368" y="4037"/>
                    <a:pt x="8375" y="4038"/>
                    <a:pt x="8382" y="4038"/>
                  </a:cubicBezTo>
                  <a:cubicBezTo>
                    <a:pt x="8386" y="4038"/>
                    <a:pt x="8389" y="4038"/>
                    <a:pt x="8393" y="4037"/>
                  </a:cubicBezTo>
                  <a:lnTo>
                    <a:pt x="8393" y="4037"/>
                  </a:lnTo>
                  <a:cubicBezTo>
                    <a:pt x="8492" y="4041"/>
                    <a:pt x="8587" y="4041"/>
                    <a:pt x="8683" y="4041"/>
                  </a:cubicBezTo>
                  <a:cubicBezTo>
                    <a:pt x="8789" y="4041"/>
                    <a:pt x="8898" y="4034"/>
                    <a:pt x="9019" y="4034"/>
                  </a:cubicBezTo>
                  <a:cubicBezTo>
                    <a:pt x="9054" y="4037"/>
                    <a:pt x="9080" y="4038"/>
                    <a:pt x="9099" y="4038"/>
                  </a:cubicBezTo>
                  <a:cubicBezTo>
                    <a:pt x="9200" y="4038"/>
                    <a:pt x="9123" y="4008"/>
                    <a:pt x="9306" y="4004"/>
                  </a:cubicBezTo>
                  <a:cubicBezTo>
                    <a:pt x="9306" y="4018"/>
                    <a:pt x="9333" y="4022"/>
                    <a:pt x="9373" y="4022"/>
                  </a:cubicBezTo>
                  <a:cubicBezTo>
                    <a:pt x="9400" y="4022"/>
                    <a:pt x="9432" y="4020"/>
                    <a:pt x="9466" y="4018"/>
                  </a:cubicBezTo>
                  <a:cubicBezTo>
                    <a:pt x="9552" y="4011"/>
                    <a:pt x="9647" y="3999"/>
                    <a:pt x="9693" y="3999"/>
                  </a:cubicBezTo>
                  <a:lnTo>
                    <a:pt x="9663" y="3995"/>
                  </a:lnTo>
                  <a:cubicBezTo>
                    <a:pt x="9726" y="3985"/>
                    <a:pt x="9791" y="3980"/>
                    <a:pt x="9855" y="3980"/>
                  </a:cubicBezTo>
                  <a:cubicBezTo>
                    <a:pt x="9901" y="3980"/>
                    <a:pt x="9946" y="3983"/>
                    <a:pt x="9992" y="3988"/>
                  </a:cubicBezTo>
                  <a:cubicBezTo>
                    <a:pt x="10073" y="3983"/>
                    <a:pt x="10172" y="3976"/>
                    <a:pt x="10274" y="3967"/>
                  </a:cubicBezTo>
                  <a:cubicBezTo>
                    <a:pt x="10374" y="3957"/>
                    <a:pt x="10474" y="3946"/>
                    <a:pt x="10552" y="3930"/>
                  </a:cubicBezTo>
                  <a:lnTo>
                    <a:pt x="10552" y="3930"/>
                  </a:lnTo>
                  <a:lnTo>
                    <a:pt x="10522" y="3941"/>
                  </a:lnTo>
                  <a:cubicBezTo>
                    <a:pt x="10652" y="3918"/>
                    <a:pt x="10738" y="3925"/>
                    <a:pt x="10870" y="3902"/>
                  </a:cubicBezTo>
                  <a:lnTo>
                    <a:pt x="10870" y="3902"/>
                  </a:lnTo>
                  <a:cubicBezTo>
                    <a:pt x="10865" y="3904"/>
                    <a:pt x="10825" y="3914"/>
                    <a:pt x="10858" y="3914"/>
                  </a:cubicBezTo>
                  <a:cubicBezTo>
                    <a:pt x="10861" y="3914"/>
                    <a:pt x="10865" y="3914"/>
                    <a:pt x="10870" y="3913"/>
                  </a:cubicBezTo>
                  <a:cubicBezTo>
                    <a:pt x="11029" y="3902"/>
                    <a:pt x="11189" y="3886"/>
                    <a:pt x="11349" y="3869"/>
                  </a:cubicBezTo>
                  <a:cubicBezTo>
                    <a:pt x="11509" y="3853"/>
                    <a:pt x="11669" y="3835"/>
                    <a:pt x="11829" y="3816"/>
                  </a:cubicBezTo>
                  <a:cubicBezTo>
                    <a:pt x="12155" y="3777"/>
                    <a:pt x="12477" y="3721"/>
                    <a:pt x="12795" y="3649"/>
                  </a:cubicBezTo>
                  <a:cubicBezTo>
                    <a:pt x="12954" y="3612"/>
                    <a:pt x="13110" y="3566"/>
                    <a:pt x="13263" y="3510"/>
                  </a:cubicBezTo>
                  <a:cubicBezTo>
                    <a:pt x="13339" y="3480"/>
                    <a:pt x="13418" y="3448"/>
                    <a:pt x="13497" y="3415"/>
                  </a:cubicBezTo>
                  <a:cubicBezTo>
                    <a:pt x="13575" y="3383"/>
                    <a:pt x="13649" y="3341"/>
                    <a:pt x="13728" y="3304"/>
                  </a:cubicBezTo>
                  <a:cubicBezTo>
                    <a:pt x="14036" y="3137"/>
                    <a:pt x="14323" y="2936"/>
                    <a:pt x="14585" y="2704"/>
                  </a:cubicBezTo>
                  <a:cubicBezTo>
                    <a:pt x="14842" y="2477"/>
                    <a:pt x="15083" y="2229"/>
                    <a:pt x="15303" y="1965"/>
                  </a:cubicBezTo>
                  <a:cubicBezTo>
                    <a:pt x="15519" y="1711"/>
                    <a:pt x="15713" y="1453"/>
                    <a:pt x="15887" y="1208"/>
                  </a:cubicBezTo>
                  <a:cubicBezTo>
                    <a:pt x="15887" y="1208"/>
                    <a:pt x="15938" y="1067"/>
                    <a:pt x="15973" y="928"/>
                  </a:cubicBezTo>
                  <a:cubicBezTo>
                    <a:pt x="16008" y="798"/>
                    <a:pt x="16029" y="672"/>
                    <a:pt x="15983" y="672"/>
                  </a:cubicBezTo>
                  <a:cubicBezTo>
                    <a:pt x="15980" y="672"/>
                    <a:pt x="15978" y="672"/>
                    <a:pt x="15975" y="673"/>
                  </a:cubicBezTo>
                  <a:cubicBezTo>
                    <a:pt x="15971" y="676"/>
                    <a:pt x="15969" y="678"/>
                    <a:pt x="15968" y="678"/>
                  </a:cubicBezTo>
                  <a:cubicBezTo>
                    <a:pt x="15960" y="678"/>
                    <a:pt x="15993" y="617"/>
                    <a:pt x="15986" y="617"/>
                  </a:cubicBezTo>
                  <a:lnTo>
                    <a:pt x="15986" y="617"/>
                  </a:lnTo>
                  <a:cubicBezTo>
                    <a:pt x="15984" y="617"/>
                    <a:pt x="15977" y="624"/>
                    <a:pt x="15964" y="640"/>
                  </a:cubicBezTo>
                  <a:lnTo>
                    <a:pt x="15922" y="731"/>
                  </a:lnTo>
                  <a:cubicBezTo>
                    <a:pt x="15922" y="727"/>
                    <a:pt x="15921" y="725"/>
                    <a:pt x="15919" y="725"/>
                  </a:cubicBezTo>
                  <a:cubicBezTo>
                    <a:pt x="15909" y="725"/>
                    <a:pt x="15880" y="750"/>
                    <a:pt x="15869" y="754"/>
                  </a:cubicBezTo>
                  <a:cubicBezTo>
                    <a:pt x="15867" y="760"/>
                    <a:pt x="15869" y="763"/>
                    <a:pt x="15873" y="763"/>
                  </a:cubicBezTo>
                  <a:cubicBezTo>
                    <a:pt x="15884" y="763"/>
                    <a:pt x="15915" y="735"/>
                    <a:pt x="15928" y="735"/>
                  </a:cubicBezTo>
                  <a:cubicBezTo>
                    <a:pt x="15936" y="735"/>
                    <a:pt x="15937" y="745"/>
                    <a:pt x="15922" y="779"/>
                  </a:cubicBezTo>
                  <a:cubicBezTo>
                    <a:pt x="15915" y="807"/>
                    <a:pt x="15869" y="867"/>
                    <a:pt x="15840" y="904"/>
                  </a:cubicBezTo>
                  <a:lnTo>
                    <a:pt x="15840" y="904"/>
                  </a:lnTo>
                  <a:cubicBezTo>
                    <a:pt x="15853" y="887"/>
                    <a:pt x="15860" y="881"/>
                    <a:pt x="15862" y="881"/>
                  </a:cubicBezTo>
                  <a:cubicBezTo>
                    <a:pt x="15869" y="881"/>
                    <a:pt x="15840" y="933"/>
                    <a:pt x="15827" y="958"/>
                  </a:cubicBezTo>
                  <a:cubicBezTo>
                    <a:pt x="15785" y="1002"/>
                    <a:pt x="15730" y="1083"/>
                    <a:pt x="15704" y="1097"/>
                  </a:cubicBezTo>
                  <a:cubicBezTo>
                    <a:pt x="15690" y="1124"/>
                    <a:pt x="15674" y="1148"/>
                    <a:pt x="15653" y="1171"/>
                  </a:cubicBezTo>
                  <a:lnTo>
                    <a:pt x="15646" y="1171"/>
                  </a:lnTo>
                  <a:cubicBezTo>
                    <a:pt x="15635" y="1188"/>
                    <a:pt x="15632" y="1194"/>
                    <a:pt x="15633" y="1194"/>
                  </a:cubicBezTo>
                  <a:cubicBezTo>
                    <a:pt x="15636" y="1194"/>
                    <a:pt x="15656" y="1170"/>
                    <a:pt x="15660" y="1170"/>
                  </a:cubicBezTo>
                  <a:lnTo>
                    <a:pt x="15660" y="1170"/>
                  </a:lnTo>
                  <a:cubicBezTo>
                    <a:pt x="15661" y="1170"/>
                    <a:pt x="15661" y="1171"/>
                    <a:pt x="15660" y="1173"/>
                  </a:cubicBezTo>
                  <a:cubicBezTo>
                    <a:pt x="15632" y="1215"/>
                    <a:pt x="15570" y="1272"/>
                    <a:pt x="15519" y="1339"/>
                  </a:cubicBezTo>
                  <a:lnTo>
                    <a:pt x="15519" y="1339"/>
                  </a:lnTo>
                  <a:cubicBezTo>
                    <a:pt x="15563" y="1281"/>
                    <a:pt x="15602" y="1221"/>
                    <a:pt x="15637" y="1157"/>
                  </a:cubicBezTo>
                  <a:lnTo>
                    <a:pt x="15637" y="1157"/>
                  </a:lnTo>
                  <a:cubicBezTo>
                    <a:pt x="15610" y="1187"/>
                    <a:pt x="15596" y="1199"/>
                    <a:pt x="15591" y="1199"/>
                  </a:cubicBezTo>
                  <a:cubicBezTo>
                    <a:pt x="15576" y="1199"/>
                    <a:pt x="15629" y="1106"/>
                    <a:pt x="15635" y="1078"/>
                  </a:cubicBezTo>
                  <a:lnTo>
                    <a:pt x="15635" y="1078"/>
                  </a:lnTo>
                  <a:cubicBezTo>
                    <a:pt x="15565" y="1182"/>
                    <a:pt x="15549" y="1226"/>
                    <a:pt x="15493" y="1314"/>
                  </a:cubicBezTo>
                  <a:cubicBezTo>
                    <a:pt x="15471" y="1337"/>
                    <a:pt x="15458" y="1345"/>
                    <a:pt x="15451" y="1345"/>
                  </a:cubicBezTo>
                  <a:cubicBezTo>
                    <a:pt x="15432" y="1345"/>
                    <a:pt x="15461" y="1280"/>
                    <a:pt x="15477" y="1256"/>
                  </a:cubicBezTo>
                  <a:lnTo>
                    <a:pt x="15477" y="1256"/>
                  </a:lnTo>
                  <a:cubicBezTo>
                    <a:pt x="15415" y="1348"/>
                    <a:pt x="15358" y="1452"/>
                    <a:pt x="15327" y="1502"/>
                  </a:cubicBezTo>
                  <a:cubicBezTo>
                    <a:pt x="15359" y="1421"/>
                    <a:pt x="15345" y="1428"/>
                    <a:pt x="15375" y="1356"/>
                  </a:cubicBezTo>
                  <a:lnTo>
                    <a:pt x="15375" y="1356"/>
                  </a:lnTo>
                  <a:cubicBezTo>
                    <a:pt x="15308" y="1416"/>
                    <a:pt x="15310" y="1442"/>
                    <a:pt x="15289" y="1481"/>
                  </a:cubicBezTo>
                  <a:cubicBezTo>
                    <a:pt x="15303" y="1460"/>
                    <a:pt x="15320" y="1442"/>
                    <a:pt x="15338" y="1426"/>
                  </a:cubicBezTo>
                  <a:lnTo>
                    <a:pt x="15338" y="1426"/>
                  </a:lnTo>
                  <a:cubicBezTo>
                    <a:pt x="15269" y="1507"/>
                    <a:pt x="15310" y="1518"/>
                    <a:pt x="15287" y="1572"/>
                  </a:cubicBezTo>
                  <a:cubicBezTo>
                    <a:pt x="15234" y="1622"/>
                    <a:pt x="15144" y="1718"/>
                    <a:pt x="15122" y="1718"/>
                  </a:cubicBezTo>
                  <a:cubicBezTo>
                    <a:pt x="15122" y="1718"/>
                    <a:pt x="15121" y="1718"/>
                    <a:pt x="15121" y="1718"/>
                  </a:cubicBezTo>
                  <a:lnTo>
                    <a:pt x="15121" y="1718"/>
                  </a:lnTo>
                  <a:lnTo>
                    <a:pt x="15137" y="1731"/>
                  </a:lnTo>
                  <a:cubicBezTo>
                    <a:pt x="15111" y="1765"/>
                    <a:pt x="15101" y="1774"/>
                    <a:pt x="15095" y="1774"/>
                  </a:cubicBezTo>
                  <a:cubicBezTo>
                    <a:pt x="15090" y="1774"/>
                    <a:pt x="15090" y="1763"/>
                    <a:pt x="15083" y="1763"/>
                  </a:cubicBezTo>
                  <a:cubicBezTo>
                    <a:pt x="15082" y="1763"/>
                    <a:pt x="15082" y="1764"/>
                    <a:pt x="15081" y="1764"/>
                  </a:cubicBezTo>
                  <a:cubicBezTo>
                    <a:pt x="15076" y="1782"/>
                    <a:pt x="15086" y="1787"/>
                    <a:pt x="15083" y="1803"/>
                  </a:cubicBezTo>
                  <a:cubicBezTo>
                    <a:pt x="15081" y="1819"/>
                    <a:pt x="15069" y="1847"/>
                    <a:pt x="15018" y="1907"/>
                  </a:cubicBezTo>
                  <a:cubicBezTo>
                    <a:pt x="15016" y="1901"/>
                    <a:pt x="15013" y="1898"/>
                    <a:pt x="15009" y="1898"/>
                  </a:cubicBezTo>
                  <a:cubicBezTo>
                    <a:pt x="14986" y="1898"/>
                    <a:pt x="14933" y="1983"/>
                    <a:pt x="14908" y="1983"/>
                  </a:cubicBezTo>
                  <a:cubicBezTo>
                    <a:pt x="14905" y="1983"/>
                    <a:pt x="14902" y="1982"/>
                    <a:pt x="14900" y="1979"/>
                  </a:cubicBezTo>
                  <a:cubicBezTo>
                    <a:pt x="14852" y="2035"/>
                    <a:pt x="14842" y="2072"/>
                    <a:pt x="14789" y="2125"/>
                  </a:cubicBezTo>
                  <a:cubicBezTo>
                    <a:pt x="14780" y="2131"/>
                    <a:pt x="14774" y="2133"/>
                    <a:pt x="14770" y="2133"/>
                  </a:cubicBezTo>
                  <a:cubicBezTo>
                    <a:pt x="14742" y="2133"/>
                    <a:pt x="14835" y="2006"/>
                    <a:pt x="14868" y="1979"/>
                  </a:cubicBezTo>
                  <a:cubicBezTo>
                    <a:pt x="14888" y="1956"/>
                    <a:pt x="14897" y="1949"/>
                    <a:pt x="14900" y="1949"/>
                  </a:cubicBezTo>
                  <a:cubicBezTo>
                    <a:pt x="14905" y="1949"/>
                    <a:pt x="14888" y="1977"/>
                    <a:pt x="14891" y="1977"/>
                  </a:cubicBezTo>
                  <a:cubicBezTo>
                    <a:pt x="14892" y="1977"/>
                    <a:pt x="14894" y="1975"/>
                    <a:pt x="14898" y="1970"/>
                  </a:cubicBezTo>
                  <a:lnTo>
                    <a:pt x="14956" y="1889"/>
                  </a:lnTo>
                  <a:lnTo>
                    <a:pt x="14956" y="1889"/>
                  </a:lnTo>
                  <a:cubicBezTo>
                    <a:pt x="14917" y="1919"/>
                    <a:pt x="14853" y="1981"/>
                    <a:pt x="14835" y="1981"/>
                  </a:cubicBezTo>
                  <a:cubicBezTo>
                    <a:pt x="14833" y="1981"/>
                    <a:pt x="14831" y="1980"/>
                    <a:pt x="14831" y="1977"/>
                  </a:cubicBezTo>
                  <a:cubicBezTo>
                    <a:pt x="14814" y="1998"/>
                    <a:pt x="14810" y="2004"/>
                    <a:pt x="14813" y="2004"/>
                  </a:cubicBezTo>
                  <a:cubicBezTo>
                    <a:pt x="14819" y="2004"/>
                    <a:pt x="14842" y="1986"/>
                    <a:pt x="14849" y="1986"/>
                  </a:cubicBezTo>
                  <a:cubicBezTo>
                    <a:pt x="14853" y="1986"/>
                    <a:pt x="14850" y="1993"/>
                    <a:pt x="14831" y="2019"/>
                  </a:cubicBezTo>
                  <a:lnTo>
                    <a:pt x="14778" y="2060"/>
                  </a:lnTo>
                  <a:cubicBezTo>
                    <a:pt x="14706" y="2146"/>
                    <a:pt x="14812" y="2063"/>
                    <a:pt x="14715" y="2171"/>
                  </a:cubicBezTo>
                  <a:cubicBezTo>
                    <a:pt x="14725" y="2157"/>
                    <a:pt x="14728" y="2151"/>
                    <a:pt x="14726" y="2151"/>
                  </a:cubicBezTo>
                  <a:cubicBezTo>
                    <a:pt x="14722" y="2151"/>
                    <a:pt x="14703" y="2170"/>
                    <a:pt x="14680" y="2192"/>
                  </a:cubicBezTo>
                  <a:cubicBezTo>
                    <a:pt x="14648" y="2222"/>
                    <a:pt x="14609" y="2258"/>
                    <a:pt x="14595" y="2258"/>
                  </a:cubicBezTo>
                  <a:cubicBezTo>
                    <a:pt x="14593" y="2258"/>
                    <a:pt x="14591" y="2257"/>
                    <a:pt x="14590" y="2256"/>
                  </a:cubicBezTo>
                  <a:lnTo>
                    <a:pt x="14590" y="2256"/>
                  </a:lnTo>
                  <a:cubicBezTo>
                    <a:pt x="14598" y="2270"/>
                    <a:pt x="14554" y="2318"/>
                    <a:pt x="14504" y="2361"/>
                  </a:cubicBezTo>
                  <a:cubicBezTo>
                    <a:pt x="14453" y="2405"/>
                    <a:pt x="14402" y="2454"/>
                    <a:pt x="14400" y="2475"/>
                  </a:cubicBezTo>
                  <a:lnTo>
                    <a:pt x="14460" y="2429"/>
                  </a:lnTo>
                  <a:lnTo>
                    <a:pt x="14437" y="2429"/>
                  </a:lnTo>
                  <a:cubicBezTo>
                    <a:pt x="14469" y="2398"/>
                    <a:pt x="14495" y="2373"/>
                    <a:pt x="14523" y="2345"/>
                  </a:cubicBezTo>
                  <a:cubicBezTo>
                    <a:pt x="14550" y="2320"/>
                    <a:pt x="14576" y="2290"/>
                    <a:pt x="14611" y="2262"/>
                  </a:cubicBezTo>
                  <a:lnTo>
                    <a:pt x="14611" y="2262"/>
                  </a:lnTo>
                  <a:cubicBezTo>
                    <a:pt x="14569" y="2317"/>
                    <a:pt x="14645" y="2266"/>
                    <a:pt x="14597" y="2329"/>
                  </a:cubicBezTo>
                  <a:cubicBezTo>
                    <a:pt x="14560" y="2375"/>
                    <a:pt x="14546" y="2386"/>
                    <a:pt x="14541" y="2386"/>
                  </a:cubicBezTo>
                  <a:cubicBezTo>
                    <a:pt x="14539" y="2386"/>
                    <a:pt x="14539" y="2384"/>
                    <a:pt x="14539" y="2382"/>
                  </a:cubicBezTo>
                  <a:cubicBezTo>
                    <a:pt x="14539" y="2374"/>
                    <a:pt x="14546" y="2358"/>
                    <a:pt x="14543" y="2358"/>
                  </a:cubicBezTo>
                  <a:lnTo>
                    <a:pt x="14543" y="2358"/>
                  </a:lnTo>
                  <a:cubicBezTo>
                    <a:pt x="14543" y="2358"/>
                    <a:pt x="14542" y="2358"/>
                    <a:pt x="14541" y="2359"/>
                  </a:cubicBezTo>
                  <a:lnTo>
                    <a:pt x="14465" y="2449"/>
                  </a:lnTo>
                  <a:lnTo>
                    <a:pt x="14534" y="2408"/>
                  </a:lnTo>
                  <a:lnTo>
                    <a:pt x="14534" y="2408"/>
                  </a:lnTo>
                  <a:cubicBezTo>
                    <a:pt x="14502" y="2440"/>
                    <a:pt x="14462" y="2477"/>
                    <a:pt x="14418" y="2519"/>
                  </a:cubicBezTo>
                  <a:cubicBezTo>
                    <a:pt x="14374" y="2558"/>
                    <a:pt x="14323" y="2598"/>
                    <a:pt x="14275" y="2637"/>
                  </a:cubicBezTo>
                  <a:cubicBezTo>
                    <a:pt x="14226" y="2669"/>
                    <a:pt x="14208" y="2679"/>
                    <a:pt x="14203" y="2679"/>
                  </a:cubicBezTo>
                  <a:cubicBezTo>
                    <a:pt x="14196" y="2679"/>
                    <a:pt x="14217" y="2657"/>
                    <a:pt x="14209" y="2657"/>
                  </a:cubicBezTo>
                  <a:cubicBezTo>
                    <a:pt x="14204" y="2657"/>
                    <a:pt x="14193" y="2663"/>
                    <a:pt x="14166" y="2679"/>
                  </a:cubicBezTo>
                  <a:cubicBezTo>
                    <a:pt x="14122" y="2718"/>
                    <a:pt x="14138" y="2716"/>
                    <a:pt x="14069" y="2764"/>
                  </a:cubicBezTo>
                  <a:cubicBezTo>
                    <a:pt x="14113" y="2744"/>
                    <a:pt x="14131" y="2714"/>
                    <a:pt x="14159" y="2695"/>
                  </a:cubicBezTo>
                  <a:cubicBezTo>
                    <a:pt x="14161" y="2695"/>
                    <a:pt x="14162" y="2694"/>
                    <a:pt x="14163" y="2694"/>
                  </a:cubicBezTo>
                  <a:cubicBezTo>
                    <a:pt x="14190" y="2694"/>
                    <a:pt x="14044" y="2793"/>
                    <a:pt x="14059" y="2804"/>
                  </a:cubicBezTo>
                  <a:cubicBezTo>
                    <a:pt x="14049" y="2808"/>
                    <a:pt x="14042" y="2810"/>
                    <a:pt x="14038" y="2810"/>
                  </a:cubicBezTo>
                  <a:cubicBezTo>
                    <a:pt x="14030" y="2810"/>
                    <a:pt x="14034" y="2801"/>
                    <a:pt x="14046" y="2785"/>
                  </a:cubicBezTo>
                  <a:lnTo>
                    <a:pt x="14046" y="2785"/>
                  </a:lnTo>
                  <a:cubicBezTo>
                    <a:pt x="14032" y="2795"/>
                    <a:pt x="14018" y="2806"/>
                    <a:pt x="14004" y="2818"/>
                  </a:cubicBezTo>
                  <a:lnTo>
                    <a:pt x="13962" y="2848"/>
                  </a:lnTo>
                  <a:cubicBezTo>
                    <a:pt x="13932" y="2866"/>
                    <a:pt x="13907" y="2883"/>
                    <a:pt x="13881" y="2899"/>
                  </a:cubicBezTo>
                  <a:cubicBezTo>
                    <a:pt x="13858" y="2913"/>
                    <a:pt x="13835" y="2924"/>
                    <a:pt x="13812" y="2936"/>
                  </a:cubicBezTo>
                  <a:cubicBezTo>
                    <a:pt x="13793" y="2943"/>
                    <a:pt x="13777" y="2947"/>
                    <a:pt x="13756" y="2950"/>
                  </a:cubicBezTo>
                  <a:lnTo>
                    <a:pt x="13717" y="3001"/>
                  </a:lnTo>
                  <a:cubicBezTo>
                    <a:pt x="13670" y="3026"/>
                    <a:pt x="13650" y="3036"/>
                    <a:pt x="13645" y="3036"/>
                  </a:cubicBezTo>
                  <a:cubicBezTo>
                    <a:pt x="13633" y="3036"/>
                    <a:pt x="13737" y="2965"/>
                    <a:pt x="13718" y="2965"/>
                  </a:cubicBezTo>
                  <a:cubicBezTo>
                    <a:pt x="13712" y="2965"/>
                    <a:pt x="13696" y="2971"/>
                    <a:pt x="13663" y="2987"/>
                  </a:cubicBezTo>
                  <a:cubicBezTo>
                    <a:pt x="13591" y="3029"/>
                    <a:pt x="13517" y="3063"/>
                    <a:pt x="13490" y="3091"/>
                  </a:cubicBezTo>
                  <a:lnTo>
                    <a:pt x="13557" y="3059"/>
                  </a:lnTo>
                  <a:lnTo>
                    <a:pt x="13557" y="3059"/>
                  </a:lnTo>
                  <a:cubicBezTo>
                    <a:pt x="13513" y="3096"/>
                    <a:pt x="13520" y="3103"/>
                    <a:pt x="13446" y="3151"/>
                  </a:cubicBezTo>
                  <a:cubicBezTo>
                    <a:pt x="13388" y="3177"/>
                    <a:pt x="13411" y="3147"/>
                    <a:pt x="13346" y="3191"/>
                  </a:cubicBezTo>
                  <a:cubicBezTo>
                    <a:pt x="13295" y="3207"/>
                    <a:pt x="13267" y="3214"/>
                    <a:pt x="13253" y="3214"/>
                  </a:cubicBezTo>
                  <a:cubicBezTo>
                    <a:pt x="13227" y="3214"/>
                    <a:pt x="13254" y="3189"/>
                    <a:pt x="13276" y="3167"/>
                  </a:cubicBezTo>
                  <a:lnTo>
                    <a:pt x="13276" y="3167"/>
                  </a:lnTo>
                  <a:cubicBezTo>
                    <a:pt x="13218" y="3194"/>
                    <a:pt x="13143" y="3225"/>
                    <a:pt x="13135" y="3237"/>
                  </a:cubicBezTo>
                  <a:cubicBezTo>
                    <a:pt x="13132" y="3232"/>
                    <a:pt x="13138" y="3219"/>
                    <a:pt x="13169" y="3199"/>
                  </a:cubicBezTo>
                  <a:lnTo>
                    <a:pt x="13169" y="3199"/>
                  </a:lnTo>
                  <a:cubicBezTo>
                    <a:pt x="13284" y="3177"/>
                    <a:pt x="13222" y="3160"/>
                    <a:pt x="13251" y="3160"/>
                  </a:cubicBezTo>
                  <a:cubicBezTo>
                    <a:pt x="13254" y="3160"/>
                    <a:pt x="13259" y="3160"/>
                    <a:pt x="13265" y="3161"/>
                  </a:cubicBezTo>
                  <a:lnTo>
                    <a:pt x="13290" y="3151"/>
                  </a:lnTo>
                  <a:lnTo>
                    <a:pt x="13290" y="3151"/>
                  </a:lnTo>
                  <a:cubicBezTo>
                    <a:pt x="13286" y="3156"/>
                    <a:pt x="13281" y="3162"/>
                    <a:pt x="13276" y="3167"/>
                  </a:cubicBezTo>
                  <a:lnTo>
                    <a:pt x="13276" y="3167"/>
                  </a:lnTo>
                  <a:cubicBezTo>
                    <a:pt x="13307" y="3153"/>
                    <a:pt x="13332" y="3140"/>
                    <a:pt x="13339" y="3133"/>
                  </a:cubicBezTo>
                  <a:lnTo>
                    <a:pt x="13339" y="3133"/>
                  </a:lnTo>
                  <a:lnTo>
                    <a:pt x="13290" y="3151"/>
                  </a:lnTo>
                  <a:lnTo>
                    <a:pt x="13290" y="3151"/>
                  </a:lnTo>
                  <a:cubicBezTo>
                    <a:pt x="13292" y="3149"/>
                    <a:pt x="13294" y="3146"/>
                    <a:pt x="13295" y="3144"/>
                  </a:cubicBezTo>
                  <a:lnTo>
                    <a:pt x="13295" y="3144"/>
                  </a:lnTo>
                  <a:cubicBezTo>
                    <a:pt x="13274" y="3151"/>
                    <a:pt x="13261" y="3153"/>
                    <a:pt x="13254" y="3153"/>
                  </a:cubicBezTo>
                  <a:cubicBezTo>
                    <a:pt x="13242" y="3153"/>
                    <a:pt x="13243" y="3147"/>
                    <a:pt x="13249" y="3140"/>
                  </a:cubicBezTo>
                  <a:lnTo>
                    <a:pt x="13249" y="3140"/>
                  </a:lnTo>
                  <a:lnTo>
                    <a:pt x="13207" y="3170"/>
                  </a:lnTo>
                  <a:lnTo>
                    <a:pt x="13207" y="3170"/>
                  </a:lnTo>
                  <a:lnTo>
                    <a:pt x="13163" y="3163"/>
                  </a:lnTo>
                  <a:cubicBezTo>
                    <a:pt x="13120" y="3178"/>
                    <a:pt x="13097" y="3203"/>
                    <a:pt x="13072" y="3203"/>
                  </a:cubicBezTo>
                  <a:cubicBezTo>
                    <a:pt x="13070" y="3203"/>
                    <a:pt x="13068" y="3203"/>
                    <a:pt x="13066" y="3202"/>
                  </a:cubicBezTo>
                  <a:cubicBezTo>
                    <a:pt x="13063" y="3202"/>
                    <a:pt x="13061" y="3203"/>
                    <a:pt x="13059" y="3203"/>
                  </a:cubicBezTo>
                  <a:cubicBezTo>
                    <a:pt x="13018" y="3203"/>
                    <a:pt x="13081" y="3171"/>
                    <a:pt x="13059" y="3171"/>
                  </a:cubicBezTo>
                  <a:cubicBezTo>
                    <a:pt x="13051" y="3171"/>
                    <a:pt x="13029" y="3175"/>
                    <a:pt x="12985" y="3188"/>
                  </a:cubicBezTo>
                  <a:cubicBezTo>
                    <a:pt x="12806" y="3237"/>
                    <a:pt x="12825" y="3269"/>
                    <a:pt x="12700" y="3295"/>
                  </a:cubicBezTo>
                  <a:cubicBezTo>
                    <a:pt x="12727" y="3295"/>
                    <a:pt x="12758" y="3290"/>
                    <a:pt x="12783" y="3281"/>
                  </a:cubicBezTo>
                  <a:lnTo>
                    <a:pt x="12783" y="3281"/>
                  </a:lnTo>
                  <a:cubicBezTo>
                    <a:pt x="12746" y="3302"/>
                    <a:pt x="12820" y="3293"/>
                    <a:pt x="12753" y="3318"/>
                  </a:cubicBezTo>
                  <a:cubicBezTo>
                    <a:pt x="12744" y="3318"/>
                    <a:pt x="12734" y="3317"/>
                    <a:pt x="12725" y="3317"/>
                  </a:cubicBezTo>
                  <a:cubicBezTo>
                    <a:pt x="12695" y="3317"/>
                    <a:pt x="12665" y="3320"/>
                    <a:pt x="12635" y="3327"/>
                  </a:cubicBezTo>
                  <a:cubicBezTo>
                    <a:pt x="12584" y="3337"/>
                    <a:pt x="12526" y="3351"/>
                    <a:pt x="12473" y="3360"/>
                  </a:cubicBezTo>
                  <a:cubicBezTo>
                    <a:pt x="12498" y="3344"/>
                    <a:pt x="12429" y="3346"/>
                    <a:pt x="12461" y="3332"/>
                  </a:cubicBezTo>
                  <a:lnTo>
                    <a:pt x="12461" y="3332"/>
                  </a:lnTo>
                  <a:cubicBezTo>
                    <a:pt x="12419" y="3341"/>
                    <a:pt x="12380" y="3353"/>
                    <a:pt x="12341" y="3371"/>
                  </a:cubicBezTo>
                  <a:cubicBezTo>
                    <a:pt x="12368" y="3368"/>
                    <a:pt x="12386" y="3367"/>
                    <a:pt x="12395" y="3367"/>
                  </a:cubicBezTo>
                  <a:cubicBezTo>
                    <a:pt x="12421" y="3367"/>
                    <a:pt x="12383" y="3377"/>
                    <a:pt x="12341" y="3388"/>
                  </a:cubicBezTo>
                  <a:cubicBezTo>
                    <a:pt x="12283" y="3402"/>
                    <a:pt x="12220" y="3418"/>
                    <a:pt x="12306" y="3418"/>
                  </a:cubicBezTo>
                  <a:cubicBezTo>
                    <a:pt x="12230" y="3429"/>
                    <a:pt x="12181" y="3432"/>
                    <a:pt x="12140" y="3432"/>
                  </a:cubicBezTo>
                  <a:cubicBezTo>
                    <a:pt x="12098" y="3432"/>
                    <a:pt x="12064" y="3429"/>
                    <a:pt x="12019" y="3429"/>
                  </a:cubicBezTo>
                  <a:cubicBezTo>
                    <a:pt x="12012" y="3429"/>
                    <a:pt x="12005" y="3429"/>
                    <a:pt x="11998" y="3429"/>
                  </a:cubicBezTo>
                  <a:cubicBezTo>
                    <a:pt x="12004" y="3423"/>
                    <a:pt x="12147" y="3398"/>
                    <a:pt x="12081" y="3398"/>
                  </a:cubicBezTo>
                  <a:cubicBezTo>
                    <a:pt x="12072" y="3398"/>
                    <a:pt x="12058" y="3398"/>
                    <a:pt x="12039" y="3399"/>
                  </a:cubicBezTo>
                  <a:cubicBezTo>
                    <a:pt x="11870" y="3443"/>
                    <a:pt x="12074" y="3427"/>
                    <a:pt x="11944" y="3469"/>
                  </a:cubicBezTo>
                  <a:lnTo>
                    <a:pt x="12053" y="3464"/>
                  </a:lnTo>
                  <a:lnTo>
                    <a:pt x="12053" y="3464"/>
                  </a:lnTo>
                  <a:cubicBezTo>
                    <a:pt x="12070" y="3490"/>
                    <a:pt x="11866" y="3492"/>
                    <a:pt x="11838" y="3503"/>
                  </a:cubicBezTo>
                  <a:cubicBezTo>
                    <a:pt x="11771" y="3503"/>
                    <a:pt x="11931" y="3485"/>
                    <a:pt x="11863" y="3473"/>
                  </a:cubicBezTo>
                  <a:lnTo>
                    <a:pt x="11863" y="3473"/>
                  </a:lnTo>
                  <a:cubicBezTo>
                    <a:pt x="11769" y="3478"/>
                    <a:pt x="11720" y="3499"/>
                    <a:pt x="11657" y="3499"/>
                  </a:cubicBezTo>
                  <a:cubicBezTo>
                    <a:pt x="11654" y="3499"/>
                    <a:pt x="11651" y="3499"/>
                    <a:pt x="11648" y="3499"/>
                  </a:cubicBezTo>
                  <a:cubicBezTo>
                    <a:pt x="11678" y="3483"/>
                    <a:pt x="11708" y="3471"/>
                    <a:pt x="11741" y="3459"/>
                  </a:cubicBezTo>
                  <a:lnTo>
                    <a:pt x="11741" y="3459"/>
                  </a:lnTo>
                  <a:cubicBezTo>
                    <a:pt x="11689" y="3465"/>
                    <a:pt x="11660" y="3467"/>
                    <a:pt x="11645" y="3467"/>
                  </a:cubicBezTo>
                  <a:cubicBezTo>
                    <a:pt x="11596" y="3467"/>
                    <a:pt x="11690" y="3445"/>
                    <a:pt x="11600" y="3445"/>
                  </a:cubicBezTo>
                  <a:cubicBezTo>
                    <a:pt x="11591" y="3445"/>
                    <a:pt x="11580" y="3445"/>
                    <a:pt x="11567" y="3446"/>
                  </a:cubicBezTo>
                  <a:cubicBezTo>
                    <a:pt x="11509" y="3455"/>
                    <a:pt x="11548" y="3466"/>
                    <a:pt x="11456" y="3473"/>
                  </a:cubicBezTo>
                  <a:cubicBezTo>
                    <a:pt x="11489" y="3482"/>
                    <a:pt x="11500" y="3487"/>
                    <a:pt x="11535" y="3487"/>
                  </a:cubicBezTo>
                  <a:cubicBezTo>
                    <a:pt x="11559" y="3487"/>
                    <a:pt x="11594" y="3485"/>
                    <a:pt x="11655" y="3478"/>
                  </a:cubicBezTo>
                  <a:lnTo>
                    <a:pt x="11655" y="3478"/>
                  </a:lnTo>
                  <a:cubicBezTo>
                    <a:pt x="11606" y="3513"/>
                    <a:pt x="11458" y="3492"/>
                    <a:pt x="11354" y="3520"/>
                  </a:cubicBezTo>
                  <a:cubicBezTo>
                    <a:pt x="11393" y="3520"/>
                    <a:pt x="11433" y="3517"/>
                    <a:pt x="11472" y="3510"/>
                  </a:cubicBezTo>
                  <a:lnTo>
                    <a:pt x="11472" y="3510"/>
                  </a:lnTo>
                  <a:cubicBezTo>
                    <a:pt x="11486" y="3531"/>
                    <a:pt x="11521" y="3531"/>
                    <a:pt x="11440" y="3564"/>
                  </a:cubicBezTo>
                  <a:cubicBezTo>
                    <a:pt x="11537" y="3547"/>
                    <a:pt x="11576" y="3517"/>
                    <a:pt x="11717" y="3508"/>
                  </a:cubicBezTo>
                  <a:lnTo>
                    <a:pt x="11717" y="3508"/>
                  </a:lnTo>
                  <a:cubicBezTo>
                    <a:pt x="11757" y="3529"/>
                    <a:pt x="11548" y="3545"/>
                    <a:pt x="11548" y="3578"/>
                  </a:cubicBezTo>
                  <a:cubicBezTo>
                    <a:pt x="11499" y="3595"/>
                    <a:pt x="11393" y="3600"/>
                    <a:pt x="11309" y="3600"/>
                  </a:cubicBezTo>
                  <a:cubicBezTo>
                    <a:pt x="11279" y="3600"/>
                    <a:pt x="11252" y="3600"/>
                    <a:pt x="11231" y="3598"/>
                  </a:cubicBezTo>
                  <a:cubicBezTo>
                    <a:pt x="11097" y="3633"/>
                    <a:pt x="10930" y="3647"/>
                    <a:pt x="10828" y="3686"/>
                  </a:cubicBezTo>
                  <a:cubicBezTo>
                    <a:pt x="10752" y="3691"/>
                    <a:pt x="10673" y="3698"/>
                    <a:pt x="10596" y="3712"/>
                  </a:cubicBezTo>
                  <a:cubicBezTo>
                    <a:pt x="10499" y="3726"/>
                    <a:pt x="10399" y="3735"/>
                    <a:pt x="10300" y="3740"/>
                  </a:cubicBezTo>
                  <a:cubicBezTo>
                    <a:pt x="10292" y="3737"/>
                    <a:pt x="10272" y="3736"/>
                    <a:pt x="10250" y="3736"/>
                  </a:cubicBezTo>
                  <a:cubicBezTo>
                    <a:pt x="10224" y="3736"/>
                    <a:pt x="10195" y="3737"/>
                    <a:pt x="10174" y="3737"/>
                  </a:cubicBezTo>
                  <a:cubicBezTo>
                    <a:pt x="10148" y="3737"/>
                    <a:pt x="10137" y="3735"/>
                    <a:pt x="10170" y="3727"/>
                  </a:cubicBezTo>
                  <a:lnTo>
                    <a:pt x="10170" y="3727"/>
                  </a:lnTo>
                  <a:cubicBezTo>
                    <a:pt x="10128" y="3734"/>
                    <a:pt x="10020" y="3746"/>
                    <a:pt x="10054" y="3754"/>
                  </a:cubicBezTo>
                  <a:cubicBezTo>
                    <a:pt x="10077" y="3749"/>
                    <a:pt x="10101" y="3747"/>
                    <a:pt x="10121" y="3747"/>
                  </a:cubicBezTo>
                  <a:lnTo>
                    <a:pt x="10094" y="3768"/>
                  </a:lnTo>
                  <a:cubicBezTo>
                    <a:pt x="10090" y="3767"/>
                    <a:pt x="10086" y="3767"/>
                    <a:pt x="10083" y="3767"/>
                  </a:cubicBezTo>
                  <a:cubicBezTo>
                    <a:pt x="10002" y="3767"/>
                    <a:pt x="9915" y="3789"/>
                    <a:pt x="9838" y="3789"/>
                  </a:cubicBezTo>
                  <a:cubicBezTo>
                    <a:pt x="9831" y="3789"/>
                    <a:pt x="9825" y="3789"/>
                    <a:pt x="9818" y="3788"/>
                  </a:cubicBezTo>
                  <a:cubicBezTo>
                    <a:pt x="9788" y="3777"/>
                    <a:pt x="9978" y="3770"/>
                    <a:pt x="9920" y="3756"/>
                  </a:cubicBezTo>
                  <a:lnTo>
                    <a:pt x="9920" y="3756"/>
                  </a:lnTo>
                  <a:cubicBezTo>
                    <a:pt x="9847" y="3785"/>
                    <a:pt x="9571" y="3810"/>
                    <a:pt x="9435" y="3810"/>
                  </a:cubicBezTo>
                  <a:cubicBezTo>
                    <a:pt x="9419" y="3810"/>
                    <a:pt x="9405" y="3810"/>
                    <a:pt x="9394" y="3809"/>
                  </a:cubicBezTo>
                  <a:cubicBezTo>
                    <a:pt x="9322" y="3807"/>
                    <a:pt x="9313" y="3786"/>
                    <a:pt x="9283" y="3784"/>
                  </a:cubicBezTo>
                  <a:lnTo>
                    <a:pt x="9162" y="3788"/>
                  </a:lnTo>
                  <a:cubicBezTo>
                    <a:pt x="9149" y="3781"/>
                    <a:pt x="9146" y="3774"/>
                    <a:pt x="9123" y="3765"/>
                  </a:cubicBezTo>
                  <a:cubicBezTo>
                    <a:pt x="9115" y="3765"/>
                    <a:pt x="9106" y="3765"/>
                    <a:pt x="9098" y="3765"/>
                  </a:cubicBezTo>
                  <a:cubicBezTo>
                    <a:pt x="9060" y="3765"/>
                    <a:pt x="9024" y="3768"/>
                    <a:pt x="8986" y="3772"/>
                  </a:cubicBezTo>
                  <a:cubicBezTo>
                    <a:pt x="8829" y="3761"/>
                    <a:pt x="8915" y="3742"/>
                    <a:pt x="8993" y="3726"/>
                  </a:cubicBezTo>
                  <a:lnTo>
                    <a:pt x="9081" y="3735"/>
                  </a:lnTo>
                  <a:cubicBezTo>
                    <a:pt x="9146" y="3723"/>
                    <a:pt x="9239" y="3723"/>
                    <a:pt x="9186" y="3705"/>
                  </a:cubicBezTo>
                  <a:cubicBezTo>
                    <a:pt x="9165" y="3705"/>
                    <a:pt x="9144" y="3712"/>
                    <a:pt x="9128" y="3721"/>
                  </a:cubicBezTo>
                  <a:cubicBezTo>
                    <a:pt x="9109" y="3719"/>
                    <a:pt x="9093" y="3714"/>
                    <a:pt x="9074" y="3712"/>
                  </a:cubicBezTo>
                  <a:cubicBezTo>
                    <a:pt x="9023" y="3721"/>
                    <a:pt x="8878" y="3726"/>
                    <a:pt x="8894" y="3740"/>
                  </a:cubicBezTo>
                  <a:cubicBezTo>
                    <a:pt x="8840" y="3735"/>
                    <a:pt x="8783" y="3737"/>
                    <a:pt x="8727" y="3735"/>
                  </a:cubicBezTo>
                  <a:cubicBezTo>
                    <a:pt x="8718" y="3735"/>
                    <a:pt x="8709" y="3736"/>
                    <a:pt x="8700" y="3736"/>
                  </a:cubicBezTo>
                  <a:cubicBezTo>
                    <a:pt x="8657" y="3736"/>
                    <a:pt x="8614" y="3732"/>
                    <a:pt x="8572" y="3726"/>
                  </a:cubicBezTo>
                  <a:lnTo>
                    <a:pt x="8572" y="3726"/>
                  </a:lnTo>
                  <a:cubicBezTo>
                    <a:pt x="8637" y="3737"/>
                    <a:pt x="8553" y="3742"/>
                    <a:pt x="8572" y="3756"/>
                  </a:cubicBezTo>
                  <a:lnTo>
                    <a:pt x="8685" y="3763"/>
                  </a:lnTo>
                  <a:cubicBezTo>
                    <a:pt x="8631" y="3763"/>
                    <a:pt x="8563" y="3767"/>
                    <a:pt x="8500" y="3767"/>
                  </a:cubicBezTo>
                  <a:cubicBezTo>
                    <a:pt x="8455" y="3767"/>
                    <a:pt x="8412" y="3765"/>
                    <a:pt x="8377" y="3758"/>
                  </a:cubicBezTo>
                  <a:cubicBezTo>
                    <a:pt x="8389" y="3751"/>
                    <a:pt x="8391" y="3747"/>
                    <a:pt x="8347" y="3735"/>
                  </a:cubicBezTo>
                  <a:lnTo>
                    <a:pt x="8347" y="3735"/>
                  </a:lnTo>
                  <a:cubicBezTo>
                    <a:pt x="8407" y="3751"/>
                    <a:pt x="8190" y="3744"/>
                    <a:pt x="8319" y="3768"/>
                  </a:cubicBezTo>
                  <a:cubicBezTo>
                    <a:pt x="8344" y="3766"/>
                    <a:pt x="8367" y="3766"/>
                    <a:pt x="8393" y="3766"/>
                  </a:cubicBezTo>
                  <a:cubicBezTo>
                    <a:pt x="8418" y="3766"/>
                    <a:pt x="8445" y="3766"/>
                    <a:pt x="8477" y="3768"/>
                  </a:cubicBezTo>
                  <a:cubicBezTo>
                    <a:pt x="8518" y="3788"/>
                    <a:pt x="8419" y="3791"/>
                    <a:pt x="8361" y="3800"/>
                  </a:cubicBezTo>
                  <a:lnTo>
                    <a:pt x="8057" y="3800"/>
                  </a:lnTo>
                  <a:cubicBezTo>
                    <a:pt x="8004" y="3791"/>
                    <a:pt x="7986" y="3769"/>
                    <a:pt x="7905" y="3769"/>
                  </a:cubicBezTo>
                  <a:cubicBezTo>
                    <a:pt x="7898" y="3769"/>
                    <a:pt x="7890" y="3769"/>
                    <a:pt x="7881" y="3770"/>
                  </a:cubicBezTo>
                  <a:cubicBezTo>
                    <a:pt x="8009" y="3802"/>
                    <a:pt x="7756" y="3793"/>
                    <a:pt x="7719" y="3809"/>
                  </a:cubicBezTo>
                  <a:cubicBezTo>
                    <a:pt x="7624" y="3788"/>
                    <a:pt x="7559" y="3807"/>
                    <a:pt x="7483" y="3781"/>
                  </a:cubicBezTo>
                  <a:cubicBezTo>
                    <a:pt x="7485" y="3781"/>
                    <a:pt x="7488" y="3781"/>
                    <a:pt x="7492" y="3781"/>
                  </a:cubicBezTo>
                  <a:cubicBezTo>
                    <a:pt x="7531" y="3781"/>
                    <a:pt x="7622" y="3791"/>
                    <a:pt x="7678" y="3791"/>
                  </a:cubicBezTo>
                  <a:cubicBezTo>
                    <a:pt x="7693" y="3791"/>
                    <a:pt x="7706" y="3790"/>
                    <a:pt x="7715" y="3788"/>
                  </a:cubicBezTo>
                  <a:cubicBezTo>
                    <a:pt x="7717" y="3781"/>
                    <a:pt x="7710" y="3770"/>
                    <a:pt x="7722" y="3763"/>
                  </a:cubicBezTo>
                  <a:cubicBezTo>
                    <a:pt x="7729" y="3755"/>
                    <a:pt x="7750" y="3751"/>
                    <a:pt x="7800" y="3751"/>
                  </a:cubicBezTo>
                  <a:cubicBezTo>
                    <a:pt x="7810" y="3751"/>
                    <a:pt x="7822" y="3751"/>
                    <a:pt x="7835" y="3751"/>
                  </a:cubicBezTo>
                  <a:cubicBezTo>
                    <a:pt x="7791" y="3747"/>
                    <a:pt x="7761" y="3744"/>
                    <a:pt x="7742" y="3742"/>
                  </a:cubicBezTo>
                  <a:cubicBezTo>
                    <a:pt x="7736" y="3741"/>
                    <a:pt x="7729" y="3740"/>
                    <a:pt x="7723" y="3740"/>
                  </a:cubicBezTo>
                  <a:cubicBezTo>
                    <a:pt x="7717" y="3740"/>
                    <a:pt x="7711" y="3741"/>
                    <a:pt x="7705" y="3742"/>
                  </a:cubicBezTo>
                  <a:cubicBezTo>
                    <a:pt x="7691" y="3747"/>
                    <a:pt x="7676" y="3750"/>
                    <a:pt x="7662" y="3750"/>
                  </a:cubicBezTo>
                  <a:cubicBezTo>
                    <a:pt x="7658" y="3750"/>
                    <a:pt x="7654" y="3750"/>
                    <a:pt x="7650" y="3749"/>
                  </a:cubicBezTo>
                  <a:lnTo>
                    <a:pt x="7650" y="3749"/>
                  </a:lnTo>
                  <a:lnTo>
                    <a:pt x="7708" y="3756"/>
                  </a:lnTo>
                  <a:cubicBezTo>
                    <a:pt x="7683" y="3758"/>
                    <a:pt x="7719" y="3771"/>
                    <a:pt x="7693" y="3771"/>
                  </a:cubicBezTo>
                  <a:cubicBezTo>
                    <a:pt x="7689" y="3771"/>
                    <a:pt x="7684" y="3770"/>
                    <a:pt x="7678" y="3770"/>
                  </a:cubicBezTo>
                  <a:cubicBezTo>
                    <a:pt x="7548" y="3751"/>
                    <a:pt x="7420" y="3721"/>
                    <a:pt x="7298" y="3675"/>
                  </a:cubicBezTo>
                  <a:lnTo>
                    <a:pt x="7298" y="3675"/>
                  </a:lnTo>
                  <a:cubicBezTo>
                    <a:pt x="7316" y="3685"/>
                    <a:pt x="7295" y="3689"/>
                    <a:pt x="7269" y="3689"/>
                  </a:cubicBezTo>
                  <a:cubicBezTo>
                    <a:pt x="7255" y="3689"/>
                    <a:pt x="7239" y="3688"/>
                    <a:pt x="7228" y="3686"/>
                  </a:cubicBezTo>
                  <a:cubicBezTo>
                    <a:pt x="7096" y="3649"/>
                    <a:pt x="7235" y="3654"/>
                    <a:pt x="7156" y="3619"/>
                  </a:cubicBezTo>
                  <a:lnTo>
                    <a:pt x="7156" y="3619"/>
                  </a:lnTo>
                  <a:cubicBezTo>
                    <a:pt x="7150" y="3620"/>
                    <a:pt x="7143" y="3620"/>
                    <a:pt x="7136" y="3620"/>
                  </a:cubicBezTo>
                  <a:cubicBezTo>
                    <a:pt x="7103" y="3620"/>
                    <a:pt x="7061" y="3612"/>
                    <a:pt x="7047" y="3612"/>
                  </a:cubicBezTo>
                  <a:cubicBezTo>
                    <a:pt x="7040" y="3612"/>
                    <a:pt x="7039" y="3614"/>
                    <a:pt x="7048" y="3619"/>
                  </a:cubicBezTo>
                  <a:cubicBezTo>
                    <a:pt x="6994" y="3608"/>
                    <a:pt x="7022" y="3608"/>
                    <a:pt x="6985" y="3596"/>
                  </a:cubicBezTo>
                  <a:cubicBezTo>
                    <a:pt x="6973" y="3597"/>
                    <a:pt x="6961" y="3598"/>
                    <a:pt x="6948" y="3598"/>
                  </a:cubicBezTo>
                  <a:cubicBezTo>
                    <a:pt x="6911" y="3598"/>
                    <a:pt x="6873" y="3593"/>
                    <a:pt x="6834" y="3582"/>
                  </a:cubicBezTo>
                  <a:cubicBezTo>
                    <a:pt x="6839" y="3580"/>
                    <a:pt x="6844" y="3577"/>
                    <a:pt x="6857" y="3577"/>
                  </a:cubicBezTo>
                  <a:cubicBezTo>
                    <a:pt x="6870" y="3577"/>
                    <a:pt x="6890" y="3580"/>
                    <a:pt x="6925" y="3589"/>
                  </a:cubicBezTo>
                  <a:cubicBezTo>
                    <a:pt x="6848" y="3566"/>
                    <a:pt x="6825" y="3538"/>
                    <a:pt x="6860" y="3534"/>
                  </a:cubicBezTo>
                  <a:lnTo>
                    <a:pt x="6860" y="3534"/>
                  </a:lnTo>
                  <a:lnTo>
                    <a:pt x="6985" y="3571"/>
                  </a:lnTo>
                  <a:cubicBezTo>
                    <a:pt x="7048" y="3568"/>
                    <a:pt x="6869" y="3538"/>
                    <a:pt x="6876" y="3524"/>
                  </a:cubicBezTo>
                  <a:lnTo>
                    <a:pt x="6876" y="3524"/>
                  </a:lnTo>
                  <a:cubicBezTo>
                    <a:pt x="6934" y="3534"/>
                    <a:pt x="6973" y="3552"/>
                    <a:pt x="7010" y="3554"/>
                  </a:cubicBezTo>
                  <a:cubicBezTo>
                    <a:pt x="6978" y="3531"/>
                    <a:pt x="6865" y="3524"/>
                    <a:pt x="6800" y="3510"/>
                  </a:cubicBezTo>
                  <a:cubicBezTo>
                    <a:pt x="6700" y="3483"/>
                    <a:pt x="6742" y="3478"/>
                    <a:pt x="6742" y="3469"/>
                  </a:cubicBezTo>
                  <a:cubicBezTo>
                    <a:pt x="6726" y="3467"/>
                    <a:pt x="6715" y="3466"/>
                    <a:pt x="6707" y="3466"/>
                  </a:cubicBezTo>
                  <a:cubicBezTo>
                    <a:pt x="6673" y="3466"/>
                    <a:pt x="6711" y="3482"/>
                    <a:pt x="6751" y="3499"/>
                  </a:cubicBezTo>
                  <a:cubicBezTo>
                    <a:pt x="6774" y="3508"/>
                    <a:pt x="6800" y="3517"/>
                    <a:pt x="6809" y="3524"/>
                  </a:cubicBezTo>
                  <a:cubicBezTo>
                    <a:pt x="6814" y="3528"/>
                    <a:pt x="6812" y="3531"/>
                    <a:pt x="6795" y="3531"/>
                  </a:cubicBezTo>
                  <a:cubicBezTo>
                    <a:pt x="6789" y="3531"/>
                    <a:pt x="6779" y="3530"/>
                    <a:pt x="6767" y="3529"/>
                  </a:cubicBezTo>
                  <a:cubicBezTo>
                    <a:pt x="6766" y="3529"/>
                    <a:pt x="6764" y="3529"/>
                    <a:pt x="6762" y="3529"/>
                  </a:cubicBezTo>
                  <a:cubicBezTo>
                    <a:pt x="6695" y="3529"/>
                    <a:pt x="6547" y="3487"/>
                    <a:pt x="6443" y="3462"/>
                  </a:cubicBezTo>
                  <a:lnTo>
                    <a:pt x="6443" y="3462"/>
                  </a:lnTo>
                  <a:cubicBezTo>
                    <a:pt x="6480" y="3482"/>
                    <a:pt x="6480" y="3490"/>
                    <a:pt x="6461" y="3490"/>
                  </a:cubicBezTo>
                  <a:cubicBezTo>
                    <a:pt x="6459" y="3490"/>
                    <a:pt x="6456" y="3490"/>
                    <a:pt x="6452" y="3490"/>
                  </a:cubicBezTo>
                  <a:cubicBezTo>
                    <a:pt x="6404" y="3483"/>
                    <a:pt x="6357" y="3473"/>
                    <a:pt x="6311" y="3459"/>
                  </a:cubicBezTo>
                  <a:lnTo>
                    <a:pt x="6311" y="3459"/>
                  </a:lnTo>
                  <a:cubicBezTo>
                    <a:pt x="6383" y="3483"/>
                    <a:pt x="6390" y="3492"/>
                    <a:pt x="6401" y="3501"/>
                  </a:cubicBezTo>
                  <a:cubicBezTo>
                    <a:pt x="6413" y="3508"/>
                    <a:pt x="6427" y="3517"/>
                    <a:pt x="6515" y="3531"/>
                  </a:cubicBezTo>
                  <a:lnTo>
                    <a:pt x="6515" y="3550"/>
                  </a:lnTo>
                  <a:cubicBezTo>
                    <a:pt x="6441" y="3531"/>
                    <a:pt x="6360" y="3496"/>
                    <a:pt x="6288" y="3473"/>
                  </a:cubicBezTo>
                  <a:cubicBezTo>
                    <a:pt x="6301" y="3473"/>
                    <a:pt x="6293" y="3467"/>
                    <a:pt x="6302" y="3467"/>
                  </a:cubicBezTo>
                  <a:cubicBezTo>
                    <a:pt x="6305" y="3467"/>
                    <a:pt x="6308" y="3468"/>
                    <a:pt x="6313" y="3469"/>
                  </a:cubicBezTo>
                  <a:cubicBezTo>
                    <a:pt x="6241" y="3448"/>
                    <a:pt x="6167" y="3429"/>
                    <a:pt x="6098" y="3406"/>
                  </a:cubicBezTo>
                  <a:lnTo>
                    <a:pt x="6121" y="3404"/>
                  </a:lnTo>
                  <a:cubicBezTo>
                    <a:pt x="6058" y="3378"/>
                    <a:pt x="5987" y="3351"/>
                    <a:pt x="5922" y="3323"/>
                  </a:cubicBezTo>
                  <a:cubicBezTo>
                    <a:pt x="5859" y="3293"/>
                    <a:pt x="5801" y="3269"/>
                    <a:pt x="5762" y="3256"/>
                  </a:cubicBezTo>
                  <a:lnTo>
                    <a:pt x="5762" y="3256"/>
                  </a:lnTo>
                  <a:cubicBezTo>
                    <a:pt x="5809" y="3276"/>
                    <a:pt x="5849" y="3301"/>
                    <a:pt x="5832" y="3301"/>
                  </a:cubicBezTo>
                  <a:cubicBezTo>
                    <a:pt x="5827" y="3301"/>
                    <a:pt x="5818" y="3299"/>
                    <a:pt x="5804" y="3295"/>
                  </a:cubicBezTo>
                  <a:cubicBezTo>
                    <a:pt x="5746" y="3281"/>
                    <a:pt x="5690" y="3263"/>
                    <a:pt x="5637" y="3237"/>
                  </a:cubicBezTo>
                  <a:cubicBezTo>
                    <a:pt x="5616" y="3212"/>
                    <a:pt x="5466" y="3140"/>
                    <a:pt x="5495" y="3140"/>
                  </a:cubicBezTo>
                  <a:cubicBezTo>
                    <a:pt x="5502" y="3140"/>
                    <a:pt x="5516" y="3144"/>
                    <a:pt x="5542" y="3151"/>
                  </a:cubicBezTo>
                  <a:cubicBezTo>
                    <a:pt x="5451" y="3117"/>
                    <a:pt x="5421" y="3105"/>
                    <a:pt x="5394" y="3096"/>
                  </a:cubicBezTo>
                  <a:cubicBezTo>
                    <a:pt x="5366" y="3086"/>
                    <a:pt x="5338" y="3077"/>
                    <a:pt x="5252" y="3042"/>
                  </a:cubicBezTo>
                  <a:lnTo>
                    <a:pt x="5252" y="3042"/>
                  </a:lnTo>
                  <a:cubicBezTo>
                    <a:pt x="5289" y="3059"/>
                    <a:pt x="5329" y="3075"/>
                    <a:pt x="5366" y="3091"/>
                  </a:cubicBezTo>
                  <a:cubicBezTo>
                    <a:pt x="5373" y="3112"/>
                    <a:pt x="5268" y="3091"/>
                    <a:pt x="5373" y="3151"/>
                  </a:cubicBezTo>
                  <a:cubicBezTo>
                    <a:pt x="5241" y="3098"/>
                    <a:pt x="5310" y="3163"/>
                    <a:pt x="5139" y="3080"/>
                  </a:cubicBezTo>
                  <a:cubicBezTo>
                    <a:pt x="5116" y="3065"/>
                    <a:pt x="5114" y="3058"/>
                    <a:pt x="5126" y="3058"/>
                  </a:cubicBezTo>
                  <a:cubicBezTo>
                    <a:pt x="5146" y="3058"/>
                    <a:pt x="5208" y="3079"/>
                    <a:pt x="5271" y="3107"/>
                  </a:cubicBezTo>
                  <a:cubicBezTo>
                    <a:pt x="5227" y="3080"/>
                    <a:pt x="5178" y="3056"/>
                    <a:pt x="5129" y="3038"/>
                  </a:cubicBezTo>
                  <a:cubicBezTo>
                    <a:pt x="5123" y="3031"/>
                    <a:pt x="5125" y="3029"/>
                    <a:pt x="5130" y="3029"/>
                  </a:cubicBezTo>
                  <a:cubicBezTo>
                    <a:pt x="5138" y="3029"/>
                    <a:pt x="5153" y="3033"/>
                    <a:pt x="5169" y="3038"/>
                  </a:cubicBezTo>
                  <a:lnTo>
                    <a:pt x="5169" y="3038"/>
                  </a:lnTo>
                  <a:cubicBezTo>
                    <a:pt x="5163" y="3036"/>
                    <a:pt x="5154" y="3032"/>
                    <a:pt x="5141" y="3026"/>
                  </a:cubicBezTo>
                  <a:cubicBezTo>
                    <a:pt x="4991" y="2968"/>
                    <a:pt x="5062" y="2957"/>
                    <a:pt x="4921" y="2894"/>
                  </a:cubicBezTo>
                  <a:lnTo>
                    <a:pt x="4921" y="2894"/>
                  </a:lnTo>
                  <a:cubicBezTo>
                    <a:pt x="4946" y="2908"/>
                    <a:pt x="4985" y="2932"/>
                    <a:pt x="4975" y="2932"/>
                  </a:cubicBezTo>
                  <a:cubicBezTo>
                    <a:pt x="4973" y="2932"/>
                    <a:pt x="4969" y="2931"/>
                    <a:pt x="4963" y="2929"/>
                  </a:cubicBezTo>
                  <a:cubicBezTo>
                    <a:pt x="4782" y="2829"/>
                    <a:pt x="4854" y="2887"/>
                    <a:pt x="4719" y="2820"/>
                  </a:cubicBezTo>
                  <a:cubicBezTo>
                    <a:pt x="4659" y="2760"/>
                    <a:pt x="4701" y="2758"/>
                    <a:pt x="4587" y="2683"/>
                  </a:cubicBezTo>
                  <a:lnTo>
                    <a:pt x="4587" y="2683"/>
                  </a:lnTo>
                  <a:lnTo>
                    <a:pt x="4652" y="2723"/>
                  </a:lnTo>
                  <a:cubicBezTo>
                    <a:pt x="4611" y="2686"/>
                    <a:pt x="4567" y="2653"/>
                    <a:pt x="4518" y="2623"/>
                  </a:cubicBezTo>
                  <a:cubicBezTo>
                    <a:pt x="4265" y="2496"/>
                    <a:pt x="4052" y="2401"/>
                    <a:pt x="3798" y="2260"/>
                  </a:cubicBezTo>
                  <a:lnTo>
                    <a:pt x="3798" y="2260"/>
                  </a:lnTo>
                  <a:lnTo>
                    <a:pt x="3888" y="2310"/>
                  </a:lnTo>
                  <a:cubicBezTo>
                    <a:pt x="3892" y="2315"/>
                    <a:pt x="3893" y="2316"/>
                    <a:pt x="3891" y="2316"/>
                  </a:cubicBezTo>
                  <a:cubicBezTo>
                    <a:pt x="3882" y="2316"/>
                    <a:pt x="3817" y="2278"/>
                    <a:pt x="3808" y="2278"/>
                  </a:cubicBezTo>
                  <a:cubicBezTo>
                    <a:pt x="3807" y="2278"/>
                    <a:pt x="3807" y="2278"/>
                    <a:pt x="3807" y="2278"/>
                  </a:cubicBezTo>
                  <a:lnTo>
                    <a:pt x="3758" y="2236"/>
                  </a:lnTo>
                  <a:lnTo>
                    <a:pt x="3758" y="2236"/>
                  </a:lnTo>
                  <a:cubicBezTo>
                    <a:pt x="3736" y="2239"/>
                    <a:pt x="3864" y="2320"/>
                    <a:pt x="3836" y="2320"/>
                  </a:cubicBezTo>
                  <a:cubicBezTo>
                    <a:pt x="3835" y="2320"/>
                    <a:pt x="3834" y="2320"/>
                    <a:pt x="3832" y="2320"/>
                  </a:cubicBezTo>
                  <a:cubicBezTo>
                    <a:pt x="3821" y="2310"/>
                    <a:pt x="3809" y="2304"/>
                    <a:pt x="3795" y="2297"/>
                  </a:cubicBezTo>
                  <a:lnTo>
                    <a:pt x="3795" y="2297"/>
                  </a:lnTo>
                  <a:lnTo>
                    <a:pt x="3844" y="2331"/>
                  </a:lnTo>
                  <a:cubicBezTo>
                    <a:pt x="3733" y="2255"/>
                    <a:pt x="3626" y="2220"/>
                    <a:pt x="3554" y="2144"/>
                  </a:cubicBezTo>
                  <a:lnTo>
                    <a:pt x="3554" y="2144"/>
                  </a:lnTo>
                  <a:cubicBezTo>
                    <a:pt x="3637" y="2196"/>
                    <a:pt x="3667" y="2207"/>
                    <a:pt x="3683" y="2207"/>
                  </a:cubicBezTo>
                  <a:cubicBezTo>
                    <a:pt x="3695" y="2207"/>
                    <a:pt x="3699" y="2201"/>
                    <a:pt x="3711" y="2201"/>
                  </a:cubicBezTo>
                  <a:cubicBezTo>
                    <a:pt x="3726" y="2201"/>
                    <a:pt x="3753" y="2210"/>
                    <a:pt x="3822" y="2251"/>
                  </a:cubicBezTo>
                  <a:lnTo>
                    <a:pt x="3822" y="2251"/>
                  </a:lnTo>
                  <a:cubicBezTo>
                    <a:pt x="3776" y="2223"/>
                    <a:pt x="3776" y="2217"/>
                    <a:pt x="3787" y="2217"/>
                  </a:cubicBezTo>
                  <a:cubicBezTo>
                    <a:pt x="3795" y="2217"/>
                    <a:pt x="3809" y="2220"/>
                    <a:pt x="3815" y="2220"/>
                  </a:cubicBezTo>
                  <a:cubicBezTo>
                    <a:pt x="3818" y="2220"/>
                    <a:pt x="3819" y="2220"/>
                    <a:pt x="3818" y="2218"/>
                  </a:cubicBezTo>
                  <a:cubicBezTo>
                    <a:pt x="3760" y="2176"/>
                    <a:pt x="3781" y="2209"/>
                    <a:pt x="3716" y="2160"/>
                  </a:cubicBezTo>
                  <a:cubicBezTo>
                    <a:pt x="3717" y="2159"/>
                    <a:pt x="3718" y="2159"/>
                    <a:pt x="3719" y="2159"/>
                  </a:cubicBezTo>
                  <a:cubicBezTo>
                    <a:pt x="3734" y="2159"/>
                    <a:pt x="3816" y="2203"/>
                    <a:pt x="3829" y="2203"/>
                  </a:cubicBezTo>
                  <a:cubicBezTo>
                    <a:pt x="3832" y="2203"/>
                    <a:pt x="3830" y="2199"/>
                    <a:pt x="3816" y="2188"/>
                  </a:cubicBezTo>
                  <a:cubicBezTo>
                    <a:pt x="3814" y="2189"/>
                    <a:pt x="3812" y="2189"/>
                    <a:pt x="3809" y="2189"/>
                  </a:cubicBezTo>
                  <a:cubicBezTo>
                    <a:pt x="3786" y="2189"/>
                    <a:pt x="3736" y="2154"/>
                    <a:pt x="3703" y="2146"/>
                  </a:cubicBezTo>
                  <a:cubicBezTo>
                    <a:pt x="3678" y="2129"/>
                    <a:pt x="3680" y="2127"/>
                    <a:pt x="3685" y="2127"/>
                  </a:cubicBezTo>
                  <a:cubicBezTo>
                    <a:pt x="3687" y="2127"/>
                    <a:pt x="3688" y="2127"/>
                    <a:pt x="3690" y="2127"/>
                  </a:cubicBezTo>
                  <a:cubicBezTo>
                    <a:pt x="3694" y="2127"/>
                    <a:pt x="3698" y="2126"/>
                    <a:pt x="3691" y="2118"/>
                  </a:cubicBezTo>
                  <a:cubicBezTo>
                    <a:pt x="3666" y="2107"/>
                    <a:pt x="3642" y="2093"/>
                    <a:pt x="3619" y="2079"/>
                  </a:cubicBezTo>
                  <a:lnTo>
                    <a:pt x="3619" y="2079"/>
                  </a:lnTo>
                  <a:lnTo>
                    <a:pt x="3642" y="2081"/>
                  </a:lnTo>
                  <a:cubicBezTo>
                    <a:pt x="3513" y="1977"/>
                    <a:pt x="3591" y="2067"/>
                    <a:pt x="3434" y="1961"/>
                  </a:cubicBezTo>
                  <a:lnTo>
                    <a:pt x="3434" y="1961"/>
                  </a:lnTo>
                  <a:cubicBezTo>
                    <a:pt x="3422" y="1970"/>
                    <a:pt x="3473" y="1998"/>
                    <a:pt x="3540" y="2039"/>
                  </a:cubicBezTo>
                  <a:cubicBezTo>
                    <a:pt x="3543" y="2046"/>
                    <a:pt x="3540" y="2049"/>
                    <a:pt x="3533" y="2049"/>
                  </a:cubicBezTo>
                  <a:cubicBezTo>
                    <a:pt x="3499" y="2049"/>
                    <a:pt x="3361" y="1968"/>
                    <a:pt x="3320" y="1968"/>
                  </a:cubicBezTo>
                  <a:cubicBezTo>
                    <a:pt x="3314" y="1968"/>
                    <a:pt x="3310" y="1970"/>
                    <a:pt x="3309" y="1975"/>
                  </a:cubicBezTo>
                  <a:cubicBezTo>
                    <a:pt x="3253" y="1941"/>
                    <a:pt x="3244" y="1933"/>
                    <a:pt x="3250" y="1933"/>
                  </a:cubicBezTo>
                  <a:cubicBezTo>
                    <a:pt x="3254" y="1933"/>
                    <a:pt x="3266" y="1938"/>
                    <a:pt x="3272" y="1938"/>
                  </a:cubicBezTo>
                  <a:cubicBezTo>
                    <a:pt x="3280" y="1938"/>
                    <a:pt x="3277" y="1931"/>
                    <a:pt x="3232" y="1898"/>
                  </a:cubicBezTo>
                  <a:cubicBezTo>
                    <a:pt x="3219" y="1883"/>
                    <a:pt x="3218" y="1877"/>
                    <a:pt x="3224" y="1877"/>
                  </a:cubicBezTo>
                  <a:cubicBezTo>
                    <a:pt x="3245" y="1877"/>
                    <a:pt x="3350" y="1941"/>
                    <a:pt x="3381" y="1947"/>
                  </a:cubicBezTo>
                  <a:lnTo>
                    <a:pt x="3255" y="1849"/>
                  </a:lnTo>
                  <a:lnTo>
                    <a:pt x="3255" y="1849"/>
                  </a:lnTo>
                  <a:cubicBezTo>
                    <a:pt x="3313" y="1854"/>
                    <a:pt x="3389" y="1910"/>
                    <a:pt x="3427" y="1910"/>
                  </a:cubicBezTo>
                  <a:cubicBezTo>
                    <a:pt x="3429" y="1910"/>
                    <a:pt x="3430" y="1910"/>
                    <a:pt x="3432" y="1910"/>
                  </a:cubicBezTo>
                  <a:cubicBezTo>
                    <a:pt x="3332" y="1843"/>
                    <a:pt x="3341" y="1856"/>
                    <a:pt x="3235" y="1801"/>
                  </a:cubicBezTo>
                  <a:lnTo>
                    <a:pt x="3235" y="1801"/>
                  </a:lnTo>
                  <a:cubicBezTo>
                    <a:pt x="3282" y="1839"/>
                    <a:pt x="3291" y="1850"/>
                    <a:pt x="3285" y="1850"/>
                  </a:cubicBezTo>
                  <a:cubicBezTo>
                    <a:pt x="3276" y="1850"/>
                    <a:pt x="3233" y="1827"/>
                    <a:pt x="3220" y="1827"/>
                  </a:cubicBezTo>
                  <a:cubicBezTo>
                    <a:pt x="3212" y="1827"/>
                    <a:pt x="3213" y="1834"/>
                    <a:pt x="3232" y="1854"/>
                  </a:cubicBezTo>
                  <a:cubicBezTo>
                    <a:pt x="3184" y="1810"/>
                    <a:pt x="3133" y="1771"/>
                    <a:pt x="3079" y="1738"/>
                  </a:cubicBezTo>
                  <a:lnTo>
                    <a:pt x="3079" y="1738"/>
                  </a:lnTo>
                  <a:cubicBezTo>
                    <a:pt x="3101" y="1750"/>
                    <a:pt x="3111" y="1753"/>
                    <a:pt x="3117" y="1753"/>
                  </a:cubicBezTo>
                  <a:cubicBezTo>
                    <a:pt x="3123" y="1753"/>
                    <a:pt x="3124" y="1750"/>
                    <a:pt x="3130" y="1750"/>
                  </a:cubicBezTo>
                  <a:cubicBezTo>
                    <a:pt x="3137" y="1750"/>
                    <a:pt x="3150" y="1755"/>
                    <a:pt x="3186" y="1778"/>
                  </a:cubicBezTo>
                  <a:cubicBezTo>
                    <a:pt x="3038" y="1685"/>
                    <a:pt x="3072" y="1715"/>
                    <a:pt x="2927" y="1622"/>
                  </a:cubicBezTo>
                  <a:cubicBezTo>
                    <a:pt x="2924" y="1622"/>
                    <a:pt x="2921" y="1621"/>
                    <a:pt x="2920" y="1621"/>
                  </a:cubicBezTo>
                  <a:cubicBezTo>
                    <a:pt x="2897" y="1621"/>
                    <a:pt x="2971" y="1678"/>
                    <a:pt x="2956" y="1678"/>
                  </a:cubicBezTo>
                  <a:cubicBezTo>
                    <a:pt x="2950" y="1678"/>
                    <a:pt x="2928" y="1668"/>
                    <a:pt x="2876" y="1639"/>
                  </a:cubicBezTo>
                  <a:cubicBezTo>
                    <a:pt x="2853" y="1624"/>
                    <a:pt x="2847" y="1617"/>
                    <a:pt x="2851" y="1617"/>
                  </a:cubicBezTo>
                  <a:cubicBezTo>
                    <a:pt x="2854" y="1617"/>
                    <a:pt x="2861" y="1620"/>
                    <a:pt x="2871" y="1627"/>
                  </a:cubicBezTo>
                  <a:cubicBezTo>
                    <a:pt x="2837" y="1602"/>
                    <a:pt x="2823" y="1594"/>
                    <a:pt x="2818" y="1594"/>
                  </a:cubicBezTo>
                  <a:cubicBezTo>
                    <a:pt x="2808" y="1594"/>
                    <a:pt x="2839" y="1630"/>
                    <a:pt x="2823" y="1630"/>
                  </a:cubicBezTo>
                  <a:cubicBezTo>
                    <a:pt x="2818" y="1630"/>
                    <a:pt x="2810" y="1627"/>
                    <a:pt x="2797" y="1620"/>
                  </a:cubicBezTo>
                  <a:cubicBezTo>
                    <a:pt x="2750" y="1594"/>
                    <a:pt x="2732" y="1575"/>
                    <a:pt x="2740" y="1575"/>
                  </a:cubicBezTo>
                  <a:cubicBezTo>
                    <a:pt x="2742" y="1575"/>
                    <a:pt x="2746" y="1576"/>
                    <a:pt x="2751" y="1578"/>
                  </a:cubicBezTo>
                  <a:cubicBezTo>
                    <a:pt x="2712" y="1560"/>
                    <a:pt x="2697" y="1557"/>
                    <a:pt x="2688" y="1557"/>
                  </a:cubicBezTo>
                  <a:cubicBezTo>
                    <a:pt x="2683" y="1557"/>
                    <a:pt x="2680" y="1557"/>
                    <a:pt x="2677" y="1557"/>
                  </a:cubicBezTo>
                  <a:cubicBezTo>
                    <a:pt x="2670" y="1557"/>
                    <a:pt x="2662" y="1555"/>
                    <a:pt x="2642" y="1544"/>
                  </a:cubicBezTo>
                  <a:lnTo>
                    <a:pt x="2642" y="1544"/>
                  </a:lnTo>
                  <a:lnTo>
                    <a:pt x="2667" y="1562"/>
                  </a:lnTo>
                  <a:cubicBezTo>
                    <a:pt x="2665" y="1561"/>
                    <a:pt x="2663" y="1561"/>
                    <a:pt x="2662" y="1561"/>
                  </a:cubicBezTo>
                  <a:cubicBezTo>
                    <a:pt x="2653" y="1561"/>
                    <a:pt x="2660" y="1579"/>
                    <a:pt x="2645" y="1579"/>
                  </a:cubicBezTo>
                  <a:cubicBezTo>
                    <a:pt x="2634" y="1579"/>
                    <a:pt x="2613" y="1570"/>
                    <a:pt x="2568" y="1541"/>
                  </a:cubicBezTo>
                  <a:cubicBezTo>
                    <a:pt x="2482" y="1483"/>
                    <a:pt x="2514" y="1493"/>
                    <a:pt x="2517" y="1486"/>
                  </a:cubicBezTo>
                  <a:cubicBezTo>
                    <a:pt x="2456" y="1453"/>
                    <a:pt x="2403" y="1416"/>
                    <a:pt x="2352" y="1372"/>
                  </a:cubicBezTo>
                  <a:lnTo>
                    <a:pt x="2352" y="1372"/>
                  </a:lnTo>
                  <a:cubicBezTo>
                    <a:pt x="2353" y="1375"/>
                    <a:pt x="2352" y="1377"/>
                    <a:pt x="2350" y="1377"/>
                  </a:cubicBezTo>
                  <a:cubicBezTo>
                    <a:pt x="2346" y="1377"/>
                    <a:pt x="2339" y="1373"/>
                    <a:pt x="2327" y="1365"/>
                  </a:cubicBezTo>
                  <a:cubicBezTo>
                    <a:pt x="2208" y="1296"/>
                    <a:pt x="2269" y="1307"/>
                    <a:pt x="2227" y="1280"/>
                  </a:cubicBezTo>
                  <a:cubicBezTo>
                    <a:pt x="2180" y="1245"/>
                    <a:pt x="2161" y="1235"/>
                    <a:pt x="2152" y="1235"/>
                  </a:cubicBezTo>
                  <a:cubicBezTo>
                    <a:pt x="2142" y="1235"/>
                    <a:pt x="2149" y="1252"/>
                    <a:pt x="2135" y="1252"/>
                  </a:cubicBezTo>
                  <a:cubicBezTo>
                    <a:pt x="2124" y="1252"/>
                    <a:pt x="2100" y="1242"/>
                    <a:pt x="2044" y="1206"/>
                  </a:cubicBezTo>
                  <a:lnTo>
                    <a:pt x="2044" y="1206"/>
                  </a:lnTo>
                  <a:lnTo>
                    <a:pt x="2255" y="1349"/>
                  </a:lnTo>
                  <a:cubicBezTo>
                    <a:pt x="2241" y="1351"/>
                    <a:pt x="2227" y="1363"/>
                    <a:pt x="2273" y="1391"/>
                  </a:cubicBezTo>
                  <a:cubicBezTo>
                    <a:pt x="2274" y="1390"/>
                    <a:pt x="2276" y="1389"/>
                    <a:pt x="2279" y="1389"/>
                  </a:cubicBezTo>
                  <a:cubicBezTo>
                    <a:pt x="2301" y="1389"/>
                    <a:pt x="2375" y="1426"/>
                    <a:pt x="2438" y="1467"/>
                  </a:cubicBezTo>
                  <a:cubicBezTo>
                    <a:pt x="2439" y="1470"/>
                    <a:pt x="2438" y="1472"/>
                    <a:pt x="2435" y="1472"/>
                  </a:cubicBezTo>
                  <a:cubicBezTo>
                    <a:pt x="2416" y="1472"/>
                    <a:pt x="2330" y="1421"/>
                    <a:pt x="2317" y="1421"/>
                  </a:cubicBezTo>
                  <a:cubicBezTo>
                    <a:pt x="2312" y="1421"/>
                    <a:pt x="2318" y="1429"/>
                    <a:pt x="2347" y="1453"/>
                  </a:cubicBezTo>
                  <a:cubicBezTo>
                    <a:pt x="2306" y="1426"/>
                    <a:pt x="2243" y="1389"/>
                    <a:pt x="2190" y="1354"/>
                  </a:cubicBezTo>
                  <a:lnTo>
                    <a:pt x="2190" y="1354"/>
                  </a:lnTo>
                  <a:cubicBezTo>
                    <a:pt x="2194" y="1355"/>
                    <a:pt x="2197" y="1356"/>
                    <a:pt x="2199" y="1356"/>
                  </a:cubicBezTo>
                  <a:cubicBezTo>
                    <a:pt x="2222" y="1356"/>
                    <a:pt x="2083" y="1274"/>
                    <a:pt x="2100" y="1274"/>
                  </a:cubicBezTo>
                  <a:cubicBezTo>
                    <a:pt x="2103" y="1274"/>
                    <a:pt x="2111" y="1276"/>
                    <a:pt x="2125" y="1282"/>
                  </a:cubicBezTo>
                  <a:cubicBezTo>
                    <a:pt x="1891" y="1136"/>
                    <a:pt x="1866" y="1104"/>
                    <a:pt x="1643" y="976"/>
                  </a:cubicBezTo>
                  <a:lnTo>
                    <a:pt x="1643" y="976"/>
                  </a:lnTo>
                  <a:cubicBezTo>
                    <a:pt x="1745" y="1011"/>
                    <a:pt x="1840" y="1060"/>
                    <a:pt x="1926" y="1122"/>
                  </a:cubicBezTo>
                  <a:lnTo>
                    <a:pt x="1930" y="1136"/>
                  </a:lnTo>
                  <a:cubicBezTo>
                    <a:pt x="1959" y="1152"/>
                    <a:pt x="1972" y="1158"/>
                    <a:pt x="1975" y="1158"/>
                  </a:cubicBezTo>
                  <a:cubicBezTo>
                    <a:pt x="1987" y="1158"/>
                    <a:pt x="1836" y="1057"/>
                    <a:pt x="1863" y="1057"/>
                  </a:cubicBezTo>
                  <a:cubicBezTo>
                    <a:pt x="1676" y="972"/>
                    <a:pt x="1490" y="800"/>
                    <a:pt x="1275" y="673"/>
                  </a:cubicBezTo>
                  <a:lnTo>
                    <a:pt x="1275" y="673"/>
                  </a:lnTo>
                  <a:cubicBezTo>
                    <a:pt x="1289" y="686"/>
                    <a:pt x="1288" y="690"/>
                    <a:pt x="1282" y="690"/>
                  </a:cubicBezTo>
                  <a:cubicBezTo>
                    <a:pt x="1275" y="690"/>
                    <a:pt x="1258" y="684"/>
                    <a:pt x="1249" y="684"/>
                  </a:cubicBezTo>
                  <a:cubicBezTo>
                    <a:pt x="1249" y="684"/>
                    <a:pt x="1248" y="684"/>
                    <a:pt x="1247" y="684"/>
                  </a:cubicBezTo>
                  <a:cubicBezTo>
                    <a:pt x="1335" y="738"/>
                    <a:pt x="1321" y="726"/>
                    <a:pt x="1377" y="775"/>
                  </a:cubicBezTo>
                  <a:cubicBezTo>
                    <a:pt x="1376" y="775"/>
                    <a:pt x="1375" y="775"/>
                    <a:pt x="1373" y="775"/>
                  </a:cubicBezTo>
                  <a:cubicBezTo>
                    <a:pt x="1353" y="775"/>
                    <a:pt x="1308" y="742"/>
                    <a:pt x="1277" y="733"/>
                  </a:cubicBezTo>
                  <a:cubicBezTo>
                    <a:pt x="1277" y="733"/>
                    <a:pt x="1276" y="733"/>
                    <a:pt x="1275" y="733"/>
                  </a:cubicBezTo>
                  <a:cubicBezTo>
                    <a:pt x="1254" y="733"/>
                    <a:pt x="1343" y="775"/>
                    <a:pt x="1368" y="800"/>
                  </a:cubicBezTo>
                  <a:cubicBezTo>
                    <a:pt x="1326" y="775"/>
                    <a:pt x="1282" y="754"/>
                    <a:pt x="1236" y="740"/>
                  </a:cubicBezTo>
                  <a:cubicBezTo>
                    <a:pt x="1215" y="717"/>
                    <a:pt x="1196" y="694"/>
                    <a:pt x="1180" y="668"/>
                  </a:cubicBezTo>
                  <a:cubicBezTo>
                    <a:pt x="992" y="542"/>
                    <a:pt x="992" y="570"/>
                    <a:pt x="854" y="477"/>
                  </a:cubicBezTo>
                  <a:lnTo>
                    <a:pt x="854" y="477"/>
                  </a:lnTo>
                  <a:cubicBezTo>
                    <a:pt x="862" y="483"/>
                    <a:pt x="866" y="485"/>
                    <a:pt x="867" y="485"/>
                  </a:cubicBezTo>
                  <a:cubicBezTo>
                    <a:pt x="871" y="485"/>
                    <a:pt x="853" y="468"/>
                    <a:pt x="857" y="468"/>
                  </a:cubicBezTo>
                  <a:cubicBezTo>
                    <a:pt x="858" y="468"/>
                    <a:pt x="864" y="471"/>
                    <a:pt x="878" y="480"/>
                  </a:cubicBezTo>
                  <a:lnTo>
                    <a:pt x="878" y="480"/>
                  </a:lnTo>
                  <a:lnTo>
                    <a:pt x="842" y="455"/>
                  </a:lnTo>
                  <a:lnTo>
                    <a:pt x="842" y="455"/>
                  </a:lnTo>
                  <a:cubicBezTo>
                    <a:pt x="972" y="518"/>
                    <a:pt x="1170" y="646"/>
                    <a:pt x="1213" y="646"/>
                  </a:cubicBezTo>
                  <a:cubicBezTo>
                    <a:pt x="1219" y="646"/>
                    <a:pt x="1222" y="643"/>
                    <a:pt x="1222" y="638"/>
                  </a:cubicBezTo>
                  <a:cubicBezTo>
                    <a:pt x="1108" y="566"/>
                    <a:pt x="1015" y="531"/>
                    <a:pt x="879" y="443"/>
                  </a:cubicBezTo>
                  <a:lnTo>
                    <a:pt x="888" y="441"/>
                  </a:lnTo>
                  <a:cubicBezTo>
                    <a:pt x="856" y="420"/>
                    <a:pt x="844" y="414"/>
                    <a:pt x="842" y="414"/>
                  </a:cubicBezTo>
                  <a:cubicBezTo>
                    <a:pt x="837" y="414"/>
                    <a:pt x="869" y="440"/>
                    <a:pt x="861" y="440"/>
                  </a:cubicBezTo>
                  <a:cubicBezTo>
                    <a:pt x="861" y="440"/>
                    <a:pt x="860" y="439"/>
                    <a:pt x="858" y="439"/>
                  </a:cubicBezTo>
                  <a:cubicBezTo>
                    <a:pt x="740" y="376"/>
                    <a:pt x="733" y="318"/>
                    <a:pt x="643" y="288"/>
                  </a:cubicBezTo>
                  <a:lnTo>
                    <a:pt x="643" y="288"/>
                  </a:lnTo>
                  <a:lnTo>
                    <a:pt x="754" y="367"/>
                  </a:lnTo>
                  <a:cubicBezTo>
                    <a:pt x="730" y="356"/>
                    <a:pt x="720" y="351"/>
                    <a:pt x="718" y="351"/>
                  </a:cubicBezTo>
                  <a:cubicBezTo>
                    <a:pt x="711" y="351"/>
                    <a:pt x="769" y="387"/>
                    <a:pt x="744" y="390"/>
                  </a:cubicBezTo>
                  <a:cubicBezTo>
                    <a:pt x="582" y="307"/>
                    <a:pt x="325" y="126"/>
                    <a:pt x="100"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5" name="Google Shape;35;p2"/>
          <p:cNvSpPr txBox="1">
            <a:spLocks noGrp="1"/>
          </p:cNvSpPr>
          <p:nvPr>
            <p:ph type="ctrTitle"/>
          </p:nvPr>
        </p:nvSpPr>
        <p:spPr>
          <a:xfrm>
            <a:off x="1199775" y="1257825"/>
            <a:ext cx="6744600" cy="2033400"/>
          </a:xfrm>
          <a:prstGeom prst="rect">
            <a:avLst/>
          </a:prstGeom>
        </p:spPr>
        <p:txBody>
          <a:bodyPr spcFirstLastPara="1" wrap="square" lIns="91425" tIns="91425" rIns="91425" bIns="91425" anchor="ctr" anchorCtr="0">
            <a:noAutofit/>
          </a:bodyPr>
          <a:lstStyle>
            <a:lvl1pPr lvl="0" algn="ctr">
              <a:lnSpc>
                <a:spcPct val="90000"/>
              </a:lnSpc>
              <a:spcBef>
                <a:spcPts val="0"/>
              </a:spcBef>
              <a:spcAft>
                <a:spcPts val="0"/>
              </a:spcAft>
              <a:buSzPts val="5200"/>
              <a:buNone/>
              <a:defRPr sz="8500"/>
            </a:lvl1pPr>
            <a:lvl2pPr lvl="1" algn="ctr">
              <a:spcBef>
                <a:spcPts val="0"/>
              </a:spcBef>
              <a:spcAft>
                <a:spcPts val="0"/>
              </a:spcAft>
              <a:buClr>
                <a:srgbClr val="191919"/>
              </a:buClr>
              <a:buSzPts val="5200"/>
              <a:buNone/>
              <a:defRPr sz="5200">
                <a:solidFill>
                  <a:srgbClr val="191919"/>
                </a:solidFill>
              </a:defRPr>
            </a:lvl2pPr>
            <a:lvl3pPr lvl="2" algn="ctr">
              <a:spcBef>
                <a:spcPts val="0"/>
              </a:spcBef>
              <a:spcAft>
                <a:spcPts val="0"/>
              </a:spcAft>
              <a:buClr>
                <a:srgbClr val="191919"/>
              </a:buClr>
              <a:buSzPts val="5200"/>
              <a:buNone/>
              <a:defRPr sz="5200">
                <a:solidFill>
                  <a:srgbClr val="191919"/>
                </a:solidFill>
              </a:defRPr>
            </a:lvl3pPr>
            <a:lvl4pPr lvl="3" algn="ctr">
              <a:spcBef>
                <a:spcPts val="0"/>
              </a:spcBef>
              <a:spcAft>
                <a:spcPts val="0"/>
              </a:spcAft>
              <a:buClr>
                <a:srgbClr val="191919"/>
              </a:buClr>
              <a:buSzPts val="5200"/>
              <a:buNone/>
              <a:defRPr sz="5200">
                <a:solidFill>
                  <a:srgbClr val="191919"/>
                </a:solidFill>
              </a:defRPr>
            </a:lvl4pPr>
            <a:lvl5pPr lvl="4" algn="ctr">
              <a:spcBef>
                <a:spcPts val="0"/>
              </a:spcBef>
              <a:spcAft>
                <a:spcPts val="0"/>
              </a:spcAft>
              <a:buClr>
                <a:srgbClr val="191919"/>
              </a:buClr>
              <a:buSzPts val="5200"/>
              <a:buNone/>
              <a:defRPr sz="5200">
                <a:solidFill>
                  <a:srgbClr val="191919"/>
                </a:solidFill>
              </a:defRPr>
            </a:lvl5pPr>
            <a:lvl6pPr lvl="5" algn="ctr">
              <a:spcBef>
                <a:spcPts val="0"/>
              </a:spcBef>
              <a:spcAft>
                <a:spcPts val="0"/>
              </a:spcAft>
              <a:buClr>
                <a:srgbClr val="191919"/>
              </a:buClr>
              <a:buSzPts val="5200"/>
              <a:buNone/>
              <a:defRPr sz="5200">
                <a:solidFill>
                  <a:srgbClr val="191919"/>
                </a:solidFill>
              </a:defRPr>
            </a:lvl6pPr>
            <a:lvl7pPr lvl="6" algn="ctr">
              <a:spcBef>
                <a:spcPts val="0"/>
              </a:spcBef>
              <a:spcAft>
                <a:spcPts val="0"/>
              </a:spcAft>
              <a:buClr>
                <a:srgbClr val="191919"/>
              </a:buClr>
              <a:buSzPts val="5200"/>
              <a:buNone/>
              <a:defRPr sz="5200">
                <a:solidFill>
                  <a:srgbClr val="191919"/>
                </a:solidFill>
              </a:defRPr>
            </a:lvl7pPr>
            <a:lvl8pPr lvl="7" algn="ctr">
              <a:spcBef>
                <a:spcPts val="0"/>
              </a:spcBef>
              <a:spcAft>
                <a:spcPts val="0"/>
              </a:spcAft>
              <a:buClr>
                <a:srgbClr val="191919"/>
              </a:buClr>
              <a:buSzPts val="5200"/>
              <a:buNone/>
              <a:defRPr sz="5200">
                <a:solidFill>
                  <a:srgbClr val="191919"/>
                </a:solidFill>
              </a:defRPr>
            </a:lvl8pPr>
            <a:lvl9pPr lvl="8" algn="ctr">
              <a:spcBef>
                <a:spcPts val="0"/>
              </a:spcBef>
              <a:spcAft>
                <a:spcPts val="0"/>
              </a:spcAft>
              <a:buClr>
                <a:srgbClr val="191919"/>
              </a:buClr>
              <a:buSzPts val="5200"/>
              <a:buNone/>
              <a:defRPr sz="5200">
                <a:solidFill>
                  <a:srgbClr val="191919"/>
                </a:solidFill>
              </a:defRPr>
            </a:lvl9pPr>
          </a:lstStyle>
          <a:p>
            <a:endParaRPr/>
          </a:p>
        </p:txBody>
      </p:sp>
      <p:sp>
        <p:nvSpPr>
          <p:cNvPr id="36" name="Google Shape;36;p2"/>
          <p:cNvSpPr txBox="1">
            <a:spLocks noGrp="1"/>
          </p:cNvSpPr>
          <p:nvPr>
            <p:ph type="subTitle" idx="1"/>
          </p:nvPr>
        </p:nvSpPr>
        <p:spPr>
          <a:xfrm>
            <a:off x="2521350" y="3151490"/>
            <a:ext cx="4101300" cy="409500"/>
          </a:xfrm>
          <a:prstGeom prst="rect">
            <a:avLst/>
          </a:prstGeom>
        </p:spPr>
        <p:txBody>
          <a:bodyPr spcFirstLastPara="1" wrap="square" lIns="91425" tIns="91425" rIns="91425" bIns="91425" anchor="ctr" anchorCtr="0">
            <a:noAutofit/>
          </a:bodyPr>
          <a:lstStyle>
            <a:lvl1pPr lvl="0" algn="ctr">
              <a:lnSpc>
                <a:spcPct val="100000"/>
              </a:lnSpc>
              <a:spcBef>
                <a:spcPts val="0"/>
              </a:spcBef>
              <a:spcAft>
                <a:spcPts val="0"/>
              </a:spcAft>
              <a:buSzPts val="1400"/>
              <a:buNone/>
              <a:defRPr sz="1500">
                <a:latin typeface="Work Sans"/>
                <a:ea typeface="Work Sans"/>
                <a:cs typeface="Work Sans"/>
                <a:sym typeface="Work Sans"/>
              </a:defRPr>
            </a:lvl1pPr>
            <a:lvl2pPr lvl="1" algn="ctr">
              <a:lnSpc>
                <a:spcPct val="100000"/>
              </a:lnSpc>
              <a:spcBef>
                <a:spcPts val="0"/>
              </a:spcBef>
              <a:spcAft>
                <a:spcPts val="0"/>
              </a:spcAft>
              <a:buSzPts val="1800"/>
              <a:buNone/>
              <a:defRPr sz="1800"/>
            </a:lvl2pPr>
            <a:lvl3pPr lvl="2" algn="ctr">
              <a:lnSpc>
                <a:spcPct val="100000"/>
              </a:lnSpc>
              <a:spcBef>
                <a:spcPts val="0"/>
              </a:spcBef>
              <a:spcAft>
                <a:spcPts val="0"/>
              </a:spcAft>
              <a:buSzPts val="1800"/>
              <a:buNone/>
              <a:defRPr sz="1800"/>
            </a:lvl3pPr>
            <a:lvl4pPr lvl="3" algn="ctr">
              <a:lnSpc>
                <a:spcPct val="100000"/>
              </a:lnSpc>
              <a:spcBef>
                <a:spcPts val="0"/>
              </a:spcBef>
              <a:spcAft>
                <a:spcPts val="0"/>
              </a:spcAft>
              <a:buSzPts val="1800"/>
              <a:buNone/>
              <a:defRPr sz="1800"/>
            </a:lvl4pPr>
            <a:lvl5pPr lvl="4" algn="ctr">
              <a:lnSpc>
                <a:spcPct val="100000"/>
              </a:lnSpc>
              <a:spcBef>
                <a:spcPts val="0"/>
              </a:spcBef>
              <a:spcAft>
                <a:spcPts val="0"/>
              </a:spcAft>
              <a:buSzPts val="1800"/>
              <a:buNone/>
              <a:defRPr sz="1800"/>
            </a:lvl5pPr>
            <a:lvl6pPr lvl="5" algn="ctr">
              <a:lnSpc>
                <a:spcPct val="100000"/>
              </a:lnSpc>
              <a:spcBef>
                <a:spcPts val="0"/>
              </a:spcBef>
              <a:spcAft>
                <a:spcPts val="0"/>
              </a:spcAft>
              <a:buSzPts val="1800"/>
              <a:buNone/>
              <a:defRPr sz="1800"/>
            </a:lvl6pPr>
            <a:lvl7pPr lvl="6" algn="ctr">
              <a:lnSpc>
                <a:spcPct val="100000"/>
              </a:lnSpc>
              <a:spcBef>
                <a:spcPts val="0"/>
              </a:spcBef>
              <a:spcAft>
                <a:spcPts val="0"/>
              </a:spcAft>
              <a:buSzPts val="1800"/>
              <a:buNone/>
              <a:defRPr sz="1800"/>
            </a:lvl7pPr>
            <a:lvl8pPr lvl="7" algn="ctr">
              <a:lnSpc>
                <a:spcPct val="100000"/>
              </a:lnSpc>
              <a:spcBef>
                <a:spcPts val="0"/>
              </a:spcBef>
              <a:spcAft>
                <a:spcPts val="0"/>
              </a:spcAft>
              <a:buSzPts val="1800"/>
              <a:buNone/>
              <a:defRPr sz="1800"/>
            </a:lvl8pPr>
            <a:lvl9pPr lvl="8" algn="ctr">
              <a:lnSpc>
                <a:spcPct val="100000"/>
              </a:lnSpc>
              <a:spcBef>
                <a:spcPts val="0"/>
              </a:spcBef>
              <a:spcAft>
                <a:spcPts val="0"/>
              </a:spcAft>
              <a:buSzPts val="1800"/>
              <a:buNone/>
              <a:defRPr sz="1800"/>
            </a:lvl9pPr>
          </a:lstStyle>
          <a:p>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text 1">
  <p:cSld name="CUSTOM_2">
    <p:spTree>
      <p:nvGrpSpPr>
        <p:cNvPr id="1" name="Shape 290"/>
        <p:cNvGrpSpPr/>
        <p:nvPr/>
      </p:nvGrpSpPr>
      <p:grpSpPr>
        <a:xfrm>
          <a:off x="0" y="0"/>
          <a:ext cx="0" cy="0"/>
          <a:chOff x="0" y="0"/>
          <a:chExt cx="0" cy="0"/>
        </a:xfrm>
      </p:grpSpPr>
      <p:sp>
        <p:nvSpPr>
          <p:cNvPr id="291" name="Google Shape;291;p16"/>
          <p:cNvSpPr/>
          <p:nvPr/>
        </p:nvSpPr>
        <p:spPr>
          <a:xfrm>
            <a:off x="-465550" y="417195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2" name="Google Shape;292;p16"/>
          <p:cNvSpPr/>
          <p:nvPr/>
        </p:nvSpPr>
        <p:spPr>
          <a:xfrm rot="-5400000">
            <a:off x="692126" y="-1188125"/>
            <a:ext cx="1200530" cy="2804614"/>
          </a:xfrm>
          <a:custGeom>
            <a:avLst/>
            <a:gdLst/>
            <a:ahLst/>
            <a:cxnLst/>
            <a:rect l="l" t="t" r="r" b="b"/>
            <a:pathLst>
              <a:path w="8178" h="19105" extrusionOk="0">
                <a:moveTo>
                  <a:pt x="4806" y="0"/>
                </a:moveTo>
                <a:cubicBezTo>
                  <a:pt x="4270" y="0"/>
                  <a:pt x="3760" y="379"/>
                  <a:pt x="3343" y="752"/>
                </a:cubicBezTo>
                <a:cubicBezTo>
                  <a:pt x="2417" y="1583"/>
                  <a:pt x="1539" y="2505"/>
                  <a:pt x="994" y="3624"/>
                </a:cubicBezTo>
                <a:cubicBezTo>
                  <a:pt x="448" y="4743"/>
                  <a:pt x="269" y="6089"/>
                  <a:pt x="749" y="7238"/>
                </a:cubicBezTo>
                <a:cubicBezTo>
                  <a:pt x="1147" y="8192"/>
                  <a:pt x="1990" y="9028"/>
                  <a:pt x="1932" y="10062"/>
                </a:cubicBezTo>
                <a:cubicBezTo>
                  <a:pt x="1881" y="11000"/>
                  <a:pt x="1103" y="11715"/>
                  <a:pt x="698" y="12563"/>
                </a:cubicBezTo>
                <a:cubicBezTo>
                  <a:pt x="0" y="14016"/>
                  <a:pt x="480" y="15825"/>
                  <a:pt x="1502" y="17069"/>
                </a:cubicBezTo>
                <a:cubicBezTo>
                  <a:pt x="2266" y="18003"/>
                  <a:pt x="3391" y="19105"/>
                  <a:pt x="4438" y="19105"/>
                </a:cubicBezTo>
                <a:cubicBezTo>
                  <a:pt x="4860" y="19105"/>
                  <a:pt x="5269" y="18925"/>
                  <a:pt x="5636" y="18484"/>
                </a:cubicBezTo>
                <a:cubicBezTo>
                  <a:pt x="6751" y="17148"/>
                  <a:pt x="7200" y="14548"/>
                  <a:pt x="7494" y="12883"/>
                </a:cubicBezTo>
                <a:cubicBezTo>
                  <a:pt x="8178" y="9033"/>
                  <a:pt x="7779" y="4982"/>
                  <a:pt x="6253" y="1373"/>
                </a:cubicBezTo>
                <a:cubicBezTo>
                  <a:pt x="6012" y="800"/>
                  <a:pt x="5669" y="175"/>
                  <a:pt x="5067" y="31"/>
                </a:cubicBezTo>
                <a:cubicBezTo>
                  <a:pt x="4979" y="10"/>
                  <a:pt x="4892" y="0"/>
                  <a:pt x="480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293" name="Google Shape;293;p16"/>
          <p:cNvGrpSpPr/>
          <p:nvPr/>
        </p:nvGrpSpPr>
        <p:grpSpPr>
          <a:xfrm flipH="1">
            <a:off x="156968" y="3528654"/>
            <a:ext cx="2290183" cy="1579980"/>
            <a:chOff x="6608125" y="3473975"/>
            <a:chExt cx="2290183" cy="1579980"/>
          </a:xfrm>
        </p:grpSpPr>
        <p:sp>
          <p:nvSpPr>
            <p:cNvPr id="294" name="Google Shape;294;p16"/>
            <p:cNvSpPr/>
            <p:nvPr/>
          </p:nvSpPr>
          <p:spPr>
            <a:xfrm>
              <a:off x="6643630" y="3519898"/>
              <a:ext cx="2254679" cy="1534057"/>
            </a:xfrm>
            <a:custGeom>
              <a:avLst/>
              <a:gdLst/>
              <a:ahLst/>
              <a:cxnLst/>
              <a:rect l="l" t="t" r="r" b="b"/>
              <a:pathLst>
                <a:path w="37658" h="25621" extrusionOk="0">
                  <a:moveTo>
                    <a:pt x="28351" y="0"/>
                  </a:moveTo>
                  <a:cubicBezTo>
                    <a:pt x="27793" y="0"/>
                    <a:pt x="27259" y="73"/>
                    <a:pt x="27259" y="387"/>
                  </a:cubicBezTo>
                  <a:lnTo>
                    <a:pt x="27259" y="6968"/>
                  </a:lnTo>
                  <a:cubicBezTo>
                    <a:pt x="27259" y="7486"/>
                    <a:pt x="26957" y="7658"/>
                    <a:pt x="26460" y="7658"/>
                  </a:cubicBezTo>
                  <a:cubicBezTo>
                    <a:pt x="26457" y="7658"/>
                    <a:pt x="26453" y="7658"/>
                    <a:pt x="26450" y="7658"/>
                  </a:cubicBezTo>
                  <a:cubicBezTo>
                    <a:pt x="24634" y="7651"/>
                    <a:pt x="22816" y="7582"/>
                    <a:pt x="21000" y="7582"/>
                  </a:cubicBezTo>
                  <a:cubicBezTo>
                    <a:pt x="20952" y="7581"/>
                    <a:pt x="20904" y="7580"/>
                    <a:pt x="20857" y="7580"/>
                  </a:cubicBezTo>
                  <a:cubicBezTo>
                    <a:pt x="20636" y="7580"/>
                    <a:pt x="20415" y="7596"/>
                    <a:pt x="20221" y="7695"/>
                  </a:cubicBezTo>
                  <a:cubicBezTo>
                    <a:pt x="19730" y="7946"/>
                    <a:pt x="19883" y="8624"/>
                    <a:pt x="19892" y="9067"/>
                  </a:cubicBezTo>
                  <a:cubicBezTo>
                    <a:pt x="19906" y="9755"/>
                    <a:pt x="19915" y="10440"/>
                    <a:pt x="19920" y="11126"/>
                  </a:cubicBezTo>
                  <a:cubicBezTo>
                    <a:pt x="19929" y="12423"/>
                    <a:pt x="19925" y="13765"/>
                    <a:pt x="19913" y="15036"/>
                  </a:cubicBezTo>
                  <a:cubicBezTo>
                    <a:pt x="19910" y="15434"/>
                    <a:pt x="19699" y="15569"/>
                    <a:pt x="19420" y="15569"/>
                  </a:cubicBezTo>
                  <a:cubicBezTo>
                    <a:pt x="19265" y="15569"/>
                    <a:pt x="19089" y="15527"/>
                    <a:pt x="18917" y="15465"/>
                  </a:cubicBezTo>
                  <a:cubicBezTo>
                    <a:pt x="18197" y="15210"/>
                    <a:pt x="17502" y="14888"/>
                    <a:pt x="16823" y="14541"/>
                  </a:cubicBezTo>
                  <a:cubicBezTo>
                    <a:pt x="16314" y="14282"/>
                    <a:pt x="15639" y="13731"/>
                    <a:pt x="15037" y="13731"/>
                  </a:cubicBezTo>
                  <a:cubicBezTo>
                    <a:pt x="15024" y="13731"/>
                    <a:pt x="15012" y="13732"/>
                    <a:pt x="15000" y="13732"/>
                  </a:cubicBezTo>
                  <a:cubicBezTo>
                    <a:pt x="14752" y="13744"/>
                    <a:pt x="14534" y="13885"/>
                    <a:pt x="14326" y="14019"/>
                  </a:cubicBezTo>
                  <a:cubicBezTo>
                    <a:pt x="13480" y="14568"/>
                    <a:pt x="12535" y="15379"/>
                    <a:pt x="11653" y="15870"/>
                  </a:cubicBezTo>
                  <a:cubicBezTo>
                    <a:pt x="10293" y="16018"/>
                    <a:pt x="8625" y="15968"/>
                    <a:pt x="7184" y="15991"/>
                  </a:cubicBezTo>
                  <a:cubicBezTo>
                    <a:pt x="7041" y="15993"/>
                    <a:pt x="6876" y="16005"/>
                    <a:pt x="6788" y="16118"/>
                  </a:cubicBezTo>
                  <a:cubicBezTo>
                    <a:pt x="6584" y="16387"/>
                    <a:pt x="6723" y="17075"/>
                    <a:pt x="6723" y="17387"/>
                  </a:cubicBezTo>
                  <a:cubicBezTo>
                    <a:pt x="6726" y="17888"/>
                    <a:pt x="6726" y="18388"/>
                    <a:pt x="6726" y="18891"/>
                  </a:cubicBezTo>
                  <a:cubicBezTo>
                    <a:pt x="6726" y="19305"/>
                    <a:pt x="6388" y="19376"/>
                    <a:pt x="6027" y="19376"/>
                  </a:cubicBezTo>
                  <a:cubicBezTo>
                    <a:pt x="5837" y="19376"/>
                    <a:pt x="5641" y="19356"/>
                    <a:pt x="5484" y="19356"/>
                  </a:cubicBezTo>
                  <a:lnTo>
                    <a:pt x="603" y="19352"/>
                  </a:lnTo>
                  <a:cubicBezTo>
                    <a:pt x="555" y="19352"/>
                    <a:pt x="506" y="19356"/>
                    <a:pt x="460" y="19366"/>
                  </a:cubicBezTo>
                  <a:cubicBezTo>
                    <a:pt x="1" y="19463"/>
                    <a:pt x="128" y="20054"/>
                    <a:pt x="128" y="20459"/>
                  </a:cubicBezTo>
                  <a:lnTo>
                    <a:pt x="128" y="25291"/>
                  </a:lnTo>
                  <a:cubicBezTo>
                    <a:pt x="126" y="25472"/>
                    <a:pt x="274" y="25620"/>
                    <a:pt x="457" y="25620"/>
                  </a:cubicBezTo>
                  <a:lnTo>
                    <a:pt x="37317" y="25620"/>
                  </a:lnTo>
                  <a:cubicBezTo>
                    <a:pt x="37500" y="25620"/>
                    <a:pt x="37648" y="25472"/>
                    <a:pt x="37648" y="25291"/>
                  </a:cubicBezTo>
                  <a:lnTo>
                    <a:pt x="37648" y="25250"/>
                  </a:lnTo>
                  <a:cubicBezTo>
                    <a:pt x="37657" y="18912"/>
                    <a:pt x="37657" y="12576"/>
                    <a:pt x="37648" y="6241"/>
                  </a:cubicBezTo>
                  <a:cubicBezTo>
                    <a:pt x="37648" y="6060"/>
                    <a:pt x="37500" y="5912"/>
                    <a:pt x="37317" y="5912"/>
                  </a:cubicBezTo>
                  <a:cubicBezTo>
                    <a:pt x="36276" y="5912"/>
                    <a:pt x="35236" y="5912"/>
                    <a:pt x="34196" y="5914"/>
                  </a:cubicBezTo>
                  <a:cubicBezTo>
                    <a:pt x="34081" y="5914"/>
                    <a:pt x="33960" y="5914"/>
                    <a:pt x="33858" y="5863"/>
                  </a:cubicBezTo>
                  <a:cubicBezTo>
                    <a:pt x="33300" y="5592"/>
                    <a:pt x="33733" y="3102"/>
                    <a:pt x="33742" y="2613"/>
                  </a:cubicBezTo>
                  <a:cubicBezTo>
                    <a:pt x="33752" y="2034"/>
                    <a:pt x="34034" y="466"/>
                    <a:pt x="33437" y="148"/>
                  </a:cubicBezTo>
                  <a:cubicBezTo>
                    <a:pt x="33237" y="44"/>
                    <a:pt x="33003" y="44"/>
                    <a:pt x="32779" y="44"/>
                  </a:cubicBezTo>
                  <a:lnTo>
                    <a:pt x="29531" y="56"/>
                  </a:lnTo>
                  <a:cubicBezTo>
                    <a:pt x="29529" y="56"/>
                    <a:pt x="29528" y="56"/>
                    <a:pt x="29526" y="56"/>
                  </a:cubicBezTo>
                  <a:cubicBezTo>
                    <a:pt x="29343" y="56"/>
                    <a:pt x="28838" y="0"/>
                    <a:pt x="28351"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5" name="Google Shape;295;p16"/>
            <p:cNvSpPr/>
            <p:nvPr/>
          </p:nvSpPr>
          <p:spPr>
            <a:xfrm>
              <a:off x="6608125" y="3473975"/>
              <a:ext cx="2254679" cy="1546092"/>
            </a:xfrm>
            <a:custGeom>
              <a:avLst/>
              <a:gdLst/>
              <a:ahLst/>
              <a:cxnLst/>
              <a:rect l="l" t="t" r="r" b="b"/>
              <a:pathLst>
                <a:path w="37658" h="25822" fill="none" extrusionOk="0">
                  <a:moveTo>
                    <a:pt x="460" y="19568"/>
                  </a:moveTo>
                  <a:cubicBezTo>
                    <a:pt x="508" y="19558"/>
                    <a:pt x="557" y="19554"/>
                    <a:pt x="606" y="19554"/>
                  </a:cubicBezTo>
                  <a:lnTo>
                    <a:pt x="5484" y="19558"/>
                  </a:lnTo>
                  <a:cubicBezTo>
                    <a:pt x="5938" y="19558"/>
                    <a:pt x="6726" y="19727"/>
                    <a:pt x="6726" y="19093"/>
                  </a:cubicBezTo>
                  <a:lnTo>
                    <a:pt x="6723" y="17589"/>
                  </a:lnTo>
                  <a:cubicBezTo>
                    <a:pt x="6723" y="17277"/>
                    <a:pt x="6584" y="16589"/>
                    <a:pt x="6788" y="16322"/>
                  </a:cubicBezTo>
                  <a:cubicBezTo>
                    <a:pt x="6876" y="16206"/>
                    <a:pt x="7041" y="16195"/>
                    <a:pt x="7184" y="16192"/>
                  </a:cubicBezTo>
                  <a:cubicBezTo>
                    <a:pt x="8625" y="16169"/>
                    <a:pt x="10293" y="16223"/>
                    <a:pt x="11653" y="16072"/>
                  </a:cubicBezTo>
                  <a:cubicBezTo>
                    <a:pt x="12535" y="15583"/>
                    <a:pt x="13480" y="14772"/>
                    <a:pt x="14326" y="14221"/>
                  </a:cubicBezTo>
                  <a:cubicBezTo>
                    <a:pt x="14534" y="14087"/>
                    <a:pt x="14752" y="13946"/>
                    <a:pt x="15000" y="13936"/>
                  </a:cubicBezTo>
                  <a:cubicBezTo>
                    <a:pt x="15611" y="13911"/>
                    <a:pt x="16304" y="14478"/>
                    <a:pt x="16825" y="14745"/>
                  </a:cubicBezTo>
                  <a:cubicBezTo>
                    <a:pt x="17504" y="15092"/>
                    <a:pt x="18199" y="15412"/>
                    <a:pt x="18917" y="15669"/>
                  </a:cubicBezTo>
                  <a:cubicBezTo>
                    <a:pt x="19401" y="15840"/>
                    <a:pt x="19911" y="15857"/>
                    <a:pt x="19915" y="15238"/>
                  </a:cubicBezTo>
                  <a:cubicBezTo>
                    <a:pt x="19927" y="13966"/>
                    <a:pt x="19932" y="12627"/>
                    <a:pt x="19922" y="11330"/>
                  </a:cubicBezTo>
                  <a:cubicBezTo>
                    <a:pt x="19918" y="10642"/>
                    <a:pt x="19908" y="9957"/>
                    <a:pt x="19895" y="9271"/>
                  </a:cubicBezTo>
                  <a:cubicBezTo>
                    <a:pt x="19885" y="8828"/>
                    <a:pt x="19732" y="8150"/>
                    <a:pt x="20221" y="7900"/>
                  </a:cubicBezTo>
                  <a:cubicBezTo>
                    <a:pt x="20457" y="7779"/>
                    <a:pt x="20735" y="7781"/>
                    <a:pt x="21000" y="7786"/>
                  </a:cubicBezTo>
                  <a:cubicBezTo>
                    <a:pt x="22818" y="7786"/>
                    <a:pt x="24636" y="7856"/>
                    <a:pt x="26452" y="7863"/>
                  </a:cubicBezTo>
                  <a:cubicBezTo>
                    <a:pt x="26955" y="7865"/>
                    <a:pt x="27259" y="7693"/>
                    <a:pt x="27259" y="7172"/>
                  </a:cubicBezTo>
                  <a:cubicBezTo>
                    <a:pt x="27259" y="4979"/>
                    <a:pt x="27259" y="2785"/>
                    <a:pt x="27259" y="591"/>
                  </a:cubicBezTo>
                  <a:cubicBezTo>
                    <a:pt x="27259" y="1"/>
                    <a:pt x="29151" y="262"/>
                    <a:pt x="29531" y="260"/>
                  </a:cubicBezTo>
                  <a:lnTo>
                    <a:pt x="32779" y="248"/>
                  </a:lnTo>
                  <a:cubicBezTo>
                    <a:pt x="33003" y="248"/>
                    <a:pt x="33237" y="248"/>
                    <a:pt x="33437" y="353"/>
                  </a:cubicBezTo>
                  <a:cubicBezTo>
                    <a:pt x="34034" y="670"/>
                    <a:pt x="33754" y="2238"/>
                    <a:pt x="33742" y="2815"/>
                  </a:cubicBezTo>
                  <a:cubicBezTo>
                    <a:pt x="33733" y="3306"/>
                    <a:pt x="33300" y="5794"/>
                    <a:pt x="33858" y="6067"/>
                  </a:cubicBezTo>
                  <a:cubicBezTo>
                    <a:pt x="33960" y="6118"/>
                    <a:pt x="34080" y="6118"/>
                    <a:pt x="34196" y="6118"/>
                  </a:cubicBezTo>
                  <a:cubicBezTo>
                    <a:pt x="35236" y="6116"/>
                    <a:pt x="36276" y="6116"/>
                    <a:pt x="37317" y="6116"/>
                  </a:cubicBezTo>
                  <a:cubicBezTo>
                    <a:pt x="37500" y="6116"/>
                    <a:pt x="37648" y="6264"/>
                    <a:pt x="37648" y="6445"/>
                  </a:cubicBezTo>
                  <a:cubicBezTo>
                    <a:pt x="37657" y="12780"/>
                    <a:pt x="37657" y="19116"/>
                    <a:pt x="37648" y="25454"/>
                  </a:cubicBezTo>
                  <a:lnTo>
                    <a:pt x="37648" y="25493"/>
                  </a:lnTo>
                  <a:cubicBezTo>
                    <a:pt x="37646" y="25676"/>
                    <a:pt x="37500" y="25822"/>
                    <a:pt x="37319" y="25822"/>
                  </a:cubicBezTo>
                  <a:lnTo>
                    <a:pt x="457" y="25822"/>
                  </a:lnTo>
                  <a:cubicBezTo>
                    <a:pt x="274" y="25822"/>
                    <a:pt x="126" y="25674"/>
                    <a:pt x="128" y="25493"/>
                  </a:cubicBezTo>
                  <a:lnTo>
                    <a:pt x="128" y="20661"/>
                  </a:lnTo>
                  <a:cubicBezTo>
                    <a:pt x="128" y="20256"/>
                    <a:pt x="1" y="19665"/>
                    <a:pt x="460" y="19568"/>
                  </a:cubicBezTo>
                  <a:close/>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296" name="Google Shape;296;p16"/>
          <p:cNvGrpSpPr/>
          <p:nvPr/>
        </p:nvGrpSpPr>
        <p:grpSpPr>
          <a:xfrm>
            <a:off x="8467685" y="4104578"/>
            <a:ext cx="570058" cy="1027147"/>
            <a:chOff x="7124634" y="4277738"/>
            <a:chExt cx="316981" cy="571145"/>
          </a:xfrm>
        </p:grpSpPr>
        <p:sp>
          <p:nvSpPr>
            <p:cNvPr id="297" name="Google Shape;297;p16"/>
            <p:cNvSpPr/>
            <p:nvPr/>
          </p:nvSpPr>
          <p:spPr>
            <a:xfrm>
              <a:off x="7143958" y="4332159"/>
              <a:ext cx="297657" cy="344044"/>
            </a:xfrm>
            <a:custGeom>
              <a:avLst/>
              <a:gdLst/>
              <a:ahLst/>
              <a:cxnLst/>
              <a:rect l="l" t="t" r="r" b="b"/>
              <a:pathLst>
                <a:path w="3510" h="4057" extrusionOk="0">
                  <a:moveTo>
                    <a:pt x="1839" y="1"/>
                  </a:moveTo>
                  <a:cubicBezTo>
                    <a:pt x="1185" y="1"/>
                    <a:pt x="773" y="661"/>
                    <a:pt x="846" y="1041"/>
                  </a:cubicBezTo>
                  <a:cubicBezTo>
                    <a:pt x="278" y="1076"/>
                    <a:pt x="241" y="2213"/>
                    <a:pt x="878" y="2387"/>
                  </a:cubicBezTo>
                  <a:cubicBezTo>
                    <a:pt x="878" y="2387"/>
                    <a:pt x="0" y="2834"/>
                    <a:pt x="310" y="3629"/>
                  </a:cubicBezTo>
                  <a:cubicBezTo>
                    <a:pt x="440" y="3960"/>
                    <a:pt x="660" y="4056"/>
                    <a:pt x="873" y="4056"/>
                  </a:cubicBezTo>
                  <a:cubicBezTo>
                    <a:pt x="1168" y="4056"/>
                    <a:pt x="1448" y="3870"/>
                    <a:pt x="1448" y="3870"/>
                  </a:cubicBezTo>
                  <a:cubicBezTo>
                    <a:pt x="1519" y="3921"/>
                    <a:pt x="1587" y="3939"/>
                    <a:pt x="1648" y="3939"/>
                  </a:cubicBezTo>
                  <a:cubicBezTo>
                    <a:pt x="1813" y="3939"/>
                    <a:pt x="1930" y="3802"/>
                    <a:pt x="1930" y="3800"/>
                  </a:cubicBezTo>
                  <a:cubicBezTo>
                    <a:pt x="2088" y="3863"/>
                    <a:pt x="2233" y="3891"/>
                    <a:pt x="2363" y="3891"/>
                  </a:cubicBezTo>
                  <a:cubicBezTo>
                    <a:pt x="3163" y="3891"/>
                    <a:pt x="3433" y="2856"/>
                    <a:pt x="3137" y="2619"/>
                  </a:cubicBezTo>
                  <a:cubicBezTo>
                    <a:pt x="3509" y="2029"/>
                    <a:pt x="3247" y="1374"/>
                    <a:pt x="2765" y="1374"/>
                  </a:cubicBezTo>
                  <a:cubicBezTo>
                    <a:pt x="2711" y="1374"/>
                    <a:pt x="2654" y="1383"/>
                    <a:pt x="2594" y="1400"/>
                  </a:cubicBezTo>
                  <a:cubicBezTo>
                    <a:pt x="2879" y="965"/>
                    <a:pt x="2826" y="291"/>
                    <a:pt x="2208" y="68"/>
                  </a:cubicBezTo>
                  <a:cubicBezTo>
                    <a:pt x="2078" y="22"/>
                    <a:pt x="1954" y="1"/>
                    <a:pt x="1839"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8" name="Google Shape;298;p16"/>
            <p:cNvSpPr/>
            <p:nvPr/>
          </p:nvSpPr>
          <p:spPr>
            <a:xfrm>
              <a:off x="7124634" y="4277738"/>
              <a:ext cx="301218" cy="571145"/>
            </a:xfrm>
            <a:custGeom>
              <a:avLst/>
              <a:gdLst/>
              <a:ahLst/>
              <a:cxnLst/>
              <a:rect l="l" t="t" r="r" b="b"/>
              <a:pathLst>
                <a:path w="3552" h="6735" fill="none" extrusionOk="0">
                  <a:moveTo>
                    <a:pt x="1448" y="6735"/>
                  </a:moveTo>
                  <a:lnTo>
                    <a:pt x="1448" y="4112"/>
                  </a:lnTo>
                  <a:cubicBezTo>
                    <a:pt x="1448" y="4112"/>
                    <a:pt x="621" y="4666"/>
                    <a:pt x="311" y="3871"/>
                  </a:cubicBezTo>
                  <a:cubicBezTo>
                    <a:pt x="1" y="3079"/>
                    <a:pt x="879" y="2630"/>
                    <a:pt x="879" y="2630"/>
                  </a:cubicBezTo>
                  <a:cubicBezTo>
                    <a:pt x="242" y="2458"/>
                    <a:pt x="279" y="1319"/>
                    <a:pt x="846" y="1286"/>
                  </a:cubicBezTo>
                  <a:cubicBezTo>
                    <a:pt x="760" y="837"/>
                    <a:pt x="1347" y="1"/>
                    <a:pt x="2208" y="311"/>
                  </a:cubicBezTo>
                  <a:cubicBezTo>
                    <a:pt x="2829" y="536"/>
                    <a:pt x="2880" y="1210"/>
                    <a:pt x="2595" y="1643"/>
                  </a:cubicBezTo>
                  <a:cubicBezTo>
                    <a:pt x="3181" y="1472"/>
                    <a:pt x="3552" y="2208"/>
                    <a:pt x="3139" y="2861"/>
                  </a:cubicBezTo>
                  <a:cubicBezTo>
                    <a:pt x="3482" y="3139"/>
                    <a:pt x="3061" y="4492"/>
                    <a:pt x="1930" y="4045"/>
                  </a:cubicBezTo>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299" name="Google Shape;299;p16"/>
          <p:cNvGrpSpPr/>
          <p:nvPr/>
        </p:nvGrpSpPr>
        <p:grpSpPr>
          <a:xfrm rot="-5091608">
            <a:off x="8072308" y="-364122"/>
            <a:ext cx="1360819" cy="1440479"/>
            <a:chOff x="8273200" y="4264350"/>
            <a:chExt cx="1044664" cy="1105817"/>
          </a:xfrm>
        </p:grpSpPr>
        <p:sp>
          <p:nvSpPr>
            <p:cNvPr id="300" name="Google Shape;300;p16"/>
            <p:cNvSpPr/>
            <p:nvPr/>
          </p:nvSpPr>
          <p:spPr>
            <a:xfrm>
              <a:off x="8273200" y="4264350"/>
              <a:ext cx="1044664" cy="1105817"/>
            </a:xfrm>
            <a:custGeom>
              <a:avLst/>
              <a:gdLst/>
              <a:ahLst/>
              <a:cxnLst/>
              <a:rect l="l" t="t" r="r" b="b"/>
              <a:pathLst>
                <a:path w="9853" h="8825" extrusionOk="0">
                  <a:moveTo>
                    <a:pt x="5786" y="1"/>
                  </a:moveTo>
                  <a:cubicBezTo>
                    <a:pt x="5231" y="1"/>
                    <a:pt x="4841" y="835"/>
                    <a:pt x="4334" y="835"/>
                  </a:cubicBezTo>
                  <a:cubicBezTo>
                    <a:pt x="4280" y="835"/>
                    <a:pt x="4226" y="826"/>
                    <a:pt x="4170" y="806"/>
                  </a:cubicBezTo>
                  <a:cubicBezTo>
                    <a:pt x="4059" y="766"/>
                    <a:pt x="3966" y="683"/>
                    <a:pt x="3855" y="644"/>
                  </a:cubicBezTo>
                  <a:cubicBezTo>
                    <a:pt x="3801" y="624"/>
                    <a:pt x="3747" y="615"/>
                    <a:pt x="3693" y="615"/>
                  </a:cubicBezTo>
                  <a:cubicBezTo>
                    <a:pt x="3387" y="615"/>
                    <a:pt x="3103" y="910"/>
                    <a:pt x="2919" y="1188"/>
                  </a:cubicBezTo>
                  <a:cubicBezTo>
                    <a:pt x="2712" y="1500"/>
                    <a:pt x="2451" y="1871"/>
                    <a:pt x="2084" y="1871"/>
                  </a:cubicBezTo>
                  <a:cubicBezTo>
                    <a:pt x="2070" y="1871"/>
                    <a:pt x="2056" y="1870"/>
                    <a:pt x="2041" y="1869"/>
                  </a:cubicBezTo>
                  <a:cubicBezTo>
                    <a:pt x="1935" y="1862"/>
                    <a:pt x="1830" y="1822"/>
                    <a:pt x="1727" y="1822"/>
                  </a:cubicBezTo>
                  <a:cubicBezTo>
                    <a:pt x="1699" y="1822"/>
                    <a:pt x="1672" y="1825"/>
                    <a:pt x="1645" y="1832"/>
                  </a:cubicBezTo>
                  <a:cubicBezTo>
                    <a:pt x="1360" y="1904"/>
                    <a:pt x="1363" y="2307"/>
                    <a:pt x="1439" y="2587"/>
                  </a:cubicBezTo>
                  <a:cubicBezTo>
                    <a:pt x="1518" y="2870"/>
                    <a:pt x="1559" y="3259"/>
                    <a:pt x="1288" y="3375"/>
                  </a:cubicBezTo>
                  <a:cubicBezTo>
                    <a:pt x="1196" y="3414"/>
                    <a:pt x="1080" y="3407"/>
                    <a:pt x="1004" y="3477"/>
                  </a:cubicBezTo>
                  <a:cubicBezTo>
                    <a:pt x="858" y="3609"/>
                    <a:pt x="997" y="3854"/>
                    <a:pt x="939" y="4039"/>
                  </a:cubicBezTo>
                  <a:cubicBezTo>
                    <a:pt x="858" y="4297"/>
                    <a:pt x="489" y="4294"/>
                    <a:pt x="283" y="4468"/>
                  </a:cubicBezTo>
                  <a:cubicBezTo>
                    <a:pt x="0" y="4707"/>
                    <a:pt x="123" y="5175"/>
                    <a:pt x="346" y="5471"/>
                  </a:cubicBezTo>
                  <a:cubicBezTo>
                    <a:pt x="897" y="6212"/>
                    <a:pt x="876" y="6384"/>
                    <a:pt x="691" y="7269"/>
                  </a:cubicBezTo>
                  <a:cubicBezTo>
                    <a:pt x="582" y="7776"/>
                    <a:pt x="656" y="8156"/>
                    <a:pt x="1133" y="8418"/>
                  </a:cubicBezTo>
                  <a:cubicBezTo>
                    <a:pt x="1705" y="8730"/>
                    <a:pt x="2470" y="8824"/>
                    <a:pt x="3257" y="8824"/>
                  </a:cubicBezTo>
                  <a:cubicBezTo>
                    <a:pt x="4131" y="8824"/>
                    <a:pt x="5032" y="8708"/>
                    <a:pt x="5720" y="8647"/>
                  </a:cubicBezTo>
                  <a:cubicBezTo>
                    <a:pt x="6656" y="8564"/>
                    <a:pt x="7605" y="8452"/>
                    <a:pt x="8465" y="8075"/>
                  </a:cubicBezTo>
                  <a:cubicBezTo>
                    <a:pt x="8872" y="7899"/>
                    <a:pt x="9273" y="7644"/>
                    <a:pt x="9463" y="7243"/>
                  </a:cubicBezTo>
                  <a:cubicBezTo>
                    <a:pt x="9567" y="7025"/>
                    <a:pt x="9600" y="6782"/>
                    <a:pt x="9628" y="6541"/>
                  </a:cubicBezTo>
                  <a:cubicBezTo>
                    <a:pt x="9760" y="5464"/>
                    <a:pt x="9852" y="4364"/>
                    <a:pt x="9662" y="3291"/>
                  </a:cubicBezTo>
                  <a:cubicBezTo>
                    <a:pt x="9470" y="2221"/>
                    <a:pt x="8965" y="1169"/>
                    <a:pt x="8092" y="521"/>
                  </a:cubicBezTo>
                  <a:cubicBezTo>
                    <a:pt x="7923" y="396"/>
                    <a:pt x="7737" y="285"/>
                    <a:pt x="7531" y="245"/>
                  </a:cubicBezTo>
                  <a:cubicBezTo>
                    <a:pt x="7462" y="232"/>
                    <a:pt x="7392" y="227"/>
                    <a:pt x="7322" y="227"/>
                  </a:cubicBezTo>
                  <a:cubicBezTo>
                    <a:pt x="7119" y="227"/>
                    <a:pt x="6912" y="268"/>
                    <a:pt x="6711" y="268"/>
                  </a:cubicBezTo>
                  <a:cubicBezTo>
                    <a:pt x="6612" y="268"/>
                    <a:pt x="6515" y="258"/>
                    <a:pt x="6419" y="229"/>
                  </a:cubicBezTo>
                  <a:cubicBezTo>
                    <a:pt x="6225" y="169"/>
                    <a:pt x="6051" y="27"/>
                    <a:pt x="5850" y="4"/>
                  </a:cubicBezTo>
                  <a:cubicBezTo>
                    <a:pt x="5828" y="2"/>
                    <a:pt x="5807" y="1"/>
                    <a:pt x="5786"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1" name="Google Shape;301;p16"/>
            <p:cNvSpPr/>
            <p:nvPr/>
          </p:nvSpPr>
          <p:spPr>
            <a:xfrm>
              <a:off x="8497910" y="4516225"/>
              <a:ext cx="595257" cy="742658"/>
            </a:xfrm>
            <a:custGeom>
              <a:avLst/>
              <a:gdLst/>
              <a:ahLst/>
              <a:cxnLst/>
              <a:rect l="l" t="t" r="r" b="b"/>
              <a:pathLst>
                <a:path w="8584" h="10710" extrusionOk="0">
                  <a:moveTo>
                    <a:pt x="4027" y="1"/>
                  </a:moveTo>
                  <a:cubicBezTo>
                    <a:pt x="3970" y="1"/>
                    <a:pt x="3896" y="34"/>
                    <a:pt x="3858" y="73"/>
                  </a:cubicBezTo>
                  <a:cubicBezTo>
                    <a:pt x="3700" y="228"/>
                    <a:pt x="3684" y="612"/>
                    <a:pt x="3816" y="791"/>
                  </a:cubicBezTo>
                  <a:cubicBezTo>
                    <a:pt x="3994" y="1029"/>
                    <a:pt x="4217" y="1196"/>
                    <a:pt x="4530" y="1226"/>
                  </a:cubicBezTo>
                  <a:cubicBezTo>
                    <a:pt x="4715" y="1245"/>
                    <a:pt x="4777" y="1321"/>
                    <a:pt x="4810" y="1506"/>
                  </a:cubicBezTo>
                  <a:cubicBezTo>
                    <a:pt x="4824" y="1578"/>
                    <a:pt x="4821" y="1652"/>
                    <a:pt x="4840" y="1724"/>
                  </a:cubicBezTo>
                  <a:cubicBezTo>
                    <a:pt x="4956" y="2187"/>
                    <a:pt x="5204" y="2577"/>
                    <a:pt x="5542" y="2912"/>
                  </a:cubicBezTo>
                  <a:cubicBezTo>
                    <a:pt x="5711" y="3082"/>
                    <a:pt x="5919" y="3163"/>
                    <a:pt x="6135" y="3209"/>
                  </a:cubicBezTo>
                  <a:cubicBezTo>
                    <a:pt x="6253" y="3193"/>
                    <a:pt x="6376" y="3228"/>
                    <a:pt x="6438" y="3105"/>
                  </a:cubicBezTo>
                  <a:lnTo>
                    <a:pt x="6438" y="3107"/>
                  </a:lnTo>
                  <a:cubicBezTo>
                    <a:pt x="6529" y="2926"/>
                    <a:pt x="6566" y="2729"/>
                    <a:pt x="6355" y="2572"/>
                  </a:cubicBezTo>
                  <a:cubicBezTo>
                    <a:pt x="6267" y="2507"/>
                    <a:pt x="6188" y="2431"/>
                    <a:pt x="6116" y="2347"/>
                  </a:cubicBezTo>
                  <a:cubicBezTo>
                    <a:pt x="6001" y="2218"/>
                    <a:pt x="5887" y="2088"/>
                    <a:pt x="5783" y="1949"/>
                  </a:cubicBezTo>
                  <a:cubicBezTo>
                    <a:pt x="5676" y="1810"/>
                    <a:pt x="5551" y="1680"/>
                    <a:pt x="5486" y="1525"/>
                  </a:cubicBezTo>
                  <a:cubicBezTo>
                    <a:pt x="5414" y="1351"/>
                    <a:pt x="5273" y="1196"/>
                    <a:pt x="5299" y="990"/>
                  </a:cubicBezTo>
                  <a:cubicBezTo>
                    <a:pt x="5331" y="742"/>
                    <a:pt x="5199" y="566"/>
                    <a:pt x="5046" y="406"/>
                  </a:cubicBezTo>
                  <a:cubicBezTo>
                    <a:pt x="4777" y="126"/>
                    <a:pt x="4407" y="75"/>
                    <a:pt x="4050" y="3"/>
                  </a:cubicBezTo>
                  <a:cubicBezTo>
                    <a:pt x="4043" y="2"/>
                    <a:pt x="4035" y="1"/>
                    <a:pt x="4027" y="1"/>
                  </a:cubicBezTo>
                  <a:close/>
                  <a:moveTo>
                    <a:pt x="447" y="2266"/>
                  </a:moveTo>
                  <a:cubicBezTo>
                    <a:pt x="348" y="2266"/>
                    <a:pt x="274" y="2315"/>
                    <a:pt x="182" y="2419"/>
                  </a:cubicBezTo>
                  <a:cubicBezTo>
                    <a:pt x="40" y="2581"/>
                    <a:pt x="1" y="2778"/>
                    <a:pt x="3" y="2982"/>
                  </a:cubicBezTo>
                  <a:cubicBezTo>
                    <a:pt x="8" y="3045"/>
                    <a:pt x="36" y="3102"/>
                    <a:pt x="80" y="3146"/>
                  </a:cubicBezTo>
                  <a:cubicBezTo>
                    <a:pt x="145" y="3205"/>
                    <a:pt x="212" y="3276"/>
                    <a:pt x="301" y="3276"/>
                  </a:cubicBezTo>
                  <a:cubicBezTo>
                    <a:pt x="328" y="3276"/>
                    <a:pt x="358" y="3269"/>
                    <a:pt x="390" y="3253"/>
                  </a:cubicBezTo>
                  <a:cubicBezTo>
                    <a:pt x="511" y="3276"/>
                    <a:pt x="626" y="3309"/>
                    <a:pt x="744" y="3320"/>
                  </a:cubicBezTo>
                  <a:cubicBezTo>
                    <a:pt x="782" y="3324"/>
                    <a:pt x="821" y="3328"/>
                    <a:pt x="857" y="3328"/>
                  </a:cubicBezTo>
                  <a:cubicBezTo>
                    <a:pt x="952" y="3328"/>
                    <a:pt x="1036" y="3300"/>
                    <a:pt x="1076" y="3167"/>
                  </a:cubicBezTo>
                  <a:cubicBezTo>
                    <a:pt x="1090" y="3119"/>
                    <a:pt x="1152" y="3091"/>
                    <a:pt x="1182" y="3045"/>
                  </a:cubicBezTo>
                  <a:cubicBezTo>
                    <a:pt x="1205" y="3010"/>
                    <a:pt x="1231" y="2959"/>
                    <a:pt x="1224" y="2922"/>
                  </a:cubicBezTo>
                  <a:cubicBezTo>
                    <a:pt x="1196" y="2716"/>
                    <a:pt x="1134" y="2526"/>
                    <a:pt x="923" y="2431"/>
                  </a:cubicBezTo>
                  <a:cubicBezTo>
                    <a:pt x="823" y="2387"/>
                    <a:pt x="724" y="2340"/>
                    <a:pt x="622" y="2303"/>
                  </a:cubicBezTo>
                  <a:cubicBezTo>
                    <a:pt x="554" y="2279"/>
                    <a:pt x="497" y="2266"/>
                    <a:pt x="447" y="2266"/>
                  </a:cubicBezTo>
                  <a:close/>
                  <a:moveTo>
                    <a:pt x="8162" y="1394"/>
                  </a:moveTo>
                  <a:cubicBezTo>
                    <a:pt x="8006" y="1394"/>
                    <a:pt x="7887" y="1482"/>
                    <a:pt x="7770" y="1583"/>
                  </a:cubicBezTo>
                  <a:cubicBezTo>
                    <a:pt x="7657" y="1685"/>
                    <a:pt x="7675" y="1814"/>
                    <a:pt x="7715" y="1935"/>
                  </a:cubicBezTo>
                  <a:cubicBezTo>
                    <a:pt x="7791" y="2167"/>
                    <a:pt x="7872" y="2396"/>
                    <a:pt x="7967" y="2621"/>
                  </a:cubicBezTo>
                  <a:cubicBezTo>
                    <a:pt x="8067" y="2852"/>
                    <a:pt x="8164" y="3089"/>
                    <a:pt x="8296" y="3302"/>
                  </a:cubicBezTo>
                  <a:cubicBezTo>
                    <a:pt x="8361" y="3408"/>
                    <a:pt x="8421" y="3519"/>
                    <a:pt x="8472" y="3631"/>
                  </a:cubicBezTo>
                  <a:lnTo>
                    <a:pt x="8583" y="1541"/>
                  </a:lnTo>
                  <a:cubicBezTo>
                    <a:pt x="8484" y="1472"/>
                    <a:pt x="8373" y="1425"/>
                    <a:pt x="8257" y="1404"/>
                  </a:cubicBezTo>
                  <a:cubicBezTo>
                    <a:pt x="8224" y="1397"/>
                    <a:pt x="8192" y="1394"/>
                    <a:pt x="8162" y="1394"/>
                  </a:cubicBezTo>
                  <a:close/>
                  <a:moveTo>
                    <a:pt x="3261" y="3739"/>
                  </a:moveTo>
                  <a:cubicBezTo>
                    <a:pt x="3167" y="3739"/>
                    <a:pt x="3077" y="3769"/>
                    <a:pt x="2998" y="3844"/>
                  </a:cubicBezTo>
                  <a:cubicBezTo>
                    <a:pt x="2876" y="3953"/>
                    <a:pt x="2769" y="4075"/>
                    <a:pt x="2679" y="4210"/>
                  </a:cubicBezTo>
                  <a:cubicBezTo>
                    <a:pt x="2544" y="4418"/>
                    <a:pt x="2426" y="4631"/>
                    <a:pt x="2208" y="4768"/>
                  </a:cubicBezTo>
                  <a:cubicBezTo>
                    <a:pt x="2134" y="4812"/>
                    <a:pt x="2102" y="4902"/>
                    <a:pt x="2132" y="4983"/>
                  </a:cubicBezTo>
                  <a:cubicBezTo>
                    <a:pt x="2215" y="5250"/>
                    <a:pt x="2478" y="5435"/>
                    <a:pt x="2759" y="5435"/>
                  </a:cubicBezTo>
                  <a:cubicBezTo>
                    <a:pt x="2783" y="5435"/>
                    <a:pt x="2807" y="5433"/>
                    <a:pt x="2832" y="5430"/>
                  </a:cubicBezTo>
                  <a:cubicBezTo>
                    <a:pt x="2896" y="5424"/>
                    <a:pt x="2959" y="5426"/>
                    <a:pt x="3024" y="5424"/>
                  </a:cubicBezTo>
                  <a:cubicBezTo>
                    <a:pt x="3262" y="5421"/>
                    <a:pt x="3508" y="5391"/>
                    <a:pt x="3638" y="5164"/>
                  </a:cubicBezTo>
                  <a:lnTo>
                    <a:pt x="3638" y="5166"/>
                  </a:lnTo>
                  <a:cubicBezTo>
                    <a:pt x="3784" y="4916"/>
                    <a:pt x="3888" y="4643"/>
                    <a:pt x="4008" y="4379"/>
                  </a:cubicBezTo>
                  <a:cubicBezTo>
                    <a:pt x="4073" y="4240"/>
                    <a:pt x="3950" y="4152"/>
                    <a:pt x="3913" y="4041"/>
                  </a:cubicBezTo>
                  <a:cubicBezTo>
                    <a:pt x="3904" y="4010"/>
                    <a:pt x="3886" y="3960"/>
                    <a:pt x="3872" y="3960"/>
                  </a:cubicBezTo>
                  <a:cubicBezTo>
                    <a:pt x="3870" y="3960"/>
                    <a:pt x="3869" y="3960"/>
                    <a:pt x="3867" y="3960"/>
                  </a:cubicBezTo>
                  <a:cubicBezTo>
                    <a:pt x="3712" y="3960"/>
                    <a:pt x="3616" y="3836"/>
                    <a:pt x="3485" y="3786"/>
                  </a:cubicBezTo>
                  <a:cubicBezTo>
                    <a:pt x="3409" y="3757"/>
                    <a:pt x="3334" y="3739"/>
                    <a:pt x="3261" y="3739"/>
                  </a:cubicBezTo>
                  <a:close/>
                  <a:moveTo>
                    <a:pt x="5906" y="4468"/>
                  </a:moveTo>
                  <a:cubicBezTo>
                    <a:pt x="5840" y="4468"/>
                    <a:pt x="5772" y="4478"/>
                    <a:pt x="5702" y="4504"/>
                  </a:cubicBezTo>
                  <a:cubicBezTo>
                    <a:pt x="5691" y="4508"/>
                    <a:pt x="5679" y="4509"/>
                    <a:pt x="5667" y="4509"/>
                  </a:cubicBezTo>
                  <a:cubicBezTo>
                    <a:pt x="5643" y="4509"/>
                    <a:pt x="5618" y="4504"/>
                    <a:pt x="5593" y="4504"/>
                  </a:cubicBezTo>
                  <a:cubicBezTo>
                    <a:pt x="5447" y="4504"/>
                    <a:pt x="5303" y="4555"/>
                    <a:pt x="5190" y="4647"/>
                  </a:cubicBezTo>
                  <a:cubicBezTo>
                    <a:pt x="4979" y="4812"/>
                    <a:pt x="4858" y="5053"/>
                    <a:pt x="4701" y="5259"/>
                  </a:cubicBezTo>
                  <a:cubicBezTo>
                    <a:pt x="4608" y="5384"/>
                    <a:pt x="4657" y="5535"/>
                    <a:pt x="4794" y="5648"/>
                  </a:cubicBezTo>
                  <a:cubicBezTo>
                    <a:pt x="5016" y="5834"/>
                    <a:pt x="5287" y="5924"/>
                    <a:pt x="5556" y="6000"/>
                  </a:cubicBezTo>
                  <a:cubicBezTo>
                    <a:pt x="5579" y="6007"/>
                    <a:pt x="5603" y="6010"/>
                    <a:pt x="5628" y="6010"/>
                  </a:cubicBezTo>
                  <a:cubicBezTo>
                    <a:pt x="5699" y="6010"/>
                    <a:pt x="5776" y="5989"/>
                    <a:pt x="5850" y="5984"/>
                  </a:cubicBezTo>
                  <a:lnTo>
                    <a:pt x="5857" y="6021"/>
                  </a:lnTo>
                  <a:cubicBezTo>
                    <a:pt x="5984" y="5991"/>
                    <a:pt x="6114" y="5947"/>
                    <a:pt x="6244" y="5931"/>
                  </a:cubicBezTo>
                  <a:cubicBezTo>
                    <a:pt x="6431" y="5910"/>
                    <a:pt x="6503" y="5792"/>
                    <a:pt x="6545" y="5627"/>
                  </a:cubicBezTo>
                  <a:cubicBezTo>
                    <a:pt x="6570" y="5523"/>
                    <a:pt x="6610" y="5424"/>
                    <a:pt x="6665" y="5331"/>
                  </a:cubicBezTo>
                  <a:cubicBezTo>
                    <a:pt x="6837" y="5060"/>
                    <a:pt x="6749" y="4729"/>
                    <a:pt x="6445" y="4620"/>
                  </a:cubicBezTo>
                  <a:cubicBezTo>
                    <a:pt x="6270" y="4554"/>
                    <a:pt x="6095" y="4468"/>
                    <a:pt x="5906" y="4468"/>
                  </a:cubicBezTo>
                  <a:close/>
                  <a:moveTo>
                    <a:pt x="6927" y="4136"/>
                  </a:moveTo>
                  <a:lnTo>
                    <a:pt x="6927" y="4136"/>
                  </a:lnTo>
                  <a:cubicBezTo>
                    <a:pt x="6946" y="4224"/>
                    <a:pt x="6950" y="4316"/>
                    <a:pt x="6983" y="4397"/>
                  </a:cubicBezTo>
                  <a:cubicBezTo>
                    <a:pt x="7092" y="4654"/>
                    <a:pt x="7200" y="4914"/>
                    <a:pt x="7330" y="5159"/>
                  </a:cubicBezTo>
                  <a:cubicBezTo>
                    <a:pt x="7420" y="5326"/>
                    <a:pt x="7550" y="5472"/>
                    <a:pt x="7654" y="5632"/>
                  </a:cubicBezTo>
                  <a:cubicBezTo>
                    <a:pt x="7761" y="5790"/>
                    <a:pt x="7877" y="5940"/>
                    <a:pt x="8041" y="6051"/>
                  </a:cubicBezTo>
                  <a:cubicBezTo>
                    <a:pt x="8115" y="6102"/>
                    <a:pt x="8173" y="6209"/>
                    <a:pt x="8199" y="6299"/>
                  </a:cubicBezTo>
                  <a:cubicBezTo>
                    <a:pt x="8236" y="6440"/>
                    <a:pt x="8273" y="6582"/>
                    <a:pt x="8312" y="6723"/>
                  </a:cubicBezTo>
                  <a:lnTo>
                    <a:pt x="8347" y="6028"/>
                  </a:lnTo>
                  <a:cubicBezTo>
                    <a:pt x="8287" y="5947"/>
                    <a:pt x="8215" y="5878"/>
                    <a:pt x="8152" y="5801"/>
                  </a:cubicBezTo>
                  <a:lnTo>
                    <a:pt x="8152" y="5803"/>
                  </a:lnTo>
                  <a:cubicBezTo>
                    <a:pt x="8074" y="5706"/>
                    <a:pt x="7986" y="5611"/>
                    <a:pt x="7914" y="5509"/>
                  </a:cubicBezTo>
                  <a:cubicBezTo>
                    <a:pt x="7828" y="5389"/>
                    <a:pt x="7756" y="5261"/>
                    <a:pt x="7673" y="5141"/>
                  </a:cubicBezTo>
                  <a:cubicBezTo>
                    <a:pt x="7613" y="5051"/>
                    <a:pt x="7525" y="4976"/>
                    <a:pt x="7478" y="4879"/>
                  </a:cubicBezTo>
                  <a:cubicBezTo>
                    <a:pt x="7342" y="4599"/>
                    <a:pt x="7119" y="4381"/>
                    <a:pt x="6927" y="4136"/>
                  </a:cubicBezTo>
                  <a:close/>
                  <a:moveTo>
                    <a:pt x="3120" y="8472"/>
                  </a:moveTo>
                  <a:cubicBezTo>
                    <a:pt x="2971" y="8472"/>
                    <a:pt x="2822" y="8513"/>
                    <a:pt x="2674" y="8541"/>
                  </a:cubicBezTo>
                  <a:cubicBezTo>
                    <a:pt x="2646" y="8548"/>
                    <a:pt x="2623" y="8565"/>
                    <a:pt x="2607" y="8585"/>
                  </a:cubicBezTo>
                  <a:cubicBezTo>
                    <a:pt x="2475" y="8785"/>
                    <a:pt x="2252" y="8907"/>
                    <a:pt x="2171" y="9153"/>
                  </a:cubicBezTo>
                  <a:cubicBezTo>
                    <a:pt x="2123" y="9306"/>
                    <a:pt x="2074" y="9438"/>
                    <a:pt x="2183" y="9584"/>
                  </a:cubicBezTo>
                  <a:cubicBezTo>
                    <a:pt x="2273" y="9702"/>
                    <a:pt x="2310" y="9850"/>
                    <a:pt x="2287" y="9996"/>
                  </a:cubicBezTo>
                  <a:cubicBezTo>
                    <a:pt x="2271" y="10144"/>
                    <a:pt x="2297" y="10293"/>
                    <a:pt x="2364" y="10425"/>
                  </a:cubicBezTo>
                  <a:lnTo>
                    <a:pt x="4923" y="10561"/>
                  </a:lnTo>
                  <a:cubicBezTo>
                    <a:pt x="4889" y="10497"/>
                    <a:pt x="4852" y="10436"/>
                    <a:pt x="4810" y="10378"/>
                  </a:cubicBezTo>
                  <a:cubicBezTo>
                    <a:pt x="4638" y="10142"/>
                    <a:pt x="4625" y="9825"/>
                    <a:pt x="4374" y="9637"/>
                  </a:cubicBezTo>
                  <a:cubicBezTo>
                    <a:pt x="4303" y="9584"/>
                    <a:pt x="4307" y="9436"/>
                    <a:pt x="4240" y="9375"/>
                  </a:cubicBezTo>
                  <a:cubicBezTo>
                    <a:pt x="4147" y="9297"/>
                    <a:pt x="4115" y="9202"/>
                    <a:pt x="4080" y="9100"/>
                  </a:cubicBezTo>
                  <a:cubicBezTo>
                    <a:pt x="4025" y="8940"/>
                    <a:pt x="3946" y="8799"/>
                    <a:pt x="3779" y="8727"/>
                  </a:cubicBezTo>
                  <a:cubicBezTo>
                    <a:pt x="3663" y="8676"/>
                    <a:pt x="3550" y="8620"/>
                    <a:pt x="3441" y="8555"/>
                  </a:cubicBezTo>
                  <a:cubicBezTo>
                    <a:pt x="3334" y="8493"/>
                    <a:pt x="3227" y="8472"/>
                    <a:pt x="3120" y="8472"/>
                  </a:cubicBezTo>
                  <a:close/>
                  <a:moveTo>
                    <a:pt x="6827" y="9297"/>
                  </a:moveTo>
                  <a:cubicBezTo>
                    <a:pt x="6769" y="9297"/>
                    <a:pt x="6691" y="9340"/>
                    <a:pt x="6631" y="9373"/>
                  </a:cubicBezTo>
                  <a:cubicBezTo>
                    <a:pt x="6568" y="9405"/>
                    <a:pt x="6519" y="9466"/>
                    <a:pt x="6461" y="9510"/>
                  </a:cubicBezTo>
                  <a:cubicBezTo>
                    <a:pt x="6346" y="9593"/>
                    <a:pt x="6295" y="9739"/>
                    <a:pt x="6336" y="9876"/>
                  </a:cubicBezTo>
                  <a:cubicBezTo>
                    <a:pt x="6404" y="10133"/>
                    <a:pt x="6415" y="10408"/>
                    <a:pt x="6559" y="10645"/>
                  </a:cubicBezTo>
                  <a:lnTo>
                    <a:pt x="7796" y="10710"/>
                  </a:lnTo>
                  <a:cubicBezTo>
                    <a:pt x="7777" y="10654"/>
                    <a:pt x="7759" y="10598"/>
                    <a:pt x="7740" y="10541"/>
                  </a:cubicBezTo>
                  <a:cubicBezTo>
                    <a:pt x="7729" y="10508"/>
                    <a:pt x="7733" y="10469"/>
                    <a:pt x="7724" y="10434"/>
                  </a:cubicBezTo>
                  <a:cubicBezTo>
                    <a:pt x="7698" y="10337"/>
                    <a:pt x="7671" y="10242"/>
                    <a:pt x="7643" y="10149"/>
                  </a:cubicBezTo>
                  <a:cubicBezTo>
                    <a:pt x="7601" y="10019"/>
                    <a:pt x="7546" y="9892"/>
                    <a:pt x="7522" y="9760"/>
                  </a:cubicBezTo>
                  <a:cubicBezTo>
                    <a:pt x="7504" y="9663"/>
                    <a:pt x="7460" y="9602"/>
                    <a:pt x="7400" y="9528"/>
                  </a:cubicBezTo>
                  <a:cubicBezTo>
                    <a:pt x="7256" y="9355"/>
                    <a:pt x="7043" y="9361"/>
                    <a:pt x="6858" y="9301"/>
                  </a:cubicBezTo>
                  <a:cubicBezTo>
                    <a:pt x="6848" y="9298"/>
                    <a:pt x="6838" y="9297"/>
                    <a:pt x="6827" y="9297"/>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02" name="Google Shape;302;p16"/>
          <p:cNvSpPr/>
          <p:nvPr/>
        </p:nvSpPr>
        <p:spPr>
          <a:xfrm rot="-1047473">
            <a:off x="3666157" y="-647443"/>
            <a:ext cx="2847525" cy="1151171"/>
          </a:xfrm>
          <a:custGeom>
            <a:avLst/>
            <a:gdLst/>
            <a:ahLst/>
            <a:cxnLst/>
            <a:rect l="l" t="t" r="r" b="b"/>
            <a:pathLst>
              <a:path w="31433" h="12707" fill="none" extrusionOk="0">
                <a:moveTo>
                  <a:pt x="31433" y="11416"/>
                </a:moveTo>
                <a:cubicBezTo>
                  <a:pt x="28345" y="12706"/>
                  <a:pt x="24513" y="12049"/>
                  <a:pt x="22063" y="9758"/>
                </a:cubicBezTo>
                <a:cubicBezTo>
                  <a:pt x="21465" y="9197"/>
                  <a:pt x="20934" y="8544"/>
                  <a:pt x="20230" y="8124"/>
                </a:cubicBezTo>
                <a:cubicBezTo>
                  <a:pt x="18926" y="7353"/>
                  <a:pt x="17265" y="7522"/>
                  <a:pt x="15824" y="7986"/>
                </a:cubicBezTo>
                <a:cubicBezTo>
                  <a:pt x="14381" y="8449"/>
                  <a:pt x="13021" y="9176"/>
                  <a:pt x="11537" y="9480"/>
                </a:cubicBezTo>
                <a:cubicBezTo>
                  <a:pt x="8766" y="10043"/>
                  <a:pt x="5803" y="8998"/>
                  <a:pt x="3730" y="7075"/>
                </a:cubicBezTo>
                <a:cubicBezTo>
                  <a:pt x="1743" y="5234"/>
                  <a:pt x="524" y="2665"/>
                  <a:pt x="1" y="1"/>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3" name="Google Shape;303;p16"/>
          <p:cNvSpPr txBox="1">
            <a:spLocks noGrp="1"/>
          </p:cNvSpPr>
          <p:nvPr>
            <p:ph type="subTitle" idx="1"/>
          </p:nvPr>
        </p:nvSpPr>
        <p:spPr>
          <a:xfrm>
            <a:off x="715088" y="2188950"/>
            <a:ext cx="3195300" cy="1185900"/>
          </a:xfrm>
          <a:prstGeom prst="rect">
            <a:avLst/>
          </a:prstGeom>
        </p:spPr>
        <p:txBody>
          <a:bodyPr spcFirstLastPara="1" wrap="square" lIns="91425" tIns="91425" rIns="91425" bIns="91425" anchor="ctr" anchorCtr="0">
            <a:noAutofit/>
          </a:bodyPr>
          <a:lstStyle>
            <a:lvl1pPr lvl="0" rtl="0">
              <a:lnSpc>
                <a:spcPct val="100000"/>
              </a:lnSpc>
              <a:spcBef>
                <a:spcPts val="0"/>
              </a:spcBef>
              <a:spcAft>
                <a:spcPts val="0"/>
              </a:spcAft>
              <a:buSzPts val="1400"/>
              <a:buNone/>
              <a:defRPr/>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304" name="Google Shape;304;p16"/>
          <p:cNvSpPr txBox="1">
            <a:spLocks noGrp="1"/>
          </p:cNvSpPr>
          <p:nvPr>
            <p:ph type="title"/>
          </p:nvPr>
        </p:nvSpPr>
        <p:spPr>
          <a:xfrm>
            <a:off x="715088" y="1616250"/>
            <a:ext cx="3687900" cy="572700"/>
          </a:xfrm>
          <a:prstGeom prst="rect">
            <a:avLst/>
          </a:prstGeom>
        </p:spPr>
        <p:txBody>
          <a:bodyPr spcFirstLastPara="1" wrap="square" lIns="91425" tIns="91425" rIns="91425" bIns="91425" anchor="ctr" anchorCtr="0">
            <a:noAutofit/>
          </a:bodyPr>
          <a:lstStyle>
            <a:lvl1pPr lvl="0" rtl="0">
              <a:spcBef>
                <a:spcPts val="0"/>
              </a:spcBef>
              <a:spcAft>
                <a:spcPts val="0"/>
              </a:spcAft>
              <a:buSzPts val="3000"/>
              <a:buNone/>
              <a:defRPr/>
            </a:lvl1pPr>
            <a:lvl2pPr lvl="1" rtl="0">
              <a:spcBef>
                <a:spcPts val="0"/>
              </a:spcBef>
              <a:spcAft>
                <a:spcPts val="0"/>
              </a:spcAft>
              <a:buSzPts val="3500"/>
              <a:buNone/>
              <a:defRPr/>
            </a:lvl2pPr>
            <a:lvl3pPr lvl="2" rtl="0">
              <a:spcBef>
                <a:spcPts val="0"/>
              </a:spcBef>
              <a:spcAft>
                <a:spcPts val="0"/>
              </a:spcAft>
              <a:buSzPts val="3500"/>
              <a:buNone/>
              <a:defRPr/>
            </a:lvl3pPr>
            <a:lvl4pPr lvl="3" rtl="0">
              <a:spcBef>
                <a:spcPts val="0"/>
              </a:spcBef>
              <a:spcAft>
                <a:spcPts val="0"/>
              </a:spcAft>
              <a:buSzPts val="3500"/>
              <a:buNone/>
              <a:defRPr/>
            </a:lvl4pPr>
            <a:lvl5pPr lvl="4" rtl="0">
              <a:spcBef>
                <a:spcPts val="0"/>
              </a:spcBef>
              <a:spcAft>
                <a:spcPts val="0"/>
              </a:spcAft>
              <a:buSzPts val="3500"/>
              <a:buNone/>
              <a:defRPr/>
            </a:lvl5pPr>
            <a:lvl6pPr lvl="5" rtl="0">
              <a:spcBef>
                <a:spcPts val="0"/>
              </a:spcBef>
              <a:spcAft>
                <a:spcPts val="0"/>
              </a:spcAft>
              <a:buSzPts val="3500"/>
              <a:buNone/>
              <a:defRPr/>
            </a:lvl6pPr>
            <a:lvl7pPr lvl="6" rtl="0">
              <a:spcBef>
                <a:spcPts val="0"/>
              </a:spcBef>
              <a:spcAft>
                <a:spcPts val="0"/>
              </a:spcAft>
              <a:buSzPts val="3500"/>
              <a:buNone/>
              <a:defRPr/>
            </a:lvl7pPr>
            <a:lvl8pPr lvl="7" rtl="0">
              <a:spcBef>
                <a:spcPts val="0"/>
              </a:spcBef>
              <a:spcAft>
                <a:spcPts val="0"/>
              </a:spcAft>
              <a:buSzPts val="3500"/>
              <a:buNone/>
              <a:defRPr/>
            </a:lvl8pPr>
            <a:lvl9pPr lvl="8" rtl="0">
              <a:spcBef>
                <a:spcPts val="0"/>
              </a:spcBef>
              <a:spcAft>
                <a:spcPts val="0"/>
              </a:spcAft>
              <a:buSzPts val="3500"/>
              <a:buNone/>
              <a:defRPr/>
            </a:lvl9pPr>
          </a:lstStyle>
          <a:p>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Title and text 2">
  <p:cSld name="CUSTOM_1">
    <p:spTree>
      <p:nvGrpSpPr>
        <p:cNvPr id="1" name="Shape 305"/>
        <p:cNvGrpSpPr/>
        <p:nvPr/>
      </p:nvGrpSpPr>
      <p:grpSpPr>
        <a:xfrm>
          <a:off x="0" y="0"/>
          <a:ext cx="0" cy="0"/>
          <a:chOff x="0" y="0"/>
          <a:chExt cx="0" cy="0"/>
        </a:xfrm>
      </p:grpSpPr>
      <p:sp>
        <p:nvSpPr>
          <p:cNvPr id="306" name="Google Shape;306;p17"/>
          <p:cNvSpPr/>
          <p:nvPr/>
        </p:nvSpPr>
        <p:spPr>
          <a:xfrm flipH="1">
            <a:off x="-465550" y="409575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307" name="Google Shape;307;p17"/>
          <p:cNvGrpSpPr/>
          <p:nvPr/>
        </p:nvGrpSpPr>
        <p:grpSpPr>
          <a:xfrm flipH="1">
            <a:off x="3974934" y="3270200"/>
            <a:ext cx="1827795" cy="1832965"/>
            <a:chOff x="3658100" y="3154400"/>
            <a:chExt cx="1827795" cy="1832965"/>
          </a:xfrm>
        </p:grpSpPr>
        <p:sp>
          <p:nvSpPr>
            <p:cNvPr id="308" name="Google Shape;308;p17"/>
            <p:cNvSpPr/>
            <p:nvPr/>
          </p:nvSpPr>
          <p:spPr>
            <a:xfrm>
              <a:off x="3691733" y="3195231"/>
              <a:ext cx="1794162" cy="1792134"/>
            </a:xfrm>
            <a:custGeom>
              <a:avLst/>
              <a:gdLst/>
              <a:ahLst/>
              <a:cxnLst/>
              <a:rect l="l" t="t" r="r" b="b"/>
              <a:pathLst>
                <a:path w="27419" h="27388" extrusionOk="0">
                  <a:moveTo>
                    <a:pt x="26341" y="1"/>
                  </a:moveTo>
                  <a:cubicBezTo>
                    <a:pt x="26148" y="1"/>
                    <a:pt x="25955" y="20"/>
                    <a:pt x="25787" y="25"/>
                  </a:cubicBezTo>
                  <a:cubicBezTo>
                    <a:pt x="24370" y="74"/>
                    <a:pt x="22947" y="74"/>
                    <a:pt x="21530" y="74"/>
                  </a:cubicBezTo>
                  <a:cubicBezTo>
                    <a:pt x="21305" y="74"/>
                    <a:pt x="20958" y="17"/>
                    <a:pt x="20628" y="17"/>
                  </a:cubicBezTo>
                  <a:cubicBezTo>
                    <a:pt x="20245" y="17"/>
                    <a:pt x="19885" y="93"/>
                    <a:pt x="19762" y="424"/>
                  </a:cubicBezTo>
                  <a:cubicBezTo>
                    <a:pt x="19709" y="568"/>
                    <a:pt x="19709" y="725"/>
                    <a:pt x="19709" y="878"/>
                  </a:cubicBezTo>
                  <a:cubicBezTo>
                    <a:pt x="19711" y="1054"/>
                    <a:pt x="19711" y="1230"/>
                    <a:pt x="19711" y="1406"/>
                  </a:cubicBezTo>
                  <a:cubicBezTo>
                    <a:pt x="19716" y="2198"/>
                    <a:pt x="19737" y="2995"/>
                    <a:pt x="19728" y="3787"/>
                  </a:cubicBezTo>
                  <a:cubicBezTo>
                    <a:pt x="19688" y="6771"/>
                    <a:pt x="19672" y="9757"/>
                    <a:pt x="19679" y="12740"/>
                  </a:cubicBezTo>
                  <a:cubicBezTo>
                    <a:pt x="19684" y="14232"/>
                    <a:pt x="19693" y="15726"/>
                    <a:pt x="19709" y="17218"/>
                  </a:cubicBezTo>
                  <a:cubicBezTo>
                    <a:pt x="19716" y="17964"/>
                    <a:pt x="19725" y="18710"/>
                    <a:pt x="19737" y="19456"/>
                  </a:cubicBezTo>
                  <a:cubicBezTo>
                    <a:pt x="19744" y="19998"/>
                    <a:pt x="19924" y="20829"/>
                    <a:pt x="19621" y="21314"/>
                  </a:cubicBezTo>
                  <a:cubicBezTo>
                    <a:pt x="19469" y="21557"/>
                    <a:pt x="19205" y="21615"/>
                    <a:pt x="18925" y="21615"/>
                  </a:cubicBezTo>
                  <a:cubicBezTo>
                    <a:pt x="18663" y="21615"/>
                    <a:pt x="18386" y="21564"/>
                    <a:pt x="18173" y="21564"/>
                  </a:cubicBezTo>
                  <a:cubicBezTo>
                    <a:pt x="18044" y="21564"/>
                    <a:pt x="17922" y="21571"/>
                    <a:pt x="17811" y="21571"/>
                  </a:cubicBezTo>
                  <a:cubicBezTo>
                    <a:pt x="17499" y="21571"/>
                    <a:pt x="17273" y="21514"/>
                    <a:pt x="17224" y="21082"/>
                  </a:cubicBezTo>
                  <a:cubicBezTo>
                    <a:pt x="16997" y="19044"/>
                    <a:pt x="17200" y="16880"/>
                    <a:pt x="17200" y="14830"/>
                  </a:cubicBezTo>
                  <a:cubicBezTo>
                    <a:pt x="17200" y="14466"/>
                    <a:pt x="16542" y="14382"/>
                    <a:pt x="15856" y="14382"/>
                  </a:cubicBezTo>
                  <a:cubicBezTo>
                    <a:pt x="15261" y="14382"/>
                    <a:pt x="14645" y="14445"/>
                    <a:pt x="14421" y="14445"/>
                  </a:cubicBezTo>
                  <a:cubicBezTo>
                    <a:pt x="14210" y="14445"/>
                    <a:pt x="14036" y="14617"/>
                    <a:pt x="14036" y="14830"/>
                  </a:cubicBezTo>
                  <a:cubicBezTo>
                    <a:pt x="14036" y="15988"/>
                    <a:pt x="14041" y="17146"/>
                    <a:pt x="14036" y="18305"/>
                  </a:cubicBezTo>
                  <a:cubicBezTo>
                    <a:pt x="14035" y="18668"/>
                    <a:pt x="13464" y="18754"/>
                    <a:pt x="12863" y="18754"/>
                  </a:cubicBezTo>
                  <a:cubicBezTo>
                    <a:pt x="12331" y="18754"/>
                    <a:pt x="11776" y="18687"/>
                    <a:pt x="11571" y="18687"/>
                  </a:cubicBezTo>
                  <a:lnTo>
                    <a:pt x="8453" y="18687"/>
                  </a:lnTo>
                  <a:cubicBezTo>
                    <a:pt x="8240" y="18687"/>
                    <a:pt x="8069" y="18858"/>
                    <a:pt x="8069" y="19071"/>
                  </a:cubicBezTo>
                  <a:lnTo>
                    <a:pt x="8069" y="20311"/>
                  </a:lnTo>
                  <a:cubicBezTo>
                    <a:pt x="8069" y="20927"/>
                    <a:pt x="8143" y="21226"/>
                    <a:pt x="7399" y="21246"/>
                  </a:cubicBezTo>
                  <a:cubicBezTo>
                    <a:pt x="6367" y="21274"/>
                    <a:pt x="5333" y="21281"/>
                    <a:pt x="4300" y="21281"/>
                  </a:cubicBezTo>
                  <a:cubicBezTo>
                    <a:pt x="3234" y="21281"/>
                    <a:pt x="2169" y="21274"/>
                    <a:pt x="1104" y="21274"/>
                  </a:cubicBezTo>
                  <a:cubicBezTo>
                    <a:pt x="966" y="21274"/>
                    <a:pt x="827" y="21274"/>
                    <a:pt x="689" y="21274"/>
                  </a:cubicBezTo>
                  <a:cubicBezTo>
                    <a:pt x="1" y="21277"/>
                    <a:pt x="304" y="23350"/>
                    <a:pt x="304" y="23783"/>
                  </a:cubicBezTo>
                  <a:cubicBezTo>
                    <a:pt x="302" y="24855"/>
                    <a:pt x="302" y="25930"/>
                    <a:pt x="304" y="27003"/>
                  </a:cubicBezTo>
                  <a:cubicBezTo>
                    <a:pt x="304" y="27214"/>
                    <a:pt x="476" y="27387"/>
                    <a:pt x="689" y="27387"/>
                  </a:cubicBezTo>
                  <a:lnTo>
                    <a:pt x="26953" y="27387"/>
                  </a:lnTo>
                  <a:cubicBezTo>
                    <a:pt x="27166" y="27387"/>
                    <a:pt x="27337" y="27214"/>
                    <a:pt x="27337" y="27003"/>
                  </a:cubicBezTo>
                  <a:lnTo>
                    <a:pt x="27337" y="1452"/>
                  </a:lnTo>
                  <a:cubicBezTo>
                    <a:pt x="27337" y="1061"/>
                    <a:pt x="27418" y="461"/>
                    <a:pt x="27055" y="183"/>
                  </a:cubicBezTo>
                  <a:cubicBezTo>
                    <a:pt x="26861" y="35"/>
                    <a:pt x="26602" y="1"/>
                    <a:pt x="26341"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9" name="Google Shape;309;p17"/>
            <p:cNvSpPr/>
            <p:nvPr/>
          </p:nvSpPr>
          <p:spPr>
            <a:xfrm>
              <a:off x="3658100" y="3154400"/>
              <a:ext cx="1793966" cy="1804632"/>
            </a:xfrm>
            <a:custGeom>
              <a:avLst/>
              <a:gdLst/>
              <a:ahLst/>
              <a:cxnLst/>
              <a:rect l="l" t="t" r="r" b="b"/>
              <a:pathLst>
                <a:path w="27416" h="27579" fill="none" extrusionOk="0">
                  <a:moveTo>
                    <a:pt x="304" y="27196"/>
                  </a:moveTo>
                  <a:cubicBezTo>
                    <a:pt x="302" y="26123"/>
                    <a:pt x="302" y="25049"/>
                    <a:pt x="304" y="23976"/>
                  </a:cubicBezTo>
                  <a:cubicBezTo>
                    <a:pt x="304" y="23541"/>
                    <a:pt x="0" y="21470"/>
                    <a:pt x="688" y="21467"/>
                  </a:cubicBezTo>
                  <a:cubicBezTo>
                    <a:pt x="2924" y="21463"/>
                    <a:pt x="5164" y="21500"/>
                    <a:pt x="7399" y="21440"/>
                  </a:cubicBezTo>
                  <a:cubicBezTo>
                    <a:pt x="8143" y="21419"/>
                    <a:pt x="8069" y="21120"/>
                    <a:pt x="8069" y="20504"/>
                  </a:cubicBezTo>
                  <a:lnTo>
                    <a:pt x="8069" y="19264"/>
                  </a:lnTo>
                  <a:cubicBezTo>
                    <a:pt x="8069" y="19051"/>
                    <a:pt x="8240" y="18880"/>
                    <a:pt x="8453" y="18880"/>
                  </a:cubicBezTo>
                  <a:lnTo>
                    <a:pt x="11571" y="18880"/>
                  </a:lnTo>
                  <a:cubicBezTo>
                    <a:pt x="12007" y="18880"/>
                    <a:pt x="14034" y="19181"/>
                    <a:pt x="14036" y="18498"/>
                  </a:cubicBezTo>
                  <a:cubicBezTo>
                    <a:pt x="14040" y="17339"/>
                    <a:pt x="14036" y="16181"/>
                    <a:pt x="14036" y="15023"/>
                  </a:cubicBezTo>
                  <a:cubicBezTo>
                    <a:pt x="14036" y="14810"/>
                    <a:pt x="14210" y="14639"/>
                    <a:pt x="14420" y="14639"/>
                  </a:cubicBezTo>
                  <a:cubicBezTo>
                    <a:pt x="14904" y="14639"/>
                    <a:pt x="17200" y="14344"/>
                    <a:pt x="17200" y="15023"/>
                  </a:cubicBezTo>
                  <a:cubicBezTo>
                    <a:pt x="17200" y="17073"/>
                    <a:pt x="16996" y="19237"/>
                    <a:pt x="17223" y="21273"/>
                  </a:cubicBezTo>
                  <a:cubicBezTo>
                    <a:pt x="17290" y="21859"/>
                    <a:pt x="17682" y="21757"/>
                    <a:pt x="18173" y="21757"/>
                  </a:cubicBezTo>
                  <a:cubicBezTo>
                    <a:pt x="18613" y="21757"/>
                    <a:pt x="19327" y="21977"/>
                    <a:pt x="19621" y="21504"/>
                  </a:cubicBezTo>
                  <a:cubicBezTo>
                    <a:pt x="19924" y="21020"/>
                    <a:pt x="19744" y="20189"/>
                    <a:pt x="19737" y="19649"/>
                  </a:cubicBezTo>
                  <a:cubicBezTo>
                    <a:pt x="19725" y="18903"/>
                    <a:pt x="19716" y="18157"/>
                    <a:pt x="19706" y="17411"/>
                  </a:cubicBezTo>
                  <a:cubicBezTo>
                    <a:pt x="19693" y="15917"/>
                    <a:pt x="19681" y="14425"/>
                    <a:pt x="19679" y="12934"/>
                  </a:cubicBezTo>
                  <a:cubicBezTo>
                    <a:pt x="19669" y="9948"/>
                    <a:pt x="19686" y="6964"/>
                    <a:pt x="19725" y="3981"/>
                  </a:cubicBezTo>
                  <a:cubicBezTo>
                    <a:pt x="19737" y="3188"/>
                    <a:pt x="19713" y="2391"/>
                    <a:pt x="19711" y="1599"/>
                  </a:cubicBezTo>
                  <a:cubicBezTo>
                    <a:pt x="19711" y="1423"/>
                    <a:pt x="19709" y="1247"/>
                    <a:pt x="19709" y="1069"/>
                  </a:cubicBezTo>
                  <a:cubicBezTo>
                    <a:pt x="19709" y="916"/>
                    <a:pt x="19709" y="761"/>
                    <a:pt x="19762" y="617"/>
                  </a:cubicBezTo>
                  <a:cubicBezTo>
                    <a:pt x="19989" y="1"/>
                    <a:pt x="21045" y="267"/>
                    <a:pt x="21527" y="267"/>
                  </a:cubicBezTo>
                  <a:cubicBezTo>
                    <a:pt x="22947" y="267"/>
                    <a:pt x="24367" y="267"/>
                    <a:pt x="25785" y="216"/>
                  </a:cubicBezTo>
                  <a:cubicBezTo>
                    <a:pt x="26179" y="205"/>
                    <a:pt x="26716" y="117"/>
                    <a:pt x="27052" y="376"/>
                  </a:cubicBezTo>
                  <a:cubicBezTo>
                    <a:pt x="27416" y="654"/>
                    <a:pt x="27335" y="1254"/>
                    <a:pt x="27335" y="1646"/>
                  </a:cubicBezTo>
                  <a:lnTo>
                    <a:pt x="27335" y="27196"/>
                  </a:lnTo>
                  <a:cubicBezTo>
                    <a:pt x="27335" y="27407"/>
                    <a:pt x="27163" y="27578"/>
                    <a:pt x="26950" y="27578"/>
                  </a:cubicBezTo>
                  <a:lnTo>
                    <a:pt x="686" y="27578"/>
                  </a:lnTo>
                  <a:cubicBezTo>
                    <a:pt x="475" y="27578"/>
                    <a:pt x="304" y="27407"/>
                    <a:pt x="304" y="27196"/>
                  </a:cubicBezTo>
                  <a:close/>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310" name="Google Shape;310;p17"/>
          <p:cNvGrpSpPr/>
          <p:nvPr/>
        </p:nvGrpSpPr>
        <p:grpSpPr>
          <a:xfrm flipH="1">
            <a:off x="5542812" y="4007003"/>
            <a:ext cx="818808" cy="1096167"/>
            <a:chOff x="113834" y="3966188"/>
            <a:chExt cx="818808" cy="1096167"/>
          </a:xfrm>
        </p:grpSpPr>
        <p:sp>
          <p:nvSpPr>
            <p:cNvPr id="311" name="Google Shape;311;p17"/>
            <p:cNvSpPr/>
            <p:nvPr/>
          </p:nvSpPr>
          <p:spPr>
            <a:xfrm>
              <a:off x="164788" y="4075897"/>
              <a:ext cx="767854" cy="568901"/>
            </a:xfrm>
            <a:custGeom>
              <a:avLst/>
              <a:gdLst/>
              <a:ahLst/>
              <a:cxnLst/>
              <a:rect l="l" t="t" r="r" b="b"/>
              <a:pathLst>
                <a:path w="7580" h="5616" extrusionOk="0">
                  <a:moveTo>
                    <a:pt x="4274" y="1"/>
                  </a:moveTo>
                  <a:cubicBezTo>
                    <a:pt x="3072" y="1"/>
                    <a:pt x="1264" y="791"/>
                    <a:pt x="753" y="1609"/>
                  </a:cubicBezTo>
                  <a:cubicBezTo>
                    <a:pt x="0" y="2816"/>
                    <a:pt x="2259" y="2512"/>
                    <a:pt x="2208" y="2966"/>
                  </a:cubicBezTo>
                  <a:cubicBezTo>
                    <a:pt x="2159" y="3418"/>
                    <a:pt x="1003" y="3870"/>
                    <a:pt x="1557" y="5091"/>
                  </a:cubicBezTo>
                  <a:cubicBezTo>
                    <a:pt x="1734" y="5482"/>
                    <a:pt x="2050" y="5615"/>
                    <a:pt x="2398" y="5615"/>
                  </a:cubicBezTo>
                  <a:cubicBezTo>
                    <a:pt x="3136" y="5615"/>
                    <a:pt x="4017" y="5019"/>
                    <a:pt x="4017" y="5019"/>
                  </a:cubicBezTo>
                  <a:lnTo>
                    <a:pt x="4818" y="4773"/>
                  </a:lnTo>
                  <a:cubicBezTo>
                    <a:pt x="7230" y="4472"/>
                    <a:pt x="7580" y="3518"/>
                    <a:pt x="7429" y="2306"/>
                  </a:cubicBezTo>
                  <a:cubicBezTo>
                    <a:pt x="7278" y="1095"/>
                    <a:pt x="5673" y="1961"/>
                    <a:pt x="5372" y="611"/>
                  </a:cubicBezTo>
                  <a:cubicBezTo>
                    <a:pt x="5275" y="177"/>
                    <a:pt x="4843" y="1"/>
                    <a:pt x="4274"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2" name="Google Shape;312;p17"/>
            <p:cNvSpPr/>
            <p:nvPr/>
          </p:nvSpPr>
          <p:spPr>
            <a:xfrm>
              <a:off x="113834" y="3966188"/>
              <a:ext cx="768158" cy="1096167"/>
            </a:xfrm>
            <a:custGeom>
              <a:avLst/>
              <a:gdLst/>
              <a:ahLst/>
              <a:cxnLst/>
              <a:rect l="l" t="t" r="r" b="b"/>
              <a:pathLst>
                <a:path w="7583" h="10821" fill="none" extrusionOk="0">
                  <a:moveTo>
                    <a:pt x="4017" y="10820"/>
                  </a:moveTo>
                  <a:lnTo>
                    <a:pt x="4017" y="5759"/>
                  </a:lnTo>
                  <a:cubicBezTo>
                    <a:pt x="4017" y="5759"/>
                    <a:pt x="2111" y="7049"/>
                    <a:pt x="1557" y="5828"/>
                  </a:cubicBezTo>
                  <a:cubicBezTo>
                    <a:pt x="1006" y="4608"/>
                    <a:pt x="2159" y="4156"/>
                    <a:pt x="2210" y="3704"/>
                  </a:cubicBezTo>
                  <a:cubicBezTo>
                    <a:pt x="2261" y="3253"/>
                    <a:pt x="0" y="3554"/>
                    <a:pt x="753" y="2349"/>
                  </a:cubicBezTo>
                  <a:cubicBezTo>
                    <a:pt x="1506" y="1145"/>
                    <a:pt x="5071" y="0"/>
                    <a:pt x="5372" y="1351"/>
                  </a:cubicBezTo>
                  <a:cubicBezTo>
                    <a:pt x="5673" y="2699"/>
                    <a:pt x="7281" y="1835"/>
                    <a:pt x="7432" y="3046"/>
                  </a:cubicBezTo>
                  <a:cubicBezTo>
                    <a:pt x="7582" y="4256"/>
                    <a:pt x="7230" y="5210"/>
                    <a:pt x="4821" y="5511"/>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13" name="Google Shape;313;p17"/>
          <p:cNvSpPr/>
          <p:nvPr/>
        </p:nvSpPr>
        <p:spPr>
          <a:xfrm rot="-1704600">
            <a:off x="3822245" y="-13074"/>
            <a:ext cx="1745082" cy="1096151"/>
          </a:xfrm>
          <a:custGeom>
            <a:avLst/>
            <a:gdLst/>
            <a:ahLst/>
            <a:cxnLst/>
            <a:rect l="l" t="t" r="r" b="b"/>
            <a:pathLst>
              <a:path w="19417" h="12197" fill="none" extrusionOk="0">
                <a:moveTo>
                  <a:pt x="17936" y="4902"/>
                </a:moveTo>
                <a:cubicBezTo>
                  <a:pt x="19037" y="5896"/>
                  <a:pt x="19417" y="7605"/>
                  <a:pt x="18842" y="8972"/>
                </a:cubicBezTo>
                <a:cubicBezTo>
                  <a:pt x="18265" y="10337"/>
                  <a:pt x="16776" y="11258"/>
                  <a:pt x="15298" y="11166"/>
                </a:cubicBezTo>
                <a:cubicBezTo>
                  <a:pt x="13987" y="11082"/>
                  <a:pt x="12838" y="10304"/>
                  <a:pt x="11765" y="9551"/>
                </a:cubicBezTo>
                <a:cubicBezTo>
                  <a:pt x="10691" y="8796"/>
                  <a:pt x="9546" y="8013"/>
                  <a:pt x="8237" y="7920"/>
                </a:cubicBezTo>
                <a:cubicBezTo>
                  <a:pt x="6929" y="7826"/>
                  <a:pt x="5453" y="8731"/>
                  <a:pt x="5439" y="10042"/>
                </a:cubicBezTo>
                <a:cubicBezTo>
                  <a:pt x="5425" y="11247"/>
                  <a:pt x="6741" y="12197"/>
                  <a:pt x="7934" y="12021"/>
                </a:cubicBezTo>
                <a:cubicBezTo>
                  <a:pt x="9127" y="11842"/>
                  <a:pt x="10058" y="10777"/>
                  <a:pt x="10336" y="9602"/>
                </a:cubicBezTo>
                <a:cubicBezTo>
                  <a:pt x="10616" y="8430"/>
                  <a:pt x="10341" y="7184"/>
                  <a:pt x="9852" y="6081"/>
                </a:cubicBezTo>
                <a:cubicBezTo>
                  <a:pt x="8214" y="2384"/>
                  <a:pt x="4015" y="1"/>
                  <a:pt x="0" y="494"/>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314" name="Google Shape;314;p17"/>
          <p:cNvGrpSpPr/>
          <p:nvPr/>
        </p:nvGrpSpPr>
        <p:grpSpPr>
          <a:xfrm rot="-4770148">
            <a:off x="-544496" y="4146675"/>
            <a:ext cx="1534191" cy="1305011"/>
            <a:chOff x="-191150" y="-216551"/>
            <a:chExt cx="1534133" cy="1304962"/>
          </a:xfrm>
        </p:grpSpPr>
        <p:sp>
          <p:nvSpPr>
            <p:cNvPr id="315" name="Google Shape;315;p17"/>
            <p:cNvSpPr/>
            <p:nvPr/>
          </p:nvSpPr>
          <p:spPr>
            <a:xfrm>
              <a:off x="-191150" y="-216551"/>
              <a:ext cx="1284155" cy="1062262"/>
            </a:xfrm>
            <a:custGeom>
              <a:avLst/>
              <a:gdLst/>
              <a:ahLst/>
              <a:cxnLst/>
              <a:rect l="l" t="t" r="r" b="b"/>
              <a:pathLst>
                <a:path w="11372" h="9407" extrusionOk="0">
                  <a:moveTo>
                    <a:pt x="5657" y="0"/>
                  </a:moveTo>
                  <a:cubicBezTo>
                    <a:pt x="5590" y="0"/>
                    <a:pt x="5524" y="1"/>
                    <a:pt x="5458" y="3"/>
                  </a:cubicBezTo>
                  <a:cubicBezTo>
                    <a:pt x="4869" y="19"/>
                    <a:pt x="4279" y="96"/>
                    <a:pt x="3732" y="309"/>
                  </a:cubicBezTo>
                  <a:cubicBezTo>
                    <a:pt x="3132" y="543"/>
                    <a:pt x="2609" y="937"/>
                    <a:pt x="2143" y="1379"/>
                  </a:cubicBezTo>
                  <a:cubicBezTo>
                    <a:pt x="897" y="2558"/>
                    <a:pt x="0" y="4258"/>
                    <a:pt x="253" y="5954"/>
                  </a:cubicBezTo>
                  <a:cubicBezTo>
                    <a:pt x="436" y="7183"/>
                    <a:pt x="1271" y="8265"/>
                    <a:pt x="2361" y="8849"/>
                  </a:cubicBezTo>
                  <a:lnTo>
                    <a:pt x="2361" y="8849"/>
                  </a:lnTo>
                  <a:lnTo>
                    <a:pt x="1330" y="8572"/>
                  </a:lnTo>
                  <a:lnTo>
                    <a:pt x="1330" y="8572"/>
                  </a:lnTo>
                  <a:cubicBezTo>
                    <a:pt x="2447" y="9122"/>
                    <a:pt x="3673" y="9407"/>
                    <a:pt x="4913" y="9407"/>
                  </a:cubicBezTo>
                  <a:cubicBezTo>
                    <a:pt x="5149" y="9407"/>
                    <a:pt x="5386" y="9396"/>
                    <a:pt x="5622" y="9375"/>
                  </a:cubicBezTo>
                  <a:cubicBezTo>
                    <a:pt x="7239" y="9232"/>
                    <a:pt x="8849" y="8558"/>
                    <a:pt x="9905" y="7323"/>
                  </a:cubicBezTo>
                  <a:cubicBezTo>
                    <a:pt x="10962" y="6091"/>
                    <a:pt x="11372" y="4268"/>
                    <a:pt x="10728" y="2778"/>
                  </a:cubicBezTo>
                  <a:cubicBezTo>
                    <a:pt x="9915" y="902"/>
                    <a:pt x="7710" y="0"/>
                    <a:pt x="565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6" name="Google Shape;316;p17"/>
            <p:cNvSpPr/>
            <p:nvPr/>
          </p:nvSpPr>
          <p:spPr>
            <a:xfrm>
              <a:off x="-191150" y="-174350"/>
              <a:ext cx="1534133" cy="1262760"/>
            </a:xfrm>
            <a:custGeom>
              <a:avLst/>
              <a:gdLst/>
              <a:ahLst/>
              <a:cxnLst/>
              <a:rect l="l" t="t" r="r" b="b"/>
              <a:pathLst>
                <a:path w="10322" h="8496" extrusionOk="0">
                  <a:moveTo>
                    <a:pt x="10271" y="0"/>
                  </a:moveTo>
                  <a:cubicBezTo>
                    <a:pt x="10245" y="0"/>
                    <a:pt x="10219" y="16"/>
                    <a:pt x="10218" y="49"/>
                  </a:cubicBezTo>
                  <a:cubicBezTo>
                    <a:pt x="10172" y="2089"/>
                    <a:pt x="9734" y="4195"/>
                    <a:pt x="8497" y="5861"/>
                  </a:cubicBezTo>
                  <a:cubicBezTo>
                    <a:pt x="7946" y="6607"/>
                    <a:pt x="7241" y="7248"/>
                    <a:pt x="6421" y="7686"/>
                  </a:cubicBezTo>
                  <a:cubicBezTo>
                    <a:pt x="5516" y="8168"/>
                    <a:pt x="4496" y="8376"/>
                    <a:pt x="3479" y="8432"/>
                  </a:cubicBezTo>
                  <a:cubicBezTo>
                    <a:pt x="3287" y="8443"/>
                    <a:pt x="3096" y="8447"/>
                    <a:pt x="2905" y="8447"/>
                  </a:cubicBezTo>
                  <a:cubicBezTo>
                    <a:pt x="1942" y="8447"/>
                    <a:pt x="986" y="8327"/>
                    <a:pt x="26" y="8240"/>
                  </a:cubicBezTo>
                  <a:cubicBezTo>
                    <a:pt x="7" y="8240"/>
                    <a:pt x="0" y="8274"/>
                    <a:pt x="21" y="8277"/>
                  </a:cubicBezTo>
                  <a:lnTo>
                    <a:pt x="19" y="8277"/>
                  </a:lnTo>
                  <a:cubicBezTo>
                    <a:pt x="959" y="8409"/>
                    <a:pt x="1920" y="8495"/>
                    <a:pt x="2873" y="8495"/>
                  </a:cubicBezTo>
                  <a:cubicBezTo>
                    <a:pt x="2974" y="8495"/>
                    <a:pt x="3075" y="8494"/>
                    <a:pt x="3176" y="8492"/>
                  </a:cubicBezTo>
                  <a:cubicBezTo>
                    <a:pt x="4188" y="8471"/>
                    <a:pt x="5203" y="8311"/>
                    <a:pt x="6132" y="7894"/>
                  </a:cubicBezTo>
                  <a:cubicBezTo>
                    <a:pt x="7881" y="7107"/>
                    <a:pt x="9097" y="5465"/>
                    <a:pt x="9711" y="3685"/>
                  </a:cubicBezTo>
                  <a:cubicBezTo>
                    <a:pt x="10114" y="2516"/>
                    <a:pt x="10281" y="1281"/>
                    <a:pt x="10320" y="49"/>
                  </a:cubicBezTo>
                  <a:cubicBezTo>
                    <a:pt x="10321" y="16"/>
                    <a:pt x="10296" y="0"/>
                    <a:pt x="10271" y="0"/>
                  </a:cubicBezTo>
                  <a:close/>
                </a:path>
              </a:pathLst>
            </a:custGeom>
            <a:solidFill>
              <a:schemeClr val="accent2"/>
            </a:solidFill>
            <a:ln w="19050" cap="flat" cmpd="sng">
              <a:solidFill>
                <a:schemeClr val="accent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17" name="Google Shape;317;p17"/>
          <p:cNvSpPr/>
          <p:nvPr/>
        </p:nvSpPr>
        <p:spPr>
          <a:xfrm rot="-308598">
            <a:off x="6687163" y="-395011"/>
            <a:ext cx="3569323" cy="1670575"/>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318" name="Google Shape;318;p17"/>
          <p:cNvGrpSpPr/>
          <p:nvPr/>
        </p:nvGrpSpPr>
        <p:grpSpPr>
          <a:xfrm>
            <a:off x="7217013" y="-808280"/>
            <a:ext cx="2509583" cy="1668048"/>
            <a:chOff x="-372074" y="-1220130"/>
            <a:chExt cx="2509583" cy="1668048"/>
          </a:xfrm>
        </p:grpSpPr>
        <p:sp>
          <p:nvSpPr>
            <p:cNvPr id="319" name="Google Shape;319;p17"/>
            <p:cNvSpPr/>
            <p:nvPr/>
          </p:nvSpPr>
          <p:spPr>
            <a:xfrm flipH="1">
              <a:off x="-27990" y="-396917"/>
              <a:ext cx="2066229" cy="844835"/>
            </a:xfrm>
            <a:custGeom>
              <a:avLst/>
              <a:gdLst/>
              <a:ahLst/>
              <a:cxnLst/>
              <a:rect l="l" t="t" r="r" b="b"/>
              <a:pathLst>
                <a:path w="29016" h="11864" extrusionOk="0">
                  <a:moveTo>
                    <a:pt x="215" y="0"/>
                  </a:moveTo>
                  <a:cubicBezTo>
                    <a:pt x="176" y="0"/>
                    <a:pt x="136" y="25"/>
                    <a:pt x="132" y="74"/>
                  </a:cubicBezTo>
                  <a:lnTo>
                    <a:pt x="134" y="72"/>
                  </a:lnTo>
                  <a:lnTo>
                    <a:pt x="134" y="72"/>
                  </a:lnTo>
                  <a:cubicBezTo>
                    <a:pt x="0" y="2481"/>
                    <a:pt x="649" y="4932"/>
                    <a:pt x="1916" y="6982"/>
                  </a:cubicBezTo>
                  <a:cubicBezTo>
                    <a:pt x="2553" y="8015"/>
                    <a:pt x="3352" y="8941"/>
                    <a:pt x="4281" y="9724"/>
                  </a:cubicBezTo>
                  <a:cubicBezTo>
                    <a:pt x="5226" y="10517"/>
                    <a:pt x="6347" y="11147"/>
                    <a:pt x="7577" y="11348"/>
                  </a:cubicBezTo>
                  <a:cubicBezTo>
                    <a:pt x="7912" y="11403"/>
                    <a:pt x="8243" y="11428"/>
                    <a:pt x="8572" y="11428"/>
                  </a:cubicBezTo>
                  <a:cubicBezTo>
                    <a:pt x="10620" y="11428"/>
                    <a:pt x="12553" y="10466"/>
                    <a:pt x="14478" y="9836"/>
                  </a:cubicBezTo>
                  <a:cubicBezTo>
                    <a:pt x="15465" y="9512"/>
                    <a:pt x="16470" y="9273"/>
                    <a:pt x="17505" y="9273"/>
                  </a:cubicBezTo>
                  <a:cubicBezTo>
                    <a:pt x="17634" y="9273"/>
                    <a:pt x="17763" y="9277"/>
                    <a:pt x="17892" y="9284"/>
                  </a:cubicBezTo>
                  <a:cubicBezTo>
                    <a:pt x="19004" y="9351"/>
                    <a:pt x="20118" y="9699"/>
                    <a:pt x="21179" y="10095"/>
                  </a:cubicBezTo>
                  <a:cubicBezTo>
                    <a:pt x="23160" y="10832"/>
                    <a:pt x="25183" y="11863"/>
                    <a:pt x="27337" y="11863"/>
                  </a:cubicBezTo>
                  <a:cubicBezTo>
                    <a:pt x="27506" y="11863"/>
                    <a:pt x="27676" y="11857"/>
                    <a:pt x="27846" y="11844"/>
                  </a:cubicBezTo>
                  <a:cubicBezTo>
                    <a:pt x="28138" y="11823"/>
                    <a:pt x="28430" y="11772"/>
                    <a:pt x="28713" y="11691"/>
                  </a:cubicBezTo>
                  <a:cubicBezTo>
                    <a:pt x="28902" y="11635"/>
                    <a:pt x="29016" y="11438"/>
                    <a:pt x="28967" y="11246"/>
                  </a:cubicBezTo>
                  <a:cubicBezTo>
                    <a:pt x="28917" y="11064"/>
                    <a:pt x="28765" y="10986"/>
                    <a:pt x="28599" y="10986"/>
                  </a:cubicBezTo>
                  <a:cubicBezTo>
                    <a:pt x="28573" y="10986"/>
                    <a:pt x="28547" y="10988"/>
                    <a:pt x="28520" y="10991"/>
                  </a:cubicBezTo>
                  <a:cubicBezTo>
                    <a:pt x="28268" y="11026"/>
                    <a:pt x="28020" y="11056"/>
                    <a:pt x="27740" y="11072"/>
                  </a:cubicBezTo>
                  <a:cubicBezTo>
                    <a:pt x="27610" y="11080"/>
                    <a:pt x="27481" y="11084"/>
                    <a:pt x="27351" y="11084"/>
                  </a:cubicBezTo>
                  <a:cubicBezTo>
                    <a:pt x="27204" y="11084"/>
                    <a:pt x="27057" y="11079"/>
                    <a:pt x="26910" y="11068"/>
                  </a:cubicBezTo>
                  <a:cubicBezTo>
                    <a:pt x="26394" y="11033"/>
                    <a:pt x="25907" y="10940"/>
                    <a:pt x="25370" y="10799"/>
                  </a:cubicBezTo>
                  <a:cubicBezTo>
                    <a:pt x="24265" y="10510"/>
                    <a:pt x="23204" y="10069"/>
                    <a:pt x="22136" y="9662"/>
                  </a:cubicBezTo>
                  <a:cubicBezTo>
                    <a:pt x="21071" y="9254"/>
                    <a:pt x="19986" y="8863"/>
                    <a:pt x="18856" y="8682"/>
                  </a:cubicBezTo>
                  <a:cubicBezTo>
                    <a:pt x="18422" y="8613"/>
                    <a:pt x="17984" y="8569"/>
                    <a:pt x="17546" y="8569"/>
                  </a:cubicBezTo>
                  <a:cubicBezTo>
                    <a:pt x="17411" y="8569"/>
                    <a:pt x="17276" y="8574"/>
                    <a:pt x="17142" y="8582"/>
                  </a:cubicBezTo>
                  <a:cubicBezTo>
                    <a:pt x="16537" y="8626"/>
                    <a:pt x="15940" y="8728"/>
                    <a:pt x="15358" y="8890"/>
                  </a:cubicBezTo>
                  <a:cubicBezTo>
                    <a:pt x="14214" y="9198"/>
                    <a:pt x="13123" y="9676"/>
                    <a:pt x="12018" y="10095"/>
                  </a:cubicBezTo>
                  <a:cubicBezTo>
                    <a:pt x="10962" y="10493"/>
                    <a:pt x="9859" y="10873"/>
                    <a:pt x="8724" y="10940"/>
                  </a:cubicBezTo>
                  <a:cubicBezTo>
                    <a:pt x="8612" y="10947"/>
                    <a:pt x="8501" y="10951"/>
                    <a:pt x="8390" y="10951"/>
                  </a:cubicBezTo>
                  <a:cubicBezTo>
                    <a:pt x="7301" y="10951"/>
                    <a:pt x="6263" y="10624"/>
                    <a:pt x="5323" y="10060"/>
                  </a:cubicBezTo>
                  <a:cubicBezTo>
                    <a:pt x="4288" y="9439"/>
                    <a:pt x="3394" y="8578"/>
                    <a:pt x="2659" y="7621"/>
                  </a:cubicBezTo>
                  <a:cubicBezTo>
                    <a:pt x="1195" y="5715"/>
                    <a:pt x="343" y="3361"/>
                    <a:pt x="276" y="957"/>
                  </a:cubicBezTo>
                  <a:cubicBezTo>
                    <a:pt x="269" y="662"/>
                    <a:pt x="271" y="368"/>
                    <a:pt x="287" y="74"/>
                  </a:cubicBezTo>
                  <a:cubicBezTo>
                    <a:pt x="290" y="24"/>
                    <a:pt x="253" y="0"/>
                    <a:pt x="21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0" name="Google Shape;320;p17"/>
            <p:cNvSpPr/>
            <p:nvPr/>
          </p:nvSpPr>
          <p:spPr>
            <a:xfrm flipH="1">
              <a:off x="-372074" y="-1220130"/>
              <a:ext cx="2509583" cy="1348504"/>
            </a:xfrm>
            <a:custGeom>
              <a:avLst/>
              <a:gdLst/>
              <a:ahLst/>
              <a:cxnLst/>
              <a:rect l="l" t="t" r="r" b="b"/>
              <a:pathLst>
                <a:path w="35242" h="18937" extrusionOk="0">
                  <a:moveTo>
                    <a:pt x="109" y="0"/>
                  </a:moveTo>
                  <a:cubicBezTo>
                    <a:pt x="54" y="0"/>
                    <a:pt x="1" y="55"/>
                    <a:pt x="41" y="112"/>
                  </a:cubicBezTo>
                  <a:lnTo>
                    <a:pt x="44" y="112"/>
                  </a:lnTo>
                  <a:cubicBezTo>
                    <a:pt x="2152" y="3026"/>
                    <a:pt x="3845" y="6223"/>
                    <a:pt x="5073" y="9605"/>
                  </a:cubicBezTo>
                  <a:cubicBezTo>
                    <a:pt x="5677" y="11266"/>
                    <a:pt x="6087" y="13005"/>
                    <a:pt x="6805" y="14622"/>
                  </a:cubicBezTo>
                  <a:cubicBezTo>
                    <a:pt x="7440" y="16051"/>
                    <a:pt x="8404" y="17404"/>
                    <a:pt x="9814" y="18155"/>
                  </a:cubicBezTo>
                  <a:cubicBezTo>
                    <a:pt x="10442" y="18488"/>
                    <a:pt x="11137" y="18688"/>
                    <a:pt x="11851" y="18699"/>
                  </a:cubicBezTo>
                  <a:cubicBezTo>
                    <a:pt x="11872" y="18699"/>
                    <a:pt x="11893" y="18700"/>
                    <a:pt x="11914" y="18700"/>
                  </a:cubicBezTo>
                  <a:cubicBezTo>
                    <a:pt x="12532" y="18700"/>
                    <a:pt x="13145" y="18570"/>
                    <a:pt x="13727" y="18375"/>
                  </a:cubicBezTo>
                  <a:cubicBezTo>
                    <a:pt x="15003" y="17944"/>
                    <a:pt x="16148" y="17221"/>
                    <a:pt x="17366" y="16663"/>
                  </a:cubicBezTo>
                  <a:cubicBezTo>
                    <a:pt x="18191" y="16283"/>
                    <a:pt x="19096" y="15961"/>
                    <a:pt x="20008" y="15961"/>
                  </a:cubicBezTo>
                  <a:cubicBezTo>
                    <a:pt x="20330" y="15961"/>
                    <a:pt x="20652" y="16001"/>
                    <a:pt x="20973" y="16093"/>
                  </a:cubicBezTo>
                  <a:cubicBezTo>
                    <a:pt x="21795" y="16329"/>
                    <a:pt x="22453" y="16883"/>
                    <a:pt x="23162" y="17332"/>
                  </a:cubicBezTo>
                  <a:cubicBezTo>
                    <a:pt x="23817" y="17747"/>
                    <a:pt x="24517" y="18085"/>
                    <a:pt x="25247" y="18340"/>
                  </a:cubicBezTo>
                  <a:cubicBezTo>
                    <a:pt x="26379" y="18739"/>
                    <a:pt x="27581" y="18936"/>
                    <a:pt x="28784" y="18936"/>
                  </a:cubicBezTo>
                  <a:cubicBezTo>
                    <a:pt x="30679" y="18936"/>
                    <a:pt x="32575" y="18445"/>
                    <a:pt x="34202" y="17476"/>
                  </a:cubicBezTo>
                  <a:cubicBezTo>
                    <a:pt x="34529" y="17279"/>
                    <a:pt x="34820" y="17034"/>
                    <a:pt x="35071" y="16746"/>
                  </a:cubicBezTo>
                  <a:cubicBezTo>
                    <a:pt x="35242" y="16556"/>
                    <a:pt x="35091" y="16308"/>
                    <a:pt x="34880" y="16308"/>
                  </a:cubicBezTo>
                  <a:cubicBezTo>
                    <a:pt x="34840" y="16308"/>
                    <a:pt x="34798" y="16316"/>
                    <a:pt x="34756" y="16336"/>
                  </a:cubicBezTo>
                  <a:cubicBezTo>
                    <a:pt x="34589" y="16415"/>
                    <a:pt x="34410" y="16478"/>
                    <a:pt x="34251" y="16570"/>
                  </a:cubicBezTo>
                  <a:cubicBezTo>
                    <a:pt x="34077" y="16672"/>
                    <a:pt x="33899" y="16770"/>
                    <a:pt x="33722" y="16869"/>
                  </a:cubicBezTo>
                  <a:cubicBezTo>
                    <a:pt x="33403" y="17050"/>
                    <a:pt x="33072" y="17214"/>
                    <a:pt x="32731" y="17358"/>
                  </a:cubicBezTo>
                  <a:cubicBezTo>
                    <a:pt x="32064" y="17638"/>
                    <a:pt x="31369" y="17849"/>
                    <a:pt x="30658" y="17986"/>
                  </a:cubicBezTo>
                  <a:cubicBezTo>
                    <a:pt x="30000" y="18112"/>
                    <a:pt x="29333" y="18175"/>
                    <a:pt x="28667" y="18175"/>
                  </a:cubicBezTo>
                  <a:cubicBezTo>
                    <a:pt x="27863" y="18175"/>
                    <a:pt x="27059" y="18083"/>
                    <a:pt x="26270" y="17898"/>
                  </a:cubicBezTo>
                  <a:cubicBezTo>
                    <a:pt x="25555" y="17731"/>
                    <a:pt x="24860" y="17483"/>
                    <a:pt x="24200" y="17156"/>
                  </a:cubicBezTo>
                  <a:cubicBezTo>
                    <a:pt x="23468" y="16788"/>
                    <a:pt x="22805" y="16297"/>
                    <a:pt x="22080" y="15919"/>
                  </a:cubicBezTo>
                  <a:cubicBezTo>
                    <a:pt x="21460" y="15597"/>
                    <a:pt x="20794" y="15404"/>
                    <a:pt x="20094" y="15404"/>
                  </a:cubicBezTo>
                  <a:cubicBezTo>
                    <a:pt x="20069" y="15404"/>
                    <a:pt x="20045" y="15405"/>
                    <a:pt x="20021" y="15405"/>
                  </a:cubicBezTo>
                  <a:cubicBezTo>
                    <a:pt x="19393" y="15419"/>
                    <a:pt x="18774" y="15584"/>
                    <a:pt x="18191" y="15811"/>
                  </a:cubicBezTo>
                  <a:cubicBezTo>
                    <a:pt x="16958" y="16297"/>
                    <a:pt x="15842" y="17027"/>
                    <a:pt x="14656" y="17610"/>
                  </a:cubicBezTo>
                  <a:cubicBezTo>
                    <a:pt x="13763" y="18049"/>
                    <a:pt x="12789" y="18408"/>
                    <a:pt x="11796" y="18408"/>
                  </a:cubicBezTo>
                  <a:cubicBezTo>
                    <a:pt x="11488" y="18408"/>
                    <a:pt x="11178" y="18373"/>
                    <a:pt x="10868" y="18296"/>
                  </a:cubicBezTo>
                  <a:cubicBezTo>
                    <a:pt x="9386" y="17928"/>
                    <a:pt x="8223" y="16728"/>
                    <a:pt x="7486" y="15438"/>
                  </a:cubicBezTo>
                  <a:cubicBezTo>
                    <a:pt x="6608" y="13895"/>
                    <a:pt x="6196" y="12148"/>
                    <a:pt x="5631" y="10480"/>
                  </a:cubicBezTo>
                  <a:cubicBezTo>
                    <a:pt x="4498" y="7154"/>
                    <a:pt x="2916" y="3997"/>
                    <a:pt x="929" y="1099"/>
                  </a:cubicBezTo>
                  <a:cubicBezTo>
                    <a:pt x="683" y="740"/>
                    <a:pt x="430" y="383"/>
                    <a:pt x="173" y="33"/>
                  </a:cubicBezTo>
                  <a:cubicBezTo>
                    <a:pt x="156" y="10"/>
                    <a:pt x="133" y="0"/>
                    <a:pt x="109"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21" name="Google Shape;321;p17"/>
          <p:cNvSpPr/>
          <p:nvPr/>
        </p:nvSpPr>
        <p:spPr>
          <a:xfrm rot="3541365">
            <a:off x="-223491" y="-467237"/>
            <a:ext cx="1490280" cy="1924093"/>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2" name="Google Shape;322;p17"/>
          <p:cNvSpPr txBox="1">
            <a:spLocks noGrp="1"/>
          </p:cNvSpPr>
          <p:nvPr>
            <p:ph type="subTitle" idx="1"/>
          </p:nvPr>
        </p:nvSpPr>
        <p:spPr>
          <a:xfrm>
            <a:off x="4674300" y="2084632"/>
            <a:ext cx="3754500" cy="1185900"/>
          </a:xfrm>
          <a:prstGeom prst="rect">
            <a:avLst/>
          </a:prstGeom>
        </p:spPr>
        <p:txBody>
          <a:bodyPr spcFirstLastPara="1" wrap="square" lIns="91425" tIns="91425" rIns="91425" bIns="91425" anchor="ctr" anchorCtr="0">
            <a:noAutofit/>
          </a:bodyPr>
          <a:lstStyle>
            <a:lvl1pPr lvl="0" algn="r" rtl="0">
              <a:lnSpc>
                <a:spcPct val="100000"/>
              </a:lnSpc>
              <a:spcBef>
                <a:spcPts val="0"/>
              </a:spcBef>
              <a:spcAft>
                <a:spcPts val="0"/>
              </a:spcAft>
              <a:buSzPts val="1400"/>
              <a:buNone/>
              <a:defRPr/>
            </a:lvl1pPr>
            <a:lvl2pPr lvl="1" algn="r" rtl="0">
              <a:lnSpc>
                <a:spcPct val="100000"/>
              </a:lnSpc>
              <a:spcBef>
                <a:spcPts val="0"/>
              </a:spcBef>
              <a:spcAft>
                <a:spcPts val="0"/>
              </a:spcAft>
              <a:buSzPts val="1400"/>
              <a:buNone/>
              <a:defRPr/>
            </a:lvl2pPr>
            <a:lvl3pPr lvl="2" algn="r" rtl="0">
              <a:lnSpc>
                <a:spcPct val="100000"/>
              </a:lnSpc>
              <a:spcBef>
                <a:spcPts val="0"/>
              </a:spcBef>
              <a:spcAft>
                <a:spcPts val="0"/>
              </a:spcAft>
              <a:buSzPts val="1400"/>
              <a:buNone/>
              <a:defRPr/>
            </a:lvl3pPr>
            <a:lvl4pPr lvl="3" algn="r" rtl="0">
              <a:lnSpc>
                <a:spcPct val="100000"/>
              </a:lnSpc>
              <a:spcBef>
                <a:spcPts val="0"/>
              </a:spcBef>
              <a:spcAft>
                <a:spcPts val="0"/>
              </a:spcAft>
              <a:buSzPts val="1400"/>
              <a:buNone/>
              <a:defRPr/>
            </a:lvl4pPr>
            <a:lvl5pPr lvl="4" algn="r" rtl="0">
              <a:lnSpc>
                <a:spcPct val="100000"/>
              </a:lnSpc>
              <a:spcBef>
                <a:spcPts val="0"/>
              </a:spcBef>
              <a:spcAft>
                <a:spcPts val="0"/>
              </a:spcAft>
              <a:buSzPts val="1400"/>
              <a:buNone/>
              <a:defRPr/>
            </a:lvl5pPr>
            <a:lvl6pPr lvl="5" algn="r" rtl="0">
              <a:lnSpc>
                <a:spcPct val="100000"/>
              </a:lnSpc>
              <a:spcBef>
                <a:spcPts val="0"/>
              </a:spcBef>
              <a:spcAft>
                <a:spcPts val="0"/>
              </a:spcAft>
              <a:buSzPts val="1400"/>
              <a:buNone/>
              <a:defRPr/>
            </a:lvl6pPr>
            <a:lvl7pPr lvl="6" algn="r" rtl="0">
              <a:lnSpc>
                <a:spcPct val="100000"/>
              </a:lnSpc>
              <a:spcBef>
                <a:spcPts val="0"/>
              </a:spcBef>
              <a:spcAft>
                <a:spcPts val="0"/>
              </a:spcAft>
              <a:buSzPts val="1400"/>
              <a:buNone/>
              <a:defRPr/>
            </a:lvl7pPr>
            <a:lvl8pPr lvl="7" algn="r" rtl="0">
              <a:lnSpc>
                <a:spcPct val="100000"/>
              </a:lnSpc>
              <a:spcBef>
                <a:spcPts val="0"/>
              </a:spcBef>
              <a:spcAft>
                <a:spcPts val="0"/>
              </a:spcAft>
              <a:buSzPts val="1400"/>
              <a:buNone/>
              <a:defRPr/>
            </a:lvl8pPr>
            <a:lvl9pPr lvl="8" algn="r" rtl="0">
              <a:lnSpc>
                <a:spcPct val="100000"/>
              </a:lnSpc>
              <a:spcBef>
                <a:spcPts val="0"/>
              </a:spcBef>
              <a:spcAft>
                <a:spcPts val="0"/>
              </a:spcAft>
              <a:buSzPts val="1400"/>
              <a:buNone/>
              <a:defRPr/>
            </a:lvl9pPr>
          </a:lstStyle>
          <a:p>
            <a:endParaRPr/>
          </a:p>
        </p:txBody>
      </p:sp>
      <p:sp>
        <p:nvSpPr>
          <p:cNvPr id="323" name="Google Shape;323;p17"/>
          <p:cNvSpPr txBox="1">
            <a:spLocks noGrp="1"/>
          </p:cNvSpPr>
          <p:nvPr>
            <p:ph type="title"/>
          </p:nvPr>
        </p:nvSpPr>
        <p:spPr>
          <a:xfrm>
            <a:off x="4740988" y="1616250"/>
            <a:ext cx="3687900" cy="572700"/>
          </a:xfrm>
          <a:prstGeom prst="rect">
            <a:avLst/>
          </a:prstGeom>
        </p:spPr>
        <p:txBody>
          <a:bodyPr spcFirstLastPara="1" wrap="square" lIns="91425" tIns="91425" rIns="91425" bIns="91425" anchor="ctr" anchorCtr="0">
            <a:noAutofit/>
          </a:bodyPr>
          <a:lstStyle>
            <a:lvl1pPr lvl="0" algn="r" rtl="0">
              <a:spcBef>
                <a:spcPts val="0"/>
              </a:spcBef>
              <a:spcAft>
                <a:spcPts val="0"/>
              </a:spcAft>
              <a:buSzPts val="3000"/>
              <a:buNone/>
              <a:defRPr/>
            </a:lvl1pPr>
            <a:lvl2pPr lvl="1" algn="r" rtl="0">
              <a:spcBef>
                <a:spcPts val="0"/>
              </a:spcBef>
              <a:spcAft>
                <a:spcPts val="0"/>
              </a:spcAft>
              <a:buSzPts val="3500"/>
              <a:buNone/>
              <a:defRPr/>
            </a:lvl2pPr>
            <a:lvl3pPr lvl="2" algn="r" rtl="0">
              <a:spcBef>
                <a:spcPts val="0"/>
              </a:spcBef>
              <a:spcAft>
                <a:spcPts val="0"/>
              </a:spcAft>
              <a:buSzPts val="3500"/>
              <a:buNone/>
              <a:defRPr/>
            </a:lvl3pPr>
            <a:lvl4pPr lvl="3" algn="r" rtl="0">
              <a:spcBef>
                <a:spcPts val="0"/>
              </a:spcBef>
              <a:spcAft>
                <a:spcPts val="0"/>
              </a:spcAft>
              <a:buSzPts val="3500"/>
              <a:buNone/>
              <a:defRPr/>
            </a:lvl4pPr>
            <a:lvl5pPr lvl="4" algn="r" rtl="0">
              <a:spcBef>
                <a:spcPts val="0"/>
              </a:spcBef>
              <a:spcAft>
                <a:spcPts val="0"/>
              </a:spcAft>
              <a:buSzPts val="3500"/>
              <a:buNone/>
              <a:defRPr/>
            </a:lvl5pPr>
            <a:lvl6pPr lvl="5" algn="r" rtl="0">
              <a:spcBef>
                <a:spcPts val="0"/>
              </a:spcBef>
              <a:spcAft>
                <a:spcPts val="0"/>
              </a:spcAft>
              <a:buSzPts val="3500"/>
              <a:buNone/>
              <a:defRPr/>
            </a:lvl6pPr>
            <a:lvl7pPr lvl="6" algn="r" rtl="0">
              <a:spcBef>
                <a:spcPts val="0"/>
              </a:spcBef>
              <a:spcAft>
                <a:spcPts val="0"/>
              </a:spcAft>
              <a:buSzPts val="3500"/>
              <a:buNone/>
              <a:defRPr/>
            </a:lvl7pPr>
            <a:lvl8pPr lvl="7" algn="r" rtl="0">
              <a:spcBef>
                <a:spcPts val="0"/>
              </a:spcBef>
              <a:spcAft>
                <a:spcPts val="0"/>
              </a:spcAft>
              <a:buSzPts val="3500"/>
              <a:buNone/>
              <a:defRPr/>
            </a:lvl8pPr>
            <a:lvl9pPr lvl="8" algn="r" rtl="0">
              <a:spcBef>
                <a:spcPts val="0"/>
              </a:spcBef>
              <a:spcAft>
                <a:spcPts val="0"/>
              </a:spcAft>
              <a:buSzPts val="3500"/>
              <a:buNone/>
              <a:defRPr/>
            </a:lvl9pPr>
          </a:lstStyle>
          <a:p>
            <a:endParaRPr/>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matchingName="Title and text 4">
  <p:cSld name="CUSTOM_2_1_1">
    <p:spTree>
      <p:nvGrpSpPr>
        <p:cNvPr id="1" name="Shape 346"/>
        <p:cNvGrpSpPr/>
        <p:nvPr/>
      </p:nvGrpSpPr>
      <p:grpSpPr>
        <a:xfrm>
          <a:off x="0" y="0"/>
          <a:ext cx="0" cy="0"/>
          <a:chOff x="0" y="0"/>
          <a:chExt cx="0" cy="0"/>
        </a:xfrm>
      </p:grpSpPr>
      <p:sp>
        <p:nvSpPr>
          <p:cNvPr id="347" name="Google Shape;347;p19"/>
          <p:cNvSpPr/>
          <p:nvPr/>
        </p:nvSpPr>
        <p:spPr>
          <a:xfrm>
            <a:off x="-465550" y="417195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8" name="Google Shape;348;p19"/>
          <p:cNvSpPr/>
          <p:nvPr/>
        </p:nvSpPr>
        <p:spPr>
          <a:xfrm rot="-204394">
            <a:off x="6987958" y="-539213"/>
            <a:ext cx="3569337" cy="1645446"/>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349" name="Google Shape;349;p19"/>
          <p:cNvGrpSpPr/>
          <p:nvPr/>
        </p:nvGrpSpPr>
        <p:grpSpPr>
          <a:xfrm>
            <a:off x="7517838" y="-1142580"/>
            <a:ext cx="2509583" cy="1668048"/>
            <a:chOff x="-372074" y="-1220130"/>
            <a:chExt cx="2509583" cy="1668048"/>
          </a:xfrm>
        </p:grpSpPr>
        <p:sp>
          <p:nvSpPr>
            <p:cNvPr id="350" name="Google Shape;350;p19"/>
            <p:cNvSpPr/>
            <p:nvPr/>
          </p:nvSpPr>
          <p:spPr>
            <a:xfrm flipH="1">
              <a:off x="-27990" y="-396917"/>
              <a:ext cx="2066229" cy="844835"/>
            </a:xfrm>
            <a:custGeom>
              <a:avLst/>
              <a:gdLst/>
              <a:ahLst/>
              <a:cxnLst/>
              <a:rect l="l" t="t" r="r" b="b"/>
              <a:pathLst>
                <a:path w="29016" h="11864" extrusionOk="0">
                  <a:moveTo>
                    <a:pt x="215" y="0"/>
                  </a:moveTo>
                  <a:cubicBezTo>
                    <a:pt x="176" y="0"/>
                    <a:pt x="136" y="25"/>
                    <a:pt x="132" y="74"/>
                  </a:cubicBezTo>
                  <a:lnTo>
                    <a:pt x="134" y="72"/>
                  </a:lnTo>
                  <a:lnTo>
                    <a:pt x="134" y="72"/>
                  </a:lnTo>
                  <a:cubicBezTo>
                    <a:pt x="0" y="2481"/>
                    <a:pt x="649" y="4932"/>
                    <a:pt x="1916" y="6982"/>
                  </a:cubicBezTo>
                  <a:cubicBezTo>
                    <a:pt x="2553" y="8015"/>
                    <a:pt x="3352" y="8941"/>
                    <a:pt x="4281" y="9724"/>
                  </a:cubicBezTo>
                  <a:cubicBezTo>
                    <a:pt x="5226" y="10517"/>
                    <a:pt x="6347" y="11147"/>
                    <a:pt x="7577" y="11348"/>
                  </a:cubicBezTo>
                  <a:cubicBezTo>
                    <a:pt x="7912" y="11403"/>
                    <a:pt x="8243" y="11428"/>
                    <a:pt x="8572" y="11428"/>
                  </a:cubicBezTo>
                  <a:cubicBezTo>
                    <a:pt x="10620" y="11428"/>
                    <a:pt x="12553" y="10466"/>
                    <a:pt x="14478" y="9836"/>
                  </a:cubicBezTo>
                  <a:cubicBezTo>
                    <a:pt x="15465" y="9512"/>
                    <a:pt x="16470" y="9273"/>
                    <a:pt x="17505" y="9273"/>
                  </a:cubicBezTo>
                  <a:cubicBezTo>
                    <a:pt x="17634" y="9273"/>
                    <a:pt x="17763" y="9277"/>
                    <a:pt x="17892" y="9284"/>
                  </a:cubicBezTo>
                  <a:cubicBezTo>
                    <a:pt x="19004" y="9351"/>
                    <a:pt x="20118" y="9699"/>
                    <a:pt x="21179" y="10095"/>
                  </a:cubicBezTo>
                  <a:cubicBezTo>
                    <a:pt x="23160" y="10832"/>
                    <a:pt x="25183" y="11863"/>
                    <a:pt x="27337" y="11863"/>
                  </a:cubicBezTo>
                  <a:cubicBezTo>
                    <a:pt x="27506" y="11863"/>
                    <a:pt x="27676" y="11857"/>
                    <a:pt x="27846" y="11844"/>
                  </a:cubicBezTo>
                  <a:cubicBezTo>
                    <a:pt x="28138" y="11823"/>
                    <a:pt x="28430" y="11772"/>
                    <a:pt x="28713" y="11691"/>
                  </a:cubicBezTo>
                  <a:cubicBezTo>
                    <a:pt x="28902" y="11635"/>
                    <a:pt x="29016" y="11438"/>
                    <a:pt x="28967" y="11246"/>
                  </a:cubicBezTo>
                  <a:cubicBezTo>
                    <a:pt x="28917" y="11064"/>
                    <a:pt x="28765" y="10986"/>
                    <a:pt x="28599" y="10986"/>
                  </a:cubicBezTo>
                  <a:cubicBezTo>
                    <a:pt x="28573" y="10986"/>
                    <a:pt x="28547" y="10988"/>
                    <a:pt x="28520" y="10991"/>
                  </a:cubicBezTo>
                  <a:cubicBezTo>
                    <a:pt x="28268" y="11026"/>
                    <a:pt x="28020" y="11056"/>
                    <a:pt x="27740" y="11072"/>
                  </a:cubicBezTo>
                  <a:cubicBezTo>
                    <a:pt x="27610" y="11080"/>
                    <a:pt x="27481" y="11084"/>
                    <a:pt x="27351" y="11084"/>
                  </a:cubicBezTo>
                  <a:cubicBezTo>
                    <a:pt x="27204" y="11084"/>
                    <a:pt x="27057" y="11079"/>
                    <a:pt x="26910" y="11068"/>
                  </a:cubicBezTo>
                  <a:cubicBezTo>
                    <a:pt x="26394" y="11033"/>
                    <a:pt x="25907" y="10940"/>
                    <a:pt x="25370" y="10799"/>
                  </a:cubicBezTo>
                  <a:cubicBezTo>
                    <a:pt x="24265" y="10510"/>
                    <a:pt x="23204" y="10069"/>
                    <a:pt x="22136" y="9662"/>
                  </a:cubicBezTo>
                  <a:cubicBezTo>
                    <a:pt x="21071" y="9254"/>
                    <a:pt x="19986" y="8863"/>
                    <a:pt x="18856" y="8682"/>
                  </a:cubicBezTo>
                  <a:cubicBezTo>
                    <a:pt x="18422" y="8613"/>
                    <a:pt x="17984" y="8569"/>
                    <a:pt x="17546" y="8569"/>
                  </a:cubicBezTo>
                  <a:cubicBezTo>
                    <a:pt x="17411" y="8569"/>
                    <a:pt x="17276" y="8574"/>
                    <a:pt x="17142" y="8582"/>
                  </a:cubicBezTo>
                  <a:cubicBezTo>
                    <a:pt x="16537" y="8626"/>
                    <a:pt x="15940" y="8728"/>
                    <a:pt x="15358" y="8890"/>
                  </a:cubicBezTo>
                  <a:cubicBezTo>
                    <a:pt x="14214" y="9198"/>
                    <a:pt x="13123" y="9676"/>
                    <a:pt x="12018" y="10095"/>
                  </a:cubicBezTo>
                  <a:cubicBezTo>
                    <a:pt x="10962" y="10493"/>
                    <a:pt x="9859" y="10873"/>
                    <a:pt x="8724" y="10940"/>
                  </a:cubicBezTo>
                  <a:cubicBezTo>
                    <a:pt x="8612" y="10947"/>
                    <a:pt x="8501" y="10951"/>
                    <a:pt x="8390" y="10951"/>
                  </a:cubicBezTo>
                  <a:cubicBezTo>
                    <a:pt x="7301" y="10951"/>
                    <a:pt x="6263" y="10624"/>
                    <a:pt x="5323" y="10060"/>
                  </a:cubicBezTo>
                  <a:cubicBezTo>
                    <a:pt x="4288" y="9439"/>
                    <a:pt x="3394" y="8578"/>
                    <a:pt x="2659" y="7621"/>
                  </a:cubicBezTo>
                  <a:cubicBezTo>
                    <a:pt x="1195" y="5715"/>
                    <a:pt x="343" y="3361"/>
                    <a:pt x="276" y="957"/>
                  </a:cubicBezTo>
                  <a:cubicBezTo>
                    <a:pt x="269" y="662"/>
                    <a:pt x="271" y="368"/>
                    <a:pt x="287" y="74"/>
                  </a:cubicBezTo>
                  <a:cubicBezTo>
                    <a:pt x="290" y="24"/>
                    <a:pt x="253" y="0"/>
                    <a:pt x="21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1" name="Google Shape;351;p19"/>
            <p:cNvSpPr/>
            <p:nvPr/>
          </p:nvSpPr>
          <p:spPr>
            <a:xfrm flipH="1">
              <a:off x="-372074" y="-1220130"/>
              <a:ext cx="2509583" cy="1348504"/>
            </a:xfrm>
            <a:custGeom>
              <a:avLst/>
              <a:gdLst/>
              <a:ahLst/>
              <a:cxnLst/>
              <a:rect l="l" t="t" r="r" b="b"/>
              <a:pathLst>
                <a:path w="35242" h="18937" extrusionOk="0">
                  <a:moveTo>
                    <a:pt x="109" y="0"/>
                  </a:moveTo>
                  <a:cubicBezTo>
                    <a:pt x="54" y="0"/>
                    <a:pt x="1" y="55"/>
                    <a:pt x="41" y="112"/>
                  </a:cubicBezTo>
                  <a:lnTo>
                    <a:pt x="44" y="112"/>
                  </a:lnTo>
                  <a:cubicBezTo>
                    <a:pt x="2152" y="3026"/>
                    <a:pt x="3845" y="6223"/>
                    <a:pt x="5073" y="9605"/>
                  </a:cubicBezTo>
                  <a:cubicBezTo>
                    <a:pt x="5677" y="11266"/>
                    <a:pt x="6087" y="13005"/>
                    <a:pt x="6805" y="14622"/>
                  </a:cubicBezTo>
                  <a:cubicBezTo>
                    <a:pt x="7440" y="16051"/>
                    <a:pt x="8404" y="17404"/>
                    <a:pt x="9814" y="18155"/>
                  </a:cubicBezTo>
                  <a:cubicBezTo>
                    <a:pt x="10442" y="18488"/>
                    <a:pt x="11137" y="18688"/>
                    <a:pt x="11851" y="18699"/>
                  </a:cubicBezTo>
                  <a:cubicBezTo>
                    <a:pt x="11872" y="18699"/>
                    <a:pt x="11893" y="18700"/>
                    <a:pt x="11914" y="18700"/>
                  </a:cubicBezTo>
                  <a:cubicBezTo>
                    <a:pt x="12532" y="18700"/>
                    <a:pt x="13145" y="18570"/>
                    <a:pt x="13727" y="18375"/>
                  </a:cubicBezTo>
                  <a:cubicBezTo>
                    <a:pt x="15003" y="17944"/>
                    <a:pt x="16148" y="17221"/>
                    <a:pt x="17366" y="16663"/>
                  </a:cubicBezTo>
                  <a:cubicBezTo>
                    <a:pt x="18191" y="16283"/>
                    <a:pt x="19096" y="15961"/>
                    <a:pt x="20008" y="15961"/>
                  </a:cubicBezTo>
                  <a:cubicBezTo>
                    <a:pt x="20330" y="15961"/>
                    <a:pt x="20652" y="16001"/>
                    <a:pt x="20973" y="16093"/>
                  </a:cubicBezTo>
                  <a:cubicBezTo>
                    <a:pt x="21795" y="16329"/>
                    <a:pt x="22453" y="16883"/>
                    <a:pt x="23162" y="17332"/>
                  </a:cubicBezTo>
                  <a:cubicBezTo>
                    <a:pt x="23817" y="17747"/>
                    <a:pt x="24517" y="18085"/>
                    <a:pt x="25247" y="18340"/>
                  </a:cubicBezTo>
                  <a:cubicBezTo>
                    <a:pt x="26379" y="18739"/>
                    <a:pt x="27581" y="18936"/>
                    <a:pt x="28784" y="18936"/>
                  </a:cubicBezTo>
                  <a:cubicBezTo>
                    <a:pt x="30679" y="18936"/>
                    <a:pt x="32575" y="18445"/>
                    <a:pt x="34202" y="17476"/>
                  </a:cubicBezTo>
                  <a:cubicBezTo>
                    <a:pt x="34529" y="17279"/>
                    <a:pt x="34820" y="17034"/>
                    <a:pt x="35071" y="16746"/>
                  </a:cubicBezTo>
                  <a:cubicBezTo>
                    <a:pt x="35242" y="16556"/>
                    <a:pt x="35091" y="16308"/>
                    <a:pt x="34880" y="16308"/>
                  </a:cubicBezTo>
                  <a:cubicBezTo>
                    <a:pt x="34840" y="16308"/>
                    <a:pt x="34798" y="16316"/>
                    <a:pt x="34756" y="16336"/>
                  </a:cubicBezTo>
                  <a:cubicBezTo>
                    <a:pt x="34589" y="16415"/>
                    <a:pt x="34410" y="16478"/>
                    <a:pt x="34251" y="16570"/>
                  </a:cubicBezTo>
                  <a:cubicBezTo>
                    <a:pt x="34077" y="16672"/>
                    <a:pt x="33899" y="16770"/>
                    <a:pt x="33722" y="16869"/>
                  </a:cubicBezTo>
                  <a:cubicBezTo>
                    <a:pt x="33403" y="17050"/>
                    <a:pt x="33072" y="17214"/>
                    <a:pt x="32731" y="17358"/>
                  </a:cubicBezTo>
                  <a:cubicBezTo>
                    <a:pt x="32064" y="17638"/>
                    <a:pt x="31369" y="17849"/>
                    <a:pt x="30658" y="17986"/>
                  </a:cubicBezTo>
                  <a:cubicBezTo>
                    <a:pt x="30000" y="18112"/>
                    <a:pt x="29333" y="18175"/>
                    <a:pt x="28667" y="18175"/>
                  </a:cubicBezTo>
                  <a:cubicBezTo>
                    <a:pt x="27863" y="18175"/>
                    <a:pt x="27059" y="18083"/>
                    <a:pt x="26270" y="17898"/>
                  </a:cubicBezTo>
                  <a:cubicBezTo>
                    <a:pt x="25555" y="17731"/>
                    <a:pt x="24860" y="17483"/>
                    <a:pt x="24200" y="17156"/>
                  </a:cubicBezTo>
                  <a:cubicBezTo>
                    <a:pt x="23468" y="16788"/>
                    <a:pt x="22805" y="16297"/>
                    <a:pt x="22080" y="15919"/>
                  </a:cubicBezTo>
                  <a:cubicBezTo>
                    <a:pt x="21460" y="15597"/>
                    <a:pt x="20794" y="15404"/>
                    <a:pt x="20094" y="15404"/>
                  </a:cubicBezTo>
                  <a:cubicBezTo>
                    <a:pt x="20069" y="15404"/>
                    <a:pt x="20045" y="15405"/>
                    <a:pt x="20021" y="15405"/>
                  </a:cubicBezTo>
                  <a:cubicBezTo>
                    <a:pt x="19393" y="15419"/>
                    <a:pt x="18774" y="15584"/>
                    <a:pt x="18191" y="15811"/>
                  </a:cubicBezTo>
                  <a:cubicBezTo>
                    <a:pt x="16958" y="16297"/>
                    <a:pt x="15842" y="17027"/>
                    <a:pt x="14656" y="17610"/>
                  </a:cubicBezTo>
                  <a:cubicBezTo>
                    <a:pt x="13763" y="18049"/>
                    <a:pt x="12789" y="18408"/>
                    <a:pt x="11796" y="18408"/>
                  </a:cubicBezTo>
                  <a:cubicBezTo>
                    <a:pt x="11488" y="18408"/>
                    <a:pt x="11178" y="18373"/>
                    <a:pt x="10868" y="18296"/>
                  </a:cubicBezTo>
                  <a:cubicBezTo>
                    <a:pt x="9386" y="17928"/>
                    <a:pt x="8223" y="16728"/>
                    <a:pt x="7486" y="15438"/>
                  </a:cubicBezTo>
                  <a:cubicBezTo>
                    <a:pt x="6608" y="13895"/>
                    <a:pt x="6196" y="12148"/>
                    <a:pt x="5631" y="10480"/>
                  </a:cubicBezTo>
                  <a:cubicBezTo>
                    <a:pt x="4498" y="7154"/>
                    <a:pt x="2916" y="3997"/>
                    <a:pt x="929" y="1099"/>
                  </a:cubicBezTo>
                  <a:cubicBezTo>
                    <a:pt x="683" y="740"/>
                    <a:pt x="430" y="383"/>
                    <a:pt x="173" y="33"/>
                  </a:cubicBezTo>
                  <a:cubicBezTo>
                    <a:pt x="156" y="10"/>
                    <a:pt x="133" y="0"/>
                    <a:pt x="109"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52" name="Google Shape;352;p19"/>
          <p:cNvSpPr/>
          <p:nvPr/>
        </p:nvSpPr>
        <p:spPr>
          <a:xfrm rot="-570214" flipH="1">
            <a:off x="8412263" y="511506"/>
            <a:ext cx="1305130" cy="1685949"/>
          </a:xfrm>
          <a:custGeom>
            <a:avLst/>
            <a:gdLst/>
            <a:ahLst/>
            <a:cxnLst/>
            <a:rect l="l" t="t" r="r" b="b"/>
            <a:pathLst>
              <a:path w="15340" h="19816" extrusionOk="0">
                <a:moveTo>
                  <a:pt x="10681" y="642"/>
                </a:moveTo>
                <a:cubicBezTo>
                  <a:pt x="10567" y="642"/>
                  <a:pt x="10439" y="711"/>
                  <a:pt x="10443" y="872"/>
                </a:cubicBezTo>
                <a:cubicBezTo>
                  <a:pt x="10445" y="1032"/>
                  <a:pt x="10533" y="1127"/>
                  <a:pt x="10730" y="1127"/>
                </a:cubicBezTo>
                <a:cubicBezTo>
                  <a:pt x="10879" y="1122"/>
                  <a:pt x="10962" y="995"/>
                  <a:pt x="10936" y="856"/>
                </a:cubicBezTo>
                <a:cubicBezTo>
                  <a:pt x="10920" y="768"/>
                  <a:pt x="10790" y="649"/>
                  <a:pt x="10702" y="643"/>
                </a:cubicBezTo>
                <a:cubicBezTo>
                  <a:pt x="10695" y="642"/>
                  <a:pt x="10688" y="642"/>
                  <a:pt x="10681" y="642"/>
                </a:cubicBezTo>
                <a:close/>
                <a:moveTo>
                  <a:pt x="9153" y="1"/>
                </a:moveTo>
                <a:cubicBezTo>
                  <a:pt x="9149" y="1"/>
                  <a:pt x="9145" y="1"/>
                  <a:pt x="9141" y="1"/>
                </a:cubicBezTo>
                <a:cubicBezTo>
                  <a:pt x="8731" y="12"/>
                  <a:pt x="8557" y="221"/>
                  <a:pt x="8560" y="693"/>
                </a:cubicBezTo>
                <a:cubicBezTo>
                  <a:pt x="8560" y="1033"/>
                  <a:pt x="8865" y="1307"/>
                  <a:pt x="9254" y="1307"/>
                </a:cubicBezTo>
                <a:cubicBezTo>
                  <a:pt x="9257" y="1307"/>
                  <a:pt x="9261" y="1307"/>
                  <a:pt x="9264" y="1307"/>
                </a:cubicBezTo>
                <a:cubicBezTo>
                  <a:pt x="9482" y="1303"/>
                  <a:pt x="9757" y="1046"/>
                  <a:pt x="9753" y="645"/>
                </a:cubicBezTo>
                <a:cubicBezTo>
                  <a:pt x="9748" y="292"/>
                  <a:pt x="9477" y="1"/>
                  <a:pt x="9153" y="1"/>
                </a:cubicBezTo>
                <a:close/>
                <a:moveTo>
                  <a:pt x="14431" y="1648"/>
                </a:moveTo>
                <a:cubicBezTo>
                  <a:pt x="14289" y="1648"/>
                  <a:pt x="14168" y="1806"/>
                  <a:pt x="14168" y="1963"/>
                </a:cubicBezTo>
                <a:cubicBezTo>
                  <a:pt x="14168" y="2138"/>
                  <a:pt x="14286" y="2255"/>
                  <a:pt x="14459" y="2255"/>
                </a:cubicBezTo>
                <a:cubicBezTo>
                  <a:pt x="14462" y="2255"/>
                  <a:pt x="14466" y="2255"/>
                  <a:pt x="14469" y="2255"/>
                </a:cubicBezTo>
                <a:cubicBezTo>
                  <a:pt x="14659" y="2250"/>
                  <a:pt x="14791" y="2090"/>
                  <a:pt x="14777" y="1866"/>
                </a:cubicBezTo>
                <a:cubicBezTo>
                  <a:pt x="14766" y="1662"/>
                  <a:pt x="14589" y="1669"/>
                  <a:pt x="14457" y="1650"/>
                </a:cubicBezTo>
                <a:cubicBezTo>
                  <a:pt x="14449" y="1649"/>
                  <a:pt x="14440" y="1648"/>
                  <a:pt x="14431" y="1648"/>
                </a:cubicBezTo>
                <a:close/>
                <a:moveTo>
                  <a:pt x="11330" y="2609"/>
                </a:moveTo>
                <a:cubicBezTo>
                  <a:pt x="11277" y="2674"/>
                  <a:pt x="11189" y="2732"/>
                  <a:pt x="11175" y="2804"/>
                </a:cubicBezTo>
                <a:cubicBezTo>
                  <a:pt x="11166" y="2857"/>
                  <a:pt x="11249" y="2927"/>
                  <a:pt x="11328" y="3045"/>
                </a:cubicBezTo>
                <a:cubicBezTo>
                  <a:pt x="11418" y="2933"/>
                  <a:pt x="11520" y="2859"/>
                  <a:pt x="11506" y="2813"/>
                </a:cubicBezTo>
                <a:lnTo>
                  <a:pt x="11504" y="2811"/>
                </a:lnTo>
                <a:cubicBezTo>
                  <a:pt x="11485" y="2734"/>
                  <a:pt x="11393" y="2676"/>
                  <a:pt x="11330" y="2609"/>
                </a:cubicBezTo>
                <a:close/>
                <a:moveTo>
                  <a:pt x="6848" y="4733"/>
                </a:moveTo>
                <a:cubicBezTo>
                  <a:pt x="6626" y="4733"/>
                  <a:pt x="6465" y="4893"/>
                  <a:pt x="6452" y="5139"/>
                </a:cubicBezTo>
                <a:cubicBezTo>
                  <a:pt x="6440" y="5343"/>
                  <a:pt x="6616" y="5528"/>
                  <a:pt x="6829" y="5537"/>
                </a:cubicBezTo>
                <a:cubicBezTo>
                  <a:pt x="6839" y="5538"/>
                  <a:pt x="6848" y="5538"/>
                  <a:pt x="6857" y="5538"/>
                </a:cubicBezTo>
                <a:cubicBezTo>
                  <a:pt x="7106" y="5538"/>
                  <a:pt x="7272" y="5385"/>
                  <a:pt x="7288" y="5136"/>
                </a:cubicBezTo>
                <a:cubicBezTo>
                  <a:pt x="7297" y="4984"/>
                  <a:pt x="7047" y="4743"/>
                  <a:pt x="6866" y="4733"/>
                </a:cubicBezTo>
                <a:cubicBezTo>
                  <a:pt x="6860" y="4733"/>
                  <a:pt x="6854" y="4733"/>
                  <a:pt x="6848" y="4733"/>
                </a:cubicBezTo>
                <a:close/>
                <a:moveTo>
                  <a:pt x="7995" y="6924"/>
                </a:moveTo>
                <a:cubicBezTo>
                  <a:pt x="7987" y="6924"/>
                  <a:pt x="7958" y="6938"/>
                  <a:pt x="7932" y="6948"/>
                </a:cubicBezTo>
                <a:lnTo>
                  <a:pt x="8041" y="7045"/>
                </a:lnTo>
                <a:cubicBezTo>
                  <a:pt x="7971" y="7098"/>
                  <a:pt x="7911" y="7129"/>
                  <a:pt x="7874" y="7177"/>
                </a:cubicBezTo>
                <a:cubicBezTo>
                  <a:pt x="7853" y="7203"/>
                  <a:pt x="7860" y="7263"/>
                  <a:pt x="7876" y="7298"/>
                </a:cubicBezTo>
                <a:cubicBezTo>
                  <a:pt x="7883" y="7312"/>
                  <a:pt x="7927" y="7325"/>
                  <a:pt x="7953" y="7325"/>
                </a:cubicBezTo>
                <a:cubicBezTo>
                  <a:pt x="7960" y="7325"/>
                  <a:pt x="7966" y="7324"/>
                  <a:pt x="7969" y="7321"/>
                </a:cubicBezTo>
                <a:cubicBezTo>
                  <a:pt x="8027" y="7254"/>
                  <a:pt x="8106" y="7184"/>
                  <a:pt x="8120" y="7108"/>
                </a:cubicBezTo>
                <a:cubicBezTo>
                  <a:pt x="8129" y="7054"/>
                  <a:pt x="8043" y="6983"/>
                  <a:pt x="7997" y="6925"/>
                </a:cubicBezTo>
                <a:cubicBezTo>
                  <a:pt x="7997" y="6924"/>
                  <a:pt x="7996" y="6924"/>
                  <a:pt x="7995" y="6924"/>
                </a:cubicBezTo>
                <a:close/>
                <a:moveTo>
                  <a:pt x="13031" y="8086"/>
                </a:moveTo>
                <a:cubicBezTo>
                  <a:pt x="13023" y="8086"/>
                  <a:pt x="13015" y="8087"/>
                  <a:pt x="13007" y="8088"/>
                </a:cubicBezTo>
                <a:cubicBezTo>
                  <a:pt x="12915" y="8097"/>
                  <a:pt x="12834" y="8208"/>
                  <a:pt x="12746" y="8275"/>
                </a:cubicBezTo>
                <a:cubicBezTo>
                  <a:pt x="12743" y="8308"/>
                  <a:pt x="12743" y="8340"/>
                  <a:pt x="12743" y="8373"/>
                </a:cubicBezTo>
                <a:cubicBezTo>
                  <a:pt x="12831" y="8437"/>
                  <a:pt x="12912" y="8542"/>
                  <a:pt x="13010" y="8558"/>
                </a:cubicBezTo>
                <a:cubicBezTo>
                  <a:pt x="13024" y="8561"/>
                  <a:pt x="13038" y="8562"/>
                  <a:pt x="13052" y="8562"/>
                </a:cubicBezTo>
                <a:cubicBezTo>
                  <a:pt x="13165" y="8562"/>
                  <a:pt x="13246" y="8470"/>
                  <a:pt x="13248" y="8338"/>
                </a:cubicBezTo>
                <a:cubicBezTo>
                  <a:pt x="13250" y="8194"/>
                  <a:pt x="13160" y="8086"/>
                  <a:pt x="13031" y="8086"/>
                </a:cubicBezTo>
                <a:close/>
                <a:moveTo>
                  <a:pt x="4679" y="7798"/>
                </a:moveTo>
                <a:cubicBezTo>
                  <a:pt x="4678" y="7798"/>
                  <a:pt x="4676" y="7798"/>
                  <a:pt x="4675" y="7798"/>
                </a:cubicBezTo>
                <a:cubicBezTo>
                  <a:pt x="4439" y="7803"/>
                  <a:pt x="4316" y="7930"/>
                  <a:pt x="4318" y="8164"/>
                </a:cubicBezTo>
                <a:cubicBezTo>
                  <a:pt x="4321" y="8367"/>
                  <a:pt x="4489" y="8572"/>
                  <a:pt x="4646" y="8572"/>
                </a:cubicBezTo>
                <a:cubicBezTo>
                  <a:pt x="4649" y="8572"/>
                  <a:pt x="4652" y="8572"/>
                  <a:pt x="4654" y="8572"/>
                </a:cubicBezTo>
                <a:cubicBezTo>
                  <a:pt x="4904" y="8558"/>
                  <a:pt x="5027" y="8414"/>
                  <a:pt x="5023" y="8139"/>
                </a:cubicBezTo>
                <a:cubicBezTo>
                  <a:pt x="5020" y="7950"/>
                  <a:pt x="4867" y="7798"/>
                  <a:pt x="4679" y="7798"/>
                </a:cubicBezTo>
                <a:close/>
                <a:moveTo>
                  <a:pt x="9414" y="7409"/>
                </a:moveTo>
                <a:cubicBezTo>
                  <a:pt x="9091" y="7409"/>
                  <a:pt x="8751" y="7681"/>
                  <a:pt x="8738" y="7962"/>
                </a:cubicBezTo>
                <a:cubicBezTo>
                  <a:pt x="8720" y="8301"/>
                  <a:pt x="8914" y="8562"/>
                  <a:pt x="9206" y="8576"/>
                </a:cubicBezTo>
                <a:cubicBezTo>
                  <a:pt x="9213" y="8577"/>
                  <a:pt x="9220" y="8577"/>
                  <a:pt x="9227" y="8577"/>
                </a:cubicBezTo>
                <a:cubicBezTo>
                  <a:pt x="9501" y="8577"/>
                  <a:pt x="9908" y="8316"/>
                  <a:pt x="9892" y="8011"/>
                </a:cubicBezTo>
                <a:cubicBezTo>
                  <a:pt x="9908" y="7738"/>
                  <a:pt x="9688" y="7430"/>
                  <a:pt x="9463" y="7411"/>
                </a:cubicBezTo>
                <a:cubicBezTo>
                  <a:pt x="9447" y="7410"/>
                  <a:pt x="9430" y="7409"/>
                  <a:pt x="9414" y="7409"/>
                </a:cubicBezTo>
                <a:close/>
                <a:moveTo>
                  <a:pt x="9769" y="9112"/>
                </a:moveTo>
                <a:cubicBezTo>
                  <a:pt x="9643" y="9112"/>
                  <a:pt x="9545" y="9316"/>
                  <a:pt x="9565" y="9540"/>
                </a:cubicBezTo>
                <a:cubicBezTo>
                  <a:pt x="9570" y="9591"/>
                  <a:pt x="9635" y="9672"/>
                  <a:pt x="9683" y="9681"/>
                </a:cubicBezTo>
                <a:cubicBezTo>
                  <a:pt x="9688" y="9682"/>
                  <a:pt x="9693" y="9683"/>
                  <a:pt x="9698" y="9683"/>
                </a:cubicBezTo>
                <a:cubicBezTo>
                  <a:pt x="9819" y="9683"/>
                  <a:pt x="10037" y="9445"/>
                  <a:pt x="10068" y="9271"/>
                </a:cubicBezTo>
                <a:cubicBezTo>
                  <a:pt x="9975" y="9216"/>
                  <a:pt x="9887" y="9130"/>
                  <a:pt x="9790" y="9114"/>
                </a:cubicBezTo>
                <a:cubicBezTo>
                  <a:pt x="9783" y="9113"/>
                  <a:pt x="9776" y="9112"/>
                  <a:pt x="9769" y="9112"/>
                </a:cubicBezTo>
                <a:close/>
                <a:moveTo>
                  <a:pt x="3456" y="9931"/>
                </a:moveTo>
                <a:cubicBezTo>
                  <a:pt x="3446" y="9931"/>
                  <a:pt x="3436" y="9931"/>
                  <a:pt x="3426" y="9931"/>
                </a:cubicBezTo>
                <a:cubicBezTo>
                  <a:pt x="3413" y="9959"/>
                  <a:pt x="3406" y="9989"/>
                  <a:pt x="3408" y="10017"/>
                </a:cubicBezTo>
                <a:cubicBezTo>
                  <a:pt x="3468" y="10047"/>
                  <a:pt x="3531" y="10084"/>
                  <a:pt x="3596" y="10084"/>
                </a:cubicBezTo>
                <a:cubicBezTo>
                  <a:pt x="3651" y="10084"/>
                  <a:pt x="3707" y="10040"/>
                  <a:pt x="3762" y="10017"/>
                </a:cubicBezTo>
                <a:cubicBezTo>
                  <a:pt x="3760" y="10003"/>
                  <a:pt x="3758" y="9987"/>
                  <a:pt x="3755" y="9973"/>
                </a:cubicBezTo>
                <a:lnTo>
                  <a:pt x="3753" y="9971"/>
                </a:lnTo>
                <a:cubicBezTo>
                  <a:pt x="3702" y="9962"/>
                  <a:pt x="3651" y="9950"/>
                  <a:pt x="3600" y="9943"/>
                </a:cubicBezTo>
                <a:cubicBezTo>
                  <a:pt x="3552" y="9935"/>
                  <a:pt x="3504" y="9931"/>
                  <a:pt x="3456" y="9931"/>
                </a:cubicBezTo>
                <a:close/>
                <a:moveTo>
                  <a:pt x="6448" y="10117"/>
                </a:moveTo>
                <a:cubicBezTo>
                  <a:pt x="6411" y="10117"/>
                  <a:pt x="6329" y="10207"/>
                  <a:pt x="6218" y="10288"/>
                </a:cubicBezTo>
                <a:cubicBezTo>
                  <a:pt x="6345" y="10386"/>
                  <a:pt x="6415" y="10476"/>
                  <a:pt x="6493" y="10485"/>
                </a:cubicBezTo>
                <a:cubicBezTo>
                  <a:pt x="6495" y="10485"/>
                  <a:pt x="6496" y="10485"/>
                  <a:pt x="6497" y="10485"/>
                </a:cubicBezTo>
                <a:cubicBezTo>
                  <a:pt x="6550" y="10485"/>
                  <a:pt x="6615" y="10380"/>
                  <a:pt x="6674" y="10323"/>
                </a:cubicBezTo>
                <a:cubicBezTo>
                  <a:pt x="6605" y="10251"/>
                  <a:pt x="6542" y="10163"/>
                  <a:pt x="6456" y="10119"/>
                </a:cubicBezTo>
                <a:cubicBezTo>
                  <a:pt x="6454" y="10118"/>
                  <a:pt x="6451" y="10117"/>
                  <a:pt x="6448" y="10117"/>
                </a:cubicBezTo>
                <a:close/>
                <a:moveTo>
                  <a:pt x="8584" y="10569"/>
                </a:moveTo>
                <a:cubicBezTo>
                  <a:pt x="8580" y="10569"/>
                  <a:pt x="8576" y="10570"/>
                  <a:pt x="8571" y="10571"/>
                </a:cubicBezTo>
                <a:cubicBezTo>
                  <a:pt x="8509" y="10585"/>
                  <a:pt x="8418" y="10677"/>
                  <a:pt x="8425" y="10726"/>
                </a:cubicBezTo>
                <a:cubicBezTo>
                  <a:pt x="8432" y="10784"/>
                  <a:pt x="8525" y="10872"/>
                  <a:pt x="8585" y="10877"/>
                </a:cubicBezTo>
                <a:cubicBezTo>
                  <a:pt x="8586" y="10877"/>
                  <a:pt x="8587" y="10877"/>
                  <a:pt x="8587" y="10877"/>
                </a:cubicBezTo>
                <a:cubicBezTo>
                  <a:pt x="8642" y="10877"/>
                  <a:pt x="8702" y="10787"/>
                  <a:pt x="8812" y="10696"/>
                </a:cubicBezTo>
                <a:cubicBezTo>
                  <a:pt x="8702" y="10636"/>
                  <a:pt x="8634" y="10569"/>
                  <a:pt x="8584" y="10569"/>
                </a:cubicBezTo>
                <a:close/>
                <a:moveTo>
                  <a:pt x="9968" y="10006"/>
                </a:moveTo>
                <a:cubicBezTo>
                  <a:pt x="9914" y="10006"/>
                  <a:pt x="9865" y="10035"/>
                  <a:pt x="9811" y="10080"/>
                </a:cubicBezTo>
                <a:cubicBezTo>
                  <a:pt x="9635" y="10226"/>
                  <a:pt x="9706" y="10406"/>
                  <a:pt x="9732" y="10582"/>
                </a:cubicBezTo>
                <a:cubicBezTo>
                  <a:pt x="9773" y="10835"/>
                  <a:pt x="9834" y="10893"/>
                  <a:pt x="10070" y="10893"/>
                </a:cubicBezTo>
                <a:cubicBezTo>
                  <a:pt x="10074" y="10893"/>
                  <a:pt x="10079" y="10893"/>
                  <a:pt x="10084" y="10893"/>
                </a:cubicBezTo>
                <a:cubicBezTo>
                  <a:pt x="10334" y="10890"/>
                  <a:pt x="10473" y="10710"/>
                  <a:pt x="10427" y="10462"/>
                </a:cubicBezTo>
                <a:cubicBezTo>
                  <a:pt x="10390" y="10263"/>
                  <a:pt x="10244" y="10168"/>
                  <a:pt x="10098" y="10057"/>
                </a:cubicBezTo>
                <a:cubicBezTo>
                  <a:pt x="10050" y="10021"/>
                  <a:pt x="10008" y="10006"/>
                  <a:pt x="9968" y="10006"/>
                </a:cubicBezTo>
                <a:close/>
                <a:moveTo>
                  <a:pt x="9536" y="11164"/>
                </a:moveTo>
                <a:cubicBezTo>
                  <a:pt x="9384" y="11164"/>
                  <a:pt x="9222" y="11313"/>
                  <a:pt x="9215" y="11458"/>
                </a:cubicBezTo>
                <a:cubicBezTo>
                  <a:pt x="9204" y="11662"/>
                  <a:pt x="9391" y="11812"/>
                  <a:pt x="9702" y="11829"/>
                </a:cubicBezTo>
                <a:cubicBezTo>
                  <a:pt x="9715" y="11831"/>
                  <a:pt x="9727" y="11831"/>
                  <a:pt x="9739" y="11831"/>
                </a:cubicBezTo>
                <a:cubicBezTo>
                  <a:pt x="9846" y="11831"/>
                  <a:pt x="9920" y="11757"/>
                  <a:pt x="9929" y="11613"/>
                </a:cubicBezTo>
                <a:cubicBezTo>
                  <a:pt x="9938" y="11467"/>
                  <a:pt x="9674" y="11166"/>
                  <a:pt x="9540" y="11164"/>
                </a:cubicBezTo>
                <a:cubicBezTo>
                  <a:pt x="9538" y="11164"/>
                  <a:pt x="9537" y="11164"/>
                  <a:pt x="9536" y="11164"/>
                </a:cubicBezTo>
                <a:close/>
                <a:moveTo>
                  <a:pt x="12308" y="11587"/>
                </a:moveTo>
                <a:cubicBezTo>
                  <a:pt x="12307" y="11587"/>
                  <a:pt x="12306" y="11587"/>
                  <a:pt x="12305" y="11588"/>
                </a:cubicBezTo>
                <a:cubicBezTo>
                  <a:pt x="12241" y="11613"/>
                  <a:pt x="12185" y="11660"/>
                  <a:pt x="12146" y="11717"/>
                </a:cubicBezTo>
                <a:cubicBezTo>
                  <a:pt x="12136" y="11734"/>
                  <a:pt x="12210" y="11803"/>
                  <a:pt x="12268" y="11882"/>
                </a:cubicBezTo>
                <a:cubicBezTo>
                  <a:pt x="12333" y="11808"/>
                  <a:pt x="12396" y="11764"/>
                  <a:pt x="12407" y="11708"/>
                </a:cubicBezTo>
                <a:lnTo>
                  <a:pt x="12407" y="11706"/>
                </a:lnTo>
                <a:cubicBezTo>
                  <a:pt x="12414" y="11675"/>
                  <a:pt x="12330" y="11587"/>
                  <a:pt x="12308" y="11587"/>
                </a:cubicBezTo>
                <a:close/>
                <a:moveTo>
                  <a:pt x="10149" y="11887"/>
                </a:moveTo>
                <a:cubicBezTo>
                  <a:pt x="10135" y="11921"/>
                  <a:pt x="10121" y="11956"/>
                  <a:pt x="10109" y="11988"/>
                </a:cubicBezTo>
                <a:lnTo>
                  <a:pt x="10295" y="12104"/>
                </a:lnTo>
                <a:lnTo>
                  <a:pt x="10348" y="11942"/>
                </a:lnTo>
                <a:lnTo>
                  <a:pt x="10149" y="11887"/>
                </a:lnTo>
                <a:close/>
                <a:moveTo>
                  <a:pt x="2407" y="12322"/>
                </a:moveTo>
                <a:cubicBezTo>
                  <a:pt x="2365" y="12322"/>
                  <a:pt x="2296" y="12383"/>
                  <a:pt x="2284" y="12429"/>
                </a:cubicBezTo>
                <a:cubicBezTo>
                  <a:pt x="2275" y="12466"/>
                  <a:pt x="2338" y="12521"/>
                  <a:pt x="2386" y="12595"/>
                </a:cubicBezTo>
                <a:cubicBezTo>
                  <a:pt x="2454" y="12524"/>
                  <a:pt x="2525" y="12482"/>
                  <a:pt x="2523" y="12440"/>
                </a:cubicBezTo>
                <a:lnTo>
                  <a:pt x="2523" y="12438"/>
                </a:lnTo>
                <a:cubicBezTo>
                  <a:pt x="2521" y="12394"/>
                  <a:pt x="2451" y="12322"/>
                  <a:pt x="2410" y="12322"/>
                </a:cubicBezTo>
                <a:cubicBezTo>
                  <a:pt x="2409" y="12322"/>
                  <a:pt x="2408" y="12322"/>
                  <a:pt x="2407" y="12322"/>
                </a:cubicBezTo>
                <a:close/>
                <a:moveTo>
                  <a:pt x="10668" y="12586"/>
                </a:moveTo>
                <a:cubicBezTo>
                  <a:pt x="10665" y="12586"/>
                  <a:pt x="10662" y="12586"/>
                  <a:pt x="10658" y="12586"/>
                </a:cubicBezTo>
                <a:cubicBezTo>
                  <a:pt x="10499" y="12591"/>
                  <a:pt x="10376" y="12646"/>
                  <a:pt x="10371" y="12778"/>
                </a:cubicBezTo>
                <a:cubicBezTo>
                  <a:pt x="10374" y="12998"/>
                  <a:pt x="10496" y="13128"/>
                  <a:pt x="10654" y="13133"/>
                </a:cubicBezTo>
                <a:cubicBezTo>
                  <a:pt x="10657" y="13133"/>
                  <a:pt x="10660" y="13133"/>
                  <a:pt x="10663" y="13133"/>
                </a:cubicBezTo>
                <a:cubicBezTo>
                  <a:pt x="10819" y="13133"/>
                  <a:pt x="10948" y="13024"/>
                  <a:pt x="10943" y="12894"/>
                </a:cubicBezTo>
                <a:cubicBezTo>
                  <a:pt x="10937" y="12706"/>
                  <a:pt x="10834" y="12586"/>
                  <a:pt x="10668" y="12586"/>
                </a:cubicBezTo>
                <a:close/>
                <a:moveTo>
                  <a:pt x="1916" y="12776"/>
                </a:moveTo>
                <a:cubicBezTo>
                  <a:pt x="1870" y="12776"/>
                  <a:pt x="1825" y="12783"/>
                  <a:pt x="1782" y="12795"/>
                </a:cubicBezTo>
                <a:cubicBezTo>
                  <a:pt x="1710" y="12813"/>
                  <a:pt x="1652" y="12885"/>
                  <a:pt x="1590" y="12934"/>
                </a:cubicBezTo>
                <a:cubicBezTo>
                  <a:pt x="1407" y="13073"/>
                  <a:pt x="1386" y="13237"/>
                  <a:pt x="1532" y="13413"/>
                </a:cubicBezTo>
                <a:cubicBezTo>
                  <a:pt x="1594" y="13490"/>
                  <a:pt x="1683" y="13532"/>
                  <a:pt x="1773" y="13532"/>
                </a:cubicBezTo>
                <a:cubicBezTo>
                  <a:pt x="1856" y="13532"/>
                  <a:pt x="1940" y="13497"/>
                  <a:pt x="2004" y="13420"/>
                </a:cubicBezTo>
                <a:cubicBezTo>
                  <a:pt x="2097" y="13311"/>
                  <a:pt x="2139" y="13161"/>
                  <a:pt x="2210" y="13012"/>
                </a:cubicBezTo>
                <a:cubicBezTo>
                  <a:pt x="2155" y="12924"/>
                  <a:pt x="2127" y="12825"/>
                  <a:pt x="2067" y="12802"/>
                </a:cubicBezTo>
                <a:cubicBezTo>
                  <a:pt x="2018" y="12784"/>
                  <a:pt x="1967" y="12776"/>
                  <a:pt x="1916" y="12776"/>
                </a:cubicBezTo>
                <a:close/>
                <a:moveTo>
                  <a:pt x="12317" y="13472"/>
                </a:moveTo>
                <a:cubicBezTo>
                  <a:pt x="12310" y="13472"/>
                  <a:pt x="12302" y="13473"/>
                  <a:pt x="12294" y="13473"/>
                </a:cubicBezTo>
                <a:cubicBezTo>
                  <a:pt x="12171" y="13483"/>
                  <a:pt x="12078" y="13529"/>
                  <a:pt x="12095" y="13668"/>
                </a:cubicBezTo>
                <a:cubicBezTo>
                  <a:pt x="12108" y="13790"/>
                  <a:pt x="12113" y="13932"/>
                  <a:pt x="12359" y="13932"/>
                </a:cubicBezTo>
                <a:cubicBezTo>
                  <a:pt x="12365" y="13932"/>
                  <a:pt x="12371" y="13932"/>
                  <a:pt x="12377" y="13932"/>
                </a:cubicBezTo>
                <a:cubicBezTo>
                  <a:pt x="12414" y="13876"/>
                  <a:pt x="12514" y="13791"/>
                  <a:pt x="12523" y="13693"/>
                </a:cubicBezTo>
                <a:cubicBezTo>
                  <a:pt x="12534" y="13577"/>
                  <a:pt x="12464" y="13472"/>
                  <a:pt x="12317" y="13472"/>
                </a:cubicBezTo>
                <a:close/>
                <a:moveTo>
                  <a:pt x="14325" y="13432"/>
                </a:moveTo>
                <a:cubicBezTo>
                  <a:pt x="14154" y="13432"/>
                  <a:pt x="13936" y="13605"/>
                  <a:pt x="13934" y="13744"/>
                </a:cubicBezTo>
                <a:cubicBezTo>
                  <a:pt x="13929" y="13957"/>
                  <a:pt x="14059" y="14078"/>
                  <a:pt x="14298" y="14080"/>
                </a:cubicBezTo>
                <a:cubicBezTo>
                  <a:pt x="14301" y="14080"/>
                  <a:pt x="14304" y="14080"/>
                  <a:pt x="14307" y="14080"/>
                </a:cubicBezTo>
                <a:cubicBezTo>
                  <a:pt x="14497" y="14080"/>
                  <a:pt x="14645" y="13945"/>
                  <a:pt x="14647" y="13772"/>
                </a:cubicBezTo>
                <a:lnTo>
                  <a:pt x="14645" y="13772"/>
                </a:lnTo>
                <a:cubicBezTo>
                  <a:pt x="14645" y="13578"/>
                  <a:pt x="14511" y="13432"/>
                  <a:pt x="14325" y="13432"/>
                </a:cubicBezTo>
                <a:close/>
                <a:moveTo>
                  <a:pt x="8489" y="14230"/>
                </a:moveTo>
                <a:cubicBezTo>
                  <a:pt x="8434" y="14230"/>
                  <a:pt x="8310" y="14340"/>
                  <a:pt x="8310" y="14395"/>
                </a:cubicBezTo>
                <a:cubicBezTo>
                  <a:pt x="8310" y="14474"/>
                  <a:pt x="8407" y="14550"/>
                  <a:pt x="8500" y="14680"/>
                </a:cubicBezTo>
                <a:cubicBezTo>
                  <a:pt x="8594" y="14560"/>
                  <a:pt x="8696" y="14479"/>
                  <a:pt x="8683" y="14432"/>
                </a:cubicBezTo>
                <a:cubicBezTo>
                  <a:pt x="8657" y="14351"/>
                  <a:pt x="8574" y="14252"/>
                  <a:pt x="8497" y="14231"/>
                </a:cubicBezTo>
                <a:cubicBezTo>
                  <a:pt x="8495" y="14230"/>
                  <a:pt x="8492" y="14230"/>
                  <a:pt x="8489" y="14230"/>
                </a:cubicBezTo>
                <a:close/>
                <a:moveTo>
                  <a:pt x="4902" y="14342"/>
                </a:moveTo>
                <a:cubicBezTo>
                  <a:pt x="4899" y="14342"/>
                  <a:pt x="4895" y="14342"/>
                  <a:pt x="4890" y="14342"/>
                </a:cubicBezTo>
                <a:cubicBezTo>
                  <a:pt x="4754" y="14347"/>
                  <a:pt x="4670" y="14409"/>
                  <a:pt x="4670" y="14625"/>
                </a:cubicBezTo>
                <a:cubicBezTo>
                  <a:pt x="4714" y="14657"/>
                  <a:pt x="4784" y="14752"/>
                  <a:pt x="4865" y="14764"/>
                </a:cubicBezTo>
                <a:cubicBezTo>
                  <a:pt x="4879" y="14766"/>
                  <a:pt x="4892" y="14767"/>
                  <a:pt x="4905" y="14767"/>
                </a:cubicBezTo>
                <a:cubicBezTo>
                  <a:pt x="5024" y="14767"/>
                  <a:pt x="5092" y="14671"/>
                  <a:pt x="5092" y="14539"/>
                </a:cubicBezTo>
                <a:cubicBezTo>
                  <a:pt x="5092" y="14415"/>
                  <a:pt x="5031" y="14342"/>
                  <a:pt x="4902" y="14342"/>
                </a:cubicBezTo>
                <a:close/>
                <a:moveTo>
                  <a:pt x="274" y="16184"/>
                </a:moveTo>
                <a:cubicBezTo>
                  <a:pt x="220" y="16184"/>
                  <a:pt x="170" y="16229"/>
                  <a:pt x="121" y="16265"/>
                </a:cubicBezTo>
                <a:cubicBezTo>
                  <a:pt x="77" y="16304"/>
                  <a:pt x="38" y="16343"/>
                  <a:pt x="0" y="16387"/>
                </a:cubicBezTo>
                <a:lnTo>
                  <a:pt x="0" y="16475"/>
                </a:lnTo>
                <a:cubicBezTo>
                  <a:pt x="35" y="16508"/>
                  <a:pt x="70" y="16566"/>
                  <a:pt x="105" y="16566"/>
                </a:cubicBezTo>
                <a:cubicBezTo>
                  <a:pt x="136" y="16567"/>
                  <a:pt x="170" y="16568"/>
                  <a:pt x="204" y="16568"/>
                </a:cubicBezTo>
                <a:cubicBezTo>
                  <a:pt x="277" y="16568"/>
                  <a:pt x="350" y="16561"/>
                  <a:pt x="399" y="16526"/>
                </a:cubicBezTo>
                <a:cubicBezTo>
                  <a:pt x="505" y="16452"/>
                  <a:pt x="459" y="16339"/>
                  <a:pt x="380" y="16246"/>
                </a:cubicBezTo>
                <a:cubicBezTo>
                  <a:pt x="343" y="16200"/>
                  <a:pt x="308" y="16184"/>
                  <a:pt x="274" y="16184"/>
                </a:cubicBezTo>
                <a:close/>
                <a:moveTo>
                  <a:pt x="12273" y="17365"/>
                </a:moveTo>
                <a:cubicBezTo>
                  <a:pt x="12272" y="17365"/>
                  <a:pt x="12272" y="17365"/>
                  <a:pt x="12271" y="17365"/>
                </a:cubicBezTo>
                <a:cubicBezTo>
                  <a:pt x="12206" y="17383"/>
                  <a:pt x="12153" y="17448"/>
                  <a:pt x="12095" y="17495"/>
                </a:cubicBezTo>
                <a:lnTo>
                  <a:pt x="12259" y="17701"/>
                </a:lnTo>
                <a:cubicBezTo>
                  <a:pt x="12319" y="17613"/>
                  <a:pt x="12389" y="17560"/>
                  <a:pt x="12382" y="17511"/>
                </a:cubicBezTo>
                <a:cubicBezTo>
                  <a:pt x="12377" y="17457"/>
                  <a:pt x="12302" y="17365"/>
                  <a:pt x="12273" y="17365"/>
                </a:cubicBezTo>
                <a:close/>
                <a:moveTo>
                  <a:pt x="14793" y="17460"/>
                </a:moveTo>
                <a:cubicBezTo>
                  <a:pt x="14789" y="17460"/>
                  <a:pt x="14785" y="17460"/>
                  <a:pt x="14782" y="17460"/>
                </a:cubicBezTo>
                <a:cubicBezTo>
                  <a:pt x="14460" y="17469"/>
                  <a:pt x="14242" y="17657"/>
                  <a:pt x="14251" y="17930"/>
                </a:cubicBezTo>
                <a:cubicBezTo>
                  <a:pt x="14260" y="18173"/>
                  <a:pt x="14531" y="18515"/>
                  <a:pt x="14753" y="18515"/>
                </a:cubicBezTo>
                <a:cubicBezTo>
                  <a:pt x="14766" y="18515"/>
                  <a:pt x="14778" y="18514"/>
                  <a:pt x="14791" y="18512"/>
                </a:cubicBezTo>
                <a:cubicBezTo>
                  <a:pt x="15053" y="18509"/>
                  <a:pt x="15333" y="18285"/>
                  <a:pt x="15335" y="18078"/>
                </a:cubicBezTo>
                <a:cubicBezTo>
                  <a:pt x="15340" y="17781"/>
                  <a:pt x="15054" y="17460"/>
                  <a:pt x="14793" y="17460"/>
                </a:cubicBezTo>
                <a:close/>
                <a:moveTo>
                  <a:pt x="13623" y="18340"/>
                </a:moveTo>
                <a:cubicBezTo>
                  <a:pt x="13622" y="18340"/>
                  <a:pt x="13620" y="18340"/>
                  <a:pt x="13619" y="18340"/>
                </a:cubicBezTo>
                <a:cubicBezTo>
                  <a:pt x="13538" y="18352"/>
                  <a:pt x="13434" y="18447"/>
                  <a:pt x="13408" y="18525"/>
                </a:cubicBezTo>
                <a:cubicBezTo>
                  <a:pt x="13390" y="18588"/>
                  <a:pt x="13480" y="18683"/>
                  <a:pt x="13524" y="18762"/>
                </a:cubicBezTo>
                <a:lnTo>
                  <a:pt x="13630" y="18771"/>
                </a:lnTo>
                <a:cubicBezTo>
                  <a:pt x="13691" y="18690"/>
                  <a:pt x="13793" y="18611"/>
                  <a:pt x="13797" y="18528"/>
                </a:cubicBezTo>
                <a:cubicBezTo>
                  <a:pt x="13802" y="18467"/>
                  <a:pt x="13681" y="18340"/>
                  <a:pt x="13623" y="18340"/>
                </a:cubicBezTo>
                <a:close/>
                <a:moveTo>
                  <a:pt x="10486" y="19293"/>
                </a:moveTo>
                <a:cubicBezTo>
                  <a:pt x="10473" y="19293"/>
                  <a:pt x="10459" y="19295"/>
                  <a:pt x="10445" y="19297"/>
                </a:cubicBezTo>
                <a:cubicBezTo>
                  <a:pt x="10346" y="19313"/>
                  <a:pt x="10260" y="19431"/>
                  <a:pt x="10123" y="19538"/>
                </a:cubicBezTo>
                <a:cubicBezTo>
                  <a:pt x="10248" y="19663"/>
                  <a:pt x="10313" y="19786"/>
                  <a:pt x="10404" y="19809"/>
                </a:cubicBezTo>
                <a:cubicBezTo>
                  <a:pt x="10420" y="19813"/>
                  <a:pt x="10437" y="19815"/>
                  <a:pt x="10454" y="19815"/>
                </a:cubicBezTo>
                <a:cubicBezTo>
                  <a:pt x="10591" y="19815"/>
                  <a:pt x="10715" y="19680"/>
                  <a:pt x="10705" y="19552"/>
                </a:cubicBezTo>
                <a:cubicBezTo>
                  <a:pt x="10696" y="19406"/>
                  <a:pt x="10617" y="19293"/>
                  <a:pt x="10486" y="19293"/>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353" name="Google Shape;353;p19"/>
          <p:cNvGrpSpPr/>
          <p:nvPr/>
        </p:nvGrpSpPr>
        <p:grpSpPr>
          <a:xfrm>
            <a:off x="38704" y="3737923"/>
            <a:ext cx="631620" cy="1553456"/>
            <a:chOff x="889085" y="3601710"/>
            <a:chExt cx="597164" cy="1468850"/>
          </a:xfrm>
        </p:grpSpPr>
        <p:sp>
          <p:nvSpPr>
            <p:cNvPr id="354" name="Google Shape;354;p19"/>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5" name="Google Shape;355;p19"/>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356" name="Google Shape;356;p19"/>
          <p:cNvGrpSpPr/>
          <p:nvPr/>
        </p:nvGrpSpPr>
        <p:grpSpPr>
          <a:xfrm>
            <a:off x="7046000" y="3984078"/>
            <a:ext cx="2026467" cy="1095895"/>
            <a:chOff x="3558788" y="1917925"/>
            <a:chExt cx="2026467" cy="1095895"/>
          </a:xfrm>
        </p:grpSpPr>
        <p:sp>
          <p:nvSpPr>
            <p:cNvPr id="357" name="Google Shape;357;p19"/>
            <p:cNvSpPr/>
            <p:nvPr/>
          </p:nvSpPr>
          <p:spPr>
            <a:xfrm>
              <a:off x="3581746" y="1942846"/>
              <a:ext cx="2003508" cy="1070974"/>
            </a:xfrm>
            <a:custGeom>
              <a:avLst/>
              <a:gdLst/>
              <a:ahLst/>
              <a:cxnLst/>
              <a:rect l="l" t="t" r="r" b="b"/>
              <a:pathLst>
                <a:path w="40840" h="21831" extrusionOk="0">
                  <a:moveTo>
                    <a:pt x="32093" y="0"/>
                  </a:moveTo>
                  <a:lnTo>
                    <a:pt x="30721" y="2"/>
                  </a:lnTo>
                  <a:lnTo>
                    <a:pt x="27180" y="7"/>
                  </a:lnTo>
                  <a:cubicBezTo>
                    <a:pt x="26503" y="7"/>
                    <a:pt x="26702" y="841"/>
                    <a:pt x="26700" y="1295"/>
                  </a:cubicBezTo>
                  <a:cubicBezTo>
                    <a:pt x="26696" y="3067"/>
                    <a:pt x="26698" y="4841"/>
                    <a:pt x="26719" y="6613"/>
                  </a:cubicBezTo>
                  <a:cubicBezTo>
                    <a:pt x="26730" y="7517"/>
                    <a:pt x="26746" y="8418"/>
                    <a:pt x="26767" y="9319"/>
                  </a:cubicBezTo>
                  <a:cubicBezTo>
                    <a:pt x="26779" y="9775"/>
                    <a:pt x="27004" y="11140"/>
                    <a:pt x="26223" y="11158"/>
                  </a:cubicBezTo>
                  <a:lnTo>
                    <a:pt x="24761" y="11193"/>
                  </a:lnTo>
                  <a:cubicBezTo>
                    <a:pt x="24578" y="11198"/>
                    <a:pt x="24173" y="11248"/>
                    <a:pt x="23773" y="11248"/>
                  </a:cubicBezTo>
                  <a:cubicBezTo>
                    <a:pt x="23285" y="11248"/>
                    <a:pt x="22803" y="11174"/>
                    <a:pt x="22737" y="10857"/>
                  </a:cubicBezTo>
                  <a:cubicBezTo>
                    <a:pt x="22709" y="10721"/>
                    <a:pt x="22727" y="10579"/>
                    <a:pt x="22737" y="10440"/>
                  </a:cubicBezTo>
                  <a:cubicBezTo>
                    <a:pt x="22776" y="9907"/>
                    <a:pt x="22878" y="9386"/>
                    <a:pt x="22579" y="9333"/>
                  </a:cubicBezTo>
                  <a:cubicBezTo>
                    <a:pt x="22463" y="9312"/>
                    <a:pt x="22153" y="9305"/>
                    <a:pt x="21758" y="9305"/>
                  </a:cubicBezTo>
                  <a:cubicBezTo>
                    <a:pt x="20903" y="9305"/>
                    <a:pt x="19644" y="9338"/>
                    <a:pt x="19065" y="9338"/>
                  </a:cubicBezTo>
                  <a:cubicBezTo>
                    <a:pt x="19017" y="9338"/>
                    <a:pt x="18974" y="9338"/>
                    <a:pt x="18935" y="9338"/>
                  </a:cubicBezTo>
                  <a:cubicBezTo>
                    <a:pt x="18906" y="9337"/>
                    <a:pt x="18875" y="9336"/>
                    <a:pt x="18845" y="9336"/>
                  </a:cubicBezTo>
                  <a:cubicBezTo>
                    <a:pt x="18662" y="9336"/>
                    <a:pt x="18475" y="9354"/>
                    <a:pt x="18324" y="9451"/>
                  </a:cubicBezTo>
                  <a:cubicBezTo>
                    <a:pt x="17907" y="9724"/>
                    <a:pt x="18335" y="11114"/>
                    <a:pt x="17969" y="11276"/>
                  </a:cubicBezTo>
                  <a:cubicBezTo>
                    <a:pt x="17863" y="11325"/>
                    <a:pt x="17742" y="11325"/>
                    <a:pt x="17624" y="11325"/>
                  </a:cubicBezTo>
                  <a:cubicBezTo>
                    <a:pt x="16332" y="11323"/>
                    <a:pt x="14546" y="11320"/>
                    <a:pt x="13253" y="11320"/>
                  </a:cubicBezTo>
                  <a:cubicBezTo>
                    <a:pt x="12936" y="11320"/>
                    <a:pt x="13096" y="14184"/>
                    <a:pt x="13121" y="15441"/>
                  </a:cubicBezTo>
                  <a:cubicBezTo>
                    <a:pt x="13122" y="15493"/>
                    <a:pt x="13076" y="15508"/>
                    <a:pt x="13015" y="15508"/>
                  </a:cubicBezTo>
                  <a:cubicBezTo>
                    <a:pt x="12943" y="15508"/>
                    <a:pt x="12850" y="15488"/>
                    <a:pt x="12790" y="15488"/>
                  </a:cubicBezTo>
                  <a:cubicBezTo>
                    <a:pt x="12206" y="15488"/>
                    <a:pt x="11622" y="15485"/>
                    <a:pt x="11039" y="15485"/>
                  </a:cubicBezTo>
                  <a:cubicBezTo>
                    <a:pt x="10872" y="15485"/>
                    <a:pt x="10638" y="15509"/>
                    <a:pt x="10408" y="15509"/>
                  </a:cubicBezTo>
                  <a:cubicBezTo>
                    <a:pt x="10166" y="15509"/>
                    <a:pt x="9928" y="15483"/>
                    <a:pt x="9774" y="15377"/>
                  </a:cubicBezTo>
                  <a:cubicBezTo>
                    <a:pt x="9517" y="15201"/>
                    <a:pt x="9612" y="14376"/>
                    <a:pt x="9635" y="14035"/>
                  </a:cubicBezTo>
                  <a:cubicBezTo>
                    <a:pt x="9670" y="13547"/>
                    <a:pt x="9869" y="12013"/>
                    <a:pt x="9229" y="12013"/>
                  </a:cubicBezTo>
                  <a:lnTo>
                    <a:pt x="6473" y="12013"/>
                  </a:lnTo>
                  <a:cubicBezTo>
                    <a:pt x="6398" y="12013"/>
                    <a:pt x="6314" y="12006"/>
                    <a:pt x="6232" y="12006"/>
                  </a:cubicBezTo>
                  <a:cubicBezTo>
                    <a:pt x="6065" y="12006"/>
                    <a:pt x="5903" y="12034"/>
                    <a:pt x="5824" y="12203"/>
                  </a:cubicBezTo>
                  <a:cubicBezTo>
                    <a:pt x="5769" y="12319"/>
                    <a:pt x="5771" y="12453"/>
                    <a:pt x="5771" y="12583"/>
                  </a:cubicBezTo>
                  <a:cubicBezTo>
                    <a:pt x="5801" y="14610"/>
                    <a:pt x="5801" y="15944"/>
                    <a:pt x="5873" y="17969"/>
                  </a:cubicBezTo>
                  <a:cubicBezTo>
                    <a:pt x="5887" y="18345"/>
                    <a:pt x="5850" y="18830"/>
                    <a:pt x="5385" y="18830"/>
                  </a:cubicBezTo>
                  <a:cubicBezTo>
                    <a:pt x="5384" y="18830"/>
                    <a:pt x="5383" y="18830"/>
                    <a:pt x="5382" y="18830"/>
                  </a:cubicBezTo>
                  <a:lnTo>
                    <a:pt x="1" y="18830"/>
                  </a:lnTo>
                  <a:lnTo>
                    <a:pt x="1" y="21830"/>
                  </a:lnTo>
                  <a:lnTo>
                    <a:pt x="40833" y="21830"/>
                  </a:lnTo>
                  <a:lnTo>
                    <a:pt x="40833" y="10116"/>
                  </a:lnTo>
                  <a:cubicBezTo>
                    <a:pt x="40833" y="7420"/>
                    <a:pt x="40807" y="4726"/>
                    <a:pt x="40833" y="2029"/>
                  </a:cubicBezTo>
                  <a:cubicBezTo>
                    <a:pt x="40835" y="1654"/>
                    <a:pt x="40840" y="1374"/>
                    <a:pt x="40335" y="1369"/>
                  </a:cubicBezTo>
                  <a:cubicBezTo>
                    <a:pt x="40017" y="1367"/>
                    <a:pt x="38432" y="1266"/>
                    <a:pt x="36990" y="1266"/>
                  </a:cubicBezTo>
                  <a:cubicBezTo>
                    <a:pt x="35670" y="1266"/>
                    <a:pt x="34470" y="1350"/>
                    <a:pt x="34470" y="1672"/>
                  </a:cubicBezTo>
                  <a:cubicBezTo>
                    <a:pt x="34470" y="3433"/>
                    <a:pt x="34472" y="5191"/>
                    <a:pt x="34474" y="6949"/>
                  </a:cubicBezTo>
                  <a:cubicBezTo>
                    <a:pt x="34476" y="7830"/>
                    <a:pt x="34460" y="8712"/>
                    <a:pt x="34481" y="9592"/>
                  </a:cubicBezTo>
                  <a:cubicBezTo>
                    <a:pt x="34490" y="9986"/>
                    <a:pt x="34641" y="10885"/>
                    <a:pt x="34039" y="10922"/>
                  </a:cubicBezTo>
                  <a:cubicBezTo>
                    <a:pt x="33900" y="10931"/>
                    <a:pt x="33650" y="10964"/>
                    <a:pt x="33405" y="10964"/>
                  </a:cubicBezTo>
                  <a:cubicBezTo>
                    <a:pt x="33120" y="10964"/>
                    <a:pt x="32842" y="10919"/>
                    <a:pt x="32748" y="10739"/>
                  </a:cubicBezTo>
                  <a:cubicBezTo>
                    <a:pt x="32690" y="10628"/>
                    <a:pt x="32690" y="10494"/>
                    <a:pt x="32690" y="10366"/>
                  </a:cubicBezTo>
                  <a:lnTo>
                    <a:pt x="32702" y="4658"/>
                  </a:lnTo>
                  <a:cubicBezTo>
                    <a:pt x="32704" y="3725"/>
                    <a:pt x="32667" y="2782"/>
                    <a:pt x="32721" y="1851"/>
                  </a:cubicBezTo>
                  <a:cubicBezTo>
                    <a:pt x="32744" y="1476"/>
                    <a:pt x="32964" y="341"/>
                    <a:pt x="32561" y="88"/>
                  </a:cubicBezTo>
                  <a:cubicBezTo>
                    <a:pt x="32424" y="0"/>
                    <a:pt x="32253" y="0"/>
                    <a:pt x="32093"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8" name="Google Shape;358;p19"/>
            <p:cNvSpPr/>
            <p:nvPr/>
          </p:nvSpPr>
          <p:spPr>
            <a:xfrm>
              <a:off x="3558788" y="1917925"/>
              <a:ext cx="2003410" cy="1070876"/>
            </a:xfrm>
            <a:custGeom>
              <a:avLst/>
              <a:gdLst/>
              <a:ahLst/>
              <a:cxnLst/>
              <a:rect l="l" t="t" r="r" b="b"/>
              <a:pathLst>
                <a:path w="40838" h="21829" fill="none" extrusionOk="0">
                  <a:moveTo>
                    <a:pt x="40831" y="21829"/>
                  </a:moveTo>
                  <a:lnTo>
                    <a:pt x="40831" y="10114"/>
                  </a:lnTo>
                  <a:cubicBezTo>
                    <a:pt x="40831" y="7420"/>
                    <a:pt x="40807" y="4724"/>
                    <a:pt x="40831" y="2030"/>
                  </a:cubicBezTo>
                  <a:cubicBezTo>
                    <a:pt x="40835" y="1652"/>
                    <a:pt x="40837" y="1372"/>
                    <a:pt x="40335" y="1367"/>
                  </a:cubicBezTo>
                  <a:cubicBezTo>
                    <a:pt x="39723" y="1363"/>
                    <a:pt x="34470" y="999"/>
                    <a:pt x="34470" y="1673"/>
                  </a:cubicBezTo>
                  <a:cubicBezTo>
                    <a:pt x="34470" y="3431"/>
                    <a:pt x="34472" y="5192"/>
                    <a:pt x="34474" y="6950"/>
                  </a:cubicBezTo>
                  <a:cubicBezTo>
                    <a:pt x="34477" y="7830"/>
                    <a:pt x="34460" y="8713"/>
                    <a:pt x="34481" y="9591"/>
                  </a:cubicBezTo>
                  <a:cubicBezTo>
                    <a:pt x="34488" y="9985"/>
                    <a:pt x="34639" y="10886"/>
                    <a:pt x="34039" y="10923"/>
                  </a:cubicBezTo>
                  <a:cubicBezTo>
                    <a:pt x="33740" y="10939"/>
                    <a:pt x="32922" y="11076"/>
                    <a:pt x="32748" y="10740"/>
                  </a:cubicBezTo>
                  <a:cubicBezTo>
                    <a:pt x="32691" y="10626"/>
                    <a:pt x="32691" y="10494"/>
                    <a:pt x="32691" y="10367"/>
                  </a:cubicBezTo>
                  <a:lnTo>
                    <a:pt x="32702" y="4659"/>
                  </a:lnTo>
                  <a:cubicBezTo>
                    <a:pt x="32704" y="3726"/>
                    <a:pt x="32667" y="2780"/>
                    <a:pt x="32721" y="1852"/>
                  </a:cubicBezTo>
                  <a:cubicBezTo>
                    <a:pt x="32744" y="1474"/>
                    <a:pt x="32964" y="341"/>
                    <a:pt x="32559" y="86"/>
                  </a:cubicBezTo>
                  <a:cubicBezTo>
                    <a:pt x="32424" y="1"/>
                    <a:pt x="32253" y="1"/>
                    <a:pt x="32093" y="1"/>
                  </a:cubicBezTo>
                  <a:lnTo>
                    <a:pt x="30722" y="1"/>
                  </a:lnTo>
                  <a:lnTo>
                    <a:pt x="27180" y="8"/>
                  </a:lnTo>
                  <a:cubicBezTo>
                    <a:pt x="26503" y="8"/>
                    <a:pt x="26703" y="839"/>
                    <a:pt x="26700" y="1296"/>
                  </a:cubicBezTo>
                  <a:cubicBezTo>
                    <a:pt x="26696" y="3068"/>
                    <a:pt x="26698" y="4840"/>
                    <a:pt x="26719" y="6612"/>
                  </a:cubicBezTo>
                  <a:cubicBezTo>
                    <a:pt x="26730" y="7515"/>
                    <a:pt x="26747" y="8419"/>
                    <a:pt x="26767" y="9320"/>
                  </a:cubicBezTo>
                  <a:cubicBezTo>
                    <a:pt x="26779" y="9776"/>
                    <a:pt x="27004" y="11138"/>
                    <a:pt x="26223" y="11157"/>
                  </a:cubicBezTo>
                  <a:lnTo>
                    <a:pt x="24761" y="11194"/>
                  </a:lnTo>
                  <a:cubicBezTo>
                    <a:pt x="24354" y="11203"/>
                    <a:pt x="22855" y="11435"/>
                    <a:pt x="22737" y="10858"/>
                  </a:cubicBezTo>
                  <a:cubicBezTo>
                    <a:pt x="22709" y="10721"/>
                    <a:pt x="22728" y="10580"/>
                    <a:pt x="22737" y="10439"/>
                  </a:cubicBezTo>
                  <a:cubicBezTo>
                    <a:pt x="22776" y="9908"/>
                    <a:pt x="22878" y="9387"/>
                    <a:pt x="22579" y="9334"/>
                  </a:cubicBezTo>
                  <a:cubicBezTo>
                    <a:pt x="22190" y="9264"/>
                    <a:pt x="19644" y="9348"/>
                    <a:pt x="18935" y="9336"/>
                  </a:cubicBezTo>
                  <a:cubicBezTo>
                    <a:pt x="18725" y="9334"/>
                    <a:pt x="18500" y="9336"/>
                    <a:pt x="18324" y="9452"/>
                  </a:cubicBezTo>
                  <a:cubicBezTo>
                    <a:pt x="17905" y="9725"/>
                    <a:pt x="18336" y="11113"/>
                    <a:pt x="17970" y="11275"/>
                  </a:cubicBezTo>
                  <a:cubicBezTo>
                    <a:pt x="17863" y="11323"/>
                    <a:pt x="17743" y="11323"/>
                    <a:pt x="17624" y="11323"/>
                  </a:cubicBezTo>
                  <a:cubicBezTo>
                    <a:pt x="16332" y="11321"/>
                    <a:pt x="14546" y="11319"/>
                    <a:pt x="13253" y="11319"/>
                  </a:cubicBezTo>
                  <a:cubicBezTo>
                    <a:pt x="12936" y="11319"/>
                    <a:pt x="13096" y="14182"/>
                    <a:pt x="13121" y="15440"/>
                  </a:cubicBezTo>
                  <a:cubicBezTo>
                    <a:pt x="13124" y="15553"/>
                    <a:pt x="12901" y="15486"/>
                    <a:pt x="12788" y="15486"/>
                  </a:cubicBezTo>
                  <a:cubicBezTo>
                    <a:pt x="12204" y="15486"/>
                    <a:pt x="11622" y="15484"/>
                    <a:pt x="11039" y="15484"/>
                  </a:cubicBezTo>
                  <a:cubicBezTo>
                    <a:pt x="10698" y="15484"/>
                    <a:pt x="10075" y="15583"/>
                    <a:pt x="9774" y="15375"/>
                  </a:cubicBezTo>
                  <a:cubicBezTo>
                    <a:pt x="9517" y="15199"/>
                    <a:pt x="9612" y="14374"/>
                    <a:pt x="9635" y="14034"/>
                  </a:cubicBezTo>
                  <a:cubicBezTo>
                    <a:pt x="9670" y="13545"/>
                    <a:pt x="9869" y="12011"/>
                    <a:pt x="9227" y="12011"/>
                  </a:cubicBezTo>
                  <a:lnTo>
                    <a:pt x="7390" y="12011"/>
                  </a:lnTo>
                  <a:lnTo>
                    <a:pt x="6473" y="12011"/>
                  </a:lnTo>
                  <a:cubicBezTo>
                    <a:pt x="6246" y="12011"/>
                    <a:pt x="5940" y="11949"/>
                    <a:pt x="5824" y="12199"/>
                  </a:cubicBezTo>
                  <a:cubicBezTo>
                    <a:pt x="5769" y="12315"/>
                    <a:pt x="5771" y="12452"/>
                    <a:pt x="5771" y="12579"/>
                  </a:cubicBezTo>
                  <a:cubicBezTo>
                    <a:pt x="5799" y="14606"/>
                    <a:pt x="5801" y="15940"/>
                    <a:pt x="5873" y="17967"/>
                  </a:cubicBezTo>
                  <a:cubicBezTo>
                    <a:pt x="5887" y="18345"/>
                    <a:pt x="5850" y="18831"/>
                    <a:pt x="5382" y="18829"/>
                  </a:cubicBezTo>
                  <a:cubicBezTo>
                    <a:pt x="3587" y="18829"/>
                    <a:pt x="1794" y="18829"/>
                    <a:pt x="1" y="18829"/>
                  </a:cubicBezTo>
                  <a:lnTo>
                    <a:pt x="1" y="21829"/>
                  </a:lnTo>
                  <a:close/>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59" name="Google Shape;359;p19"/>
          <p:cNvSpPr/>
          <p:nvPr/>
        </p:nvSpPr>
        <p:spPr>
          <a:xfrm rot="1527805">
            <a:off x="-773363" y="-1246039"/>
            <a:ext cx="3388303" cy="3035944"/>
          </a:xfrm>
          <a:custGeom>
            <a:avLst/>
            <a:gdLst/>
            <a:ahLst/>
            <a:cxnLst/>
            <a:rect l="l" t="t" r="r" b="b"/>
            <a:pathLst>
              <a:path w="19886" h="17818" extrusionOk="0">
                <a:moveTo>
                  <a:pt x="19172" y="427"/>
                </a:moveTo>
                <a:cubicBezTo>
                  <a:pt x="19147" y="442"/>
                  <a:pt x="19129" y="454"/>
                  <a:pt x="19116" y="463"/>
                </a:cubicBezTo>
                <a:lnTo>
                  <a:pt x="19116" y="463"/>
                </a:lnTo>
                <a:cubicBezTo>
                  <a:pt x="19131" y="454"/>
                  <a:pt x="19149" y="442"/>
                  <a:pt x="19172" y="427"/>
                </a:cubicBezTo>
                <a:close/>
                <a:moveTo>
                  <a:pt x="16413" y="2210"/>
                </a:moveTo>
                <a:cubicBezTo>
                  <a:pt x="16408" y="2213"/>
                  <a:pt x="16404" y="2217"/>
                  <a:pt x="16399" y="2220"/>
                </a:cubicBezTo>
                <a:lnTo>
                  <a:pt x="16399" y="2220"/>
                </a:lnTo>
                <a:cubicBezTo>
                  <a:pt x="16404" y="2217"/>
                  <a:pt x="16408" y="2213"/>
                  <a:pt x="16413" y="2210"/>
                </a:cubicBezTo>
                <a:close/>
                <a:moveTo>
                  <a:pt x="15986" y="3494"/>
                </a:moveTo>
                <a:cubicBezTo>
                  <a:pt x="15987" y="3497"/>
                  <a:pt x="15988" y="3501"/>
                  <a:pt x="15989" y="3505"/>
                </a:cubicBezTo>
                <a:cubicBezTo>
                  <a:pt x="15988" y="3500"/>
                  <a:pt x="15987" y="3497"/>
                  <a:pt x="15986" y="3494"/>
                </a:cubicBezTo>
                <a:close/>
                <a:moveTo>
                  <a:pt x="16218" y="4281"/>
                </a:moveTo>
                <a:cubicBezTo>
                  <a:pt x="16218" y="4293"/>
                  <a:pt x="16218" y="4305"/>
                  <a:pt x="16218" y="4318"/>
                </a:cubicBezTo>
                <a:cubicBezTo>
                  <a:pt x="16219" y="4306"/>
                  <a:pt x="16219" y="4293"/>
                  <a:pt x="16218" y="4281"/>
                </a:cubicBezTo>
                <a:close/>
                <a:moveTo>
                  <a:pt x="15622" y="5476"/>
                </a:moveTo>
                <a:cubicBezTo>
                  <a:pt x="15607" y="5488"/>
                  <a:pt x="15586" y="5507"/>
                  <a:pt x="15556" y="5534"/>
                </a:cubicBezTo>
                <a:cubicBezTo>
                  <a:pt x="15582" y="5512"/>
                  <a:pt x="15604" y="5493"/>
                  <a:pt x="15622" y="5476"/>
                </a:cubicBezTo>
                <a:close/>
                <a:moveTo>
                  <a:pt x="15584" y="5481"/>
                </a:moveTo>
                <a:cubicBezTo>
                  <a:pt x="15544" y="5518"/>
                  <a:pt x="15504" y="5553"/>
                  <a:pt x="15462" y="5588"/>
                </a:cubicBezTo>
                <a:lnTo>
                  <a:pt x="15462" y="5588"/>
                </a:lnTo>
                <a:cubicBezTo>
                  <a:pt x="15505" y="5554"/>
                  <a:pt x="15544" y="5518"/>
                  <a:pt x="15584" y="5481"/>
                </a:cubicBezTo>
                <a:close/>
                <a:moveTo>
                  <a:pt x="15095" y="5618"/>
                </a:moveTo>
                <a:cubicBezTo>
                  <a:pt x="15094" y="5618"/>
                  <a:pt x="15093" y="5619"/>
                  <a:pt x="15093" y="5619"/>
                </a:cubicBezTo>
                <a:lnTo>
                  <a:pt x="15093" y="5619"/>
                </a:lnTo>
                <a:cubicBezTo>
                  <a:pt x="15093" y="5619"/>
                  <a:pt x="15094" y="5618"/>
                  <a:pt x="15095" y="5618"/>
                </a:cubicBezTo>
                <a:close/>
                <a:moveTo>
                  <a:pt x="12785" y="6164"/>
                </a:moveTo>
                <a:lnTo>
                  <a:pt x="12785" y="6164"/>
                </a:lnTo>
                <a:cubicBezTo>
                  <a:pt x="12806" y="6165"/>
                  <a:pt x="12827" y="6166"/>
                  <a:pt x="12848" y="6167"/>
                </a:cubicBezTo>
                <a:cubicBezTo>
                  <a:pt x="12825" y="6166"/>
                  <a:pt x="12804" y="6165"/>
                  <a:pt x="12785" y="6164"/>
                </a:cubicBezTo>
                <a:close/>
                <a:moveTo>
                  <a:pt x="4559" y="15307"/>
                </a:moveTo>
                <a:cubicBezTo>
                  <a:pt x="4498" y="15308"/>
                  <a:pt x="4447" y="15310"/>
                  <a:pt x="4430" y="15314"/>
                </a:cubicBezTo>
                <a:cubicBezTo>
                  <a:pt x="4461" y="15316"/>
                  <a:pt x="4492" y="15316"/>
                  <a:pt x="4523" y="15317"/>
                </a:cubicBezTo>
                <a:lnTo>
                  <a:pt x="4523" y="15317"/>
                </a:lnTo>
                <a:cubicBezTo>
                  <a:pt x="4533" y="15313"/>
                  <a:pt x="4545" y="15310"/>
                  <a:pt x="4559" y="15307"/>
                </a:cubicBezTo>
                <a:close/>
                <a:moveTo>
                  <a:pt x="1683" y="15330"/>
                </a:moveTo>
                <a:cubicBezTo>
                  <a:pt x="1683" y="15330"/>
                  <a:pt x="1683" y="15330"/>
                  <a:pt x="1683" y="15331"/>
                </a:cubicBezTo>
                <a:cubicBezTo>
                  <a:pt x="1683" y="15330"/>
                  <a:pt x="1683" y="15330"/>
                  <a:pt x="1683" y="15330"/>
                </a:cubicBezTo>
                <a:close/>
                <a:moveTo>
                  <a:pt x="4593" y="15342"/>
                </a:moveTo>
                <a:lnTo>
                  <a:pt x="4513" y="15351"/>
                </a:lnTo>
                <a:lnTo>
                  <a:pt x="4536" y="15354"/>
                </a:lnTo>
                <a:lnTo>
                  <a:pt x="4536" y="15354"/>
                </a:lnTo>
                <a:cubicBezTo>
                  <a:pt x="4553" y="15351"/>
                  <a:pt x="4577" y="15346"/>
                  <a:pt x="4593" y="15342"/>
                </a:cubicBezTo>
                <a:close/>
                <a:moveTo>
                  <a:pt x="4536" y="15354"/>
                </a:moveTo>
                <a:cubicBezTo>
                  <a:pt x="4518" y="15357"/>
                  <a:pt x="4507" y="15358"/>
                  <a:pt x="4517" y="15358"/>
                </a:cubicBezTo>
                <a:cubicBezTo>
                  <a:pt x="4523" y="15358"/>
                  <a:pt x="4537" y="15358"/>
                  <a:pt x="4562" y="15356"/>
                </a:cubicBezTo>
                <a:lnTo>
                  <a:pt x="4536" y="15354"/>
                </a:lnTo>
                <a:close/>
                <a:moveTo>
                  <a:pt x="612" y="15934"/>
                </a:moveTo>
                <a:lnTo>
                  <a:pt x="615" y="15935"/>
                </a:lnTo>
                <a:cubicBezTo>
                  <a:pt x="614" y="15934"/>
                  <a:pt x="614" y="15934"/>
                  <a:pt x="612" y="15934"/>
                </a:cubicBezTo>
                <a:close/>
                <a:moveTo>
                  <a:pt x="499" y="17545"/>
                </a:moveTo>
                <a:lnTo>
                  <a:pt x="499" y="17545"/>
                </a:lnTo>
                <a:cubicBezTo>
                  <a:pt x="503" y="17551"/>
                  <a:pt x="507" y="17556"/>
                  <a:pt x="511" y="17560"/>
                </a:cubicBezTo>
                <a:lnTo>
                  <a:pt x="511" y="17560"/>
                </a:lnTo>
                <a:cubicBezTo>
                  <a:pt x="507" y="17555"/>
                  <a:pt x="503" y="17550"/>
                  <a:pt x="499" y="17545"/>
                </a:cubicBezTo>
                <a:close/>
                <a:moveTo>
                  <a:pt x="511" y="17560"/>
                </a:moveTo>
                <a:cubicBezTo>
                  <a:pt x="514" y="17565"/>
                  <a:pt x="518" y="17570"/>
                  <a:pt x="522" y="17575"/>
                </a:cubicBezTo>
                <a:lnTo>
                  <a:pt x="522" y="17575"/>
                </a:lnTo>
                <a:cubicBezTo>
                  <a:pt x="519" y="17571"/>
                  <a:pt x="515" y="17566"/>
                  <a:pt x="511" y="17560"/>
                </a:cubicBezTo>
                <a:close/>
                <a:moveTo>
                  <a:pt x="19885" y="0"/>
                </a:moveTo>
                <a:cubicBezTo>
                  <a:pt x="19774" y="42"/>
                  <a:pt x="19552" y="193"/>
                  <a:pt x="19334" y="318"/>
                </a:cubicBezTo>
                <a:cubicBezTo>
                  <a:pt x="19349" y="318"/>
                  <a:pt x="19251" y="390"/>
                  <a:pt x="19266" y="390"/>
                </a:cubicBezTo>
                <a:cubicBezTo>
                  <a:pt x="19272" y="390"/>
                  <a:pt x="19299" y="377"/>
                  <a:pt x="19362" y="341"/>
                </a:cubicBezTo>
                <a:lnTo>
                  <a:pt x="19362" y="341"/>
                </a:lnTo>
                <a:cubicBezTo>
                  <a:pt x="19366" y="352"/>
                  <a:pt x="19241" y="431"/>
                  <a:pt x="19160" y="480"/>
                </a:cubicBezTo>
                <a:cubicBezTo>
                  <a:pt x="19166" y="475"/>
                  <a:pt x="19166" y="474"/>
                  <a:pt x="19163" y="474"/>
                </a:cubicBezTo>
                <a:cubicBezTo>
                  <a:pt x="19153" y="474"/>
                  <a:pt x="19112" y="489"/>
                  <a:pt x="19097" y="489"/>
                </a:cubicBezTo>
                <a:cubicBezTo>
                  <a:pt x="19088" y="489"/>
                  <a:pt x="19089" y="483"/>
                  <a:pt x="19116" y="463"/>
                </a:cubicBezTo>
                <a:lnTo>
                  <a:pt x="19116" y="463"/>
                </a:lnTo>
                <a:cubicBezTo>
                  <a:pt x="19011" y="532"/>
                  <a:pt x="19063" y="491"/>
                  <a:pt x="18882" y="600"/>
                </a:cubicBezTo>
                <a:cubicBezTo>
                  <a:pt x="18884" y="599"/>
                  <a:pt x="18884" y="599"/>
                  <a:pt x="18883" y="599"/>
                </a:cubicBezTo>
                <a:cubicBezTo>
                  <a:pt x="18873" y="599"/>
                  <a:pt x="18569" y="780"/>
                  <a:pt x="18533" y="780"/>
                </a:cubicBezTo>
                <a:cubicBezTo>
                  <a:pt x="18531" y="780"/>
                  <a:pt x="18529" y="779"/>
                  <a:pt x="18530" y="776"/>
                </a:cubicBezTo>
                <a:lnTo>
                  <a:pt x="18530" y="776"/>
                </a:lnTo>
                <a:cubicBezTo>
                  <a:pt x="18468" y="823"/>
                  <a:pt x="18551" y="804"/>
                  <a:pt x="18310" y="945"/>
                </a:cubicBezTo>
                <a:cubicBezTo>
                  <a:pt x="18359" y="932"/>
                  <a:pt x="18515" y="847"/>
                  <a:pt x="18531" y="847"/>
                </a:cubicBezTo>
                <a:cubicBezTo>
                  <a:pt x="18538" y="847"/>
                  <a:pt x="18524" y="859"/>
                  <a:pt x="18477" y="892"/>
                </a:cubicBezTo>
                <a:lnTo>
                  <a:pt x="18588" y="816"/>
                </a:lnTo>
                <a:cubicBezTo>
                  <a:pt x="18640" y="789"/>
                  <a:pt x="18658" y="782"/>
                  <a:pt x="18663" y="782"/>
                </a:cubicBezTo>
                <a:cubicBezTo>
                  <a:pt x="18669" y="782"/>
                  <a:pt x="18658" y="791"/>
                  <a:pt x="18664" y="791"/>
                </a:cubicBezTo>
                <a:cubicBezTo>
                  <a:pt x="18670" y="791"/>
                  <a:pt x="18695" y="781"/>
                  <a:pt x="18776" y="737"/>
                </a:cubicBezTo>
                <a:lnTo>
                  <a:pt x="18776" y="737"/>
                </a:lnTo>
                <a:cubicBezTo>
                  <a:pt x="18711" y="772"/>
                  <a:pt x="18583" y="857"/>
                  <a:pt x="18549" y="862"/>
                </a:cubicBezTo>
                <a:cubicBezTo>
                  <a:pt x="18623" y="862"/>
                  <a:pt x="18229" y="1066"/>
                  <a:pt x="18231" y="1096"/>
                </a:cubicBezTo>
                <a:cubicBezTo>
                  <a:pt x="18178" y="1115"/>
                  <a:pt x="18113" y="1152"/>
                  <a:pt x="17993" y="1223"/>
                </a:cubicBezTo>
                <a:cubicBezTo>
                  <a:pt x="18004" y="1205"/>
                  <a:pt x="17933" y="1235"/>
                  <a:pt x="18023" y="1175"/>
                </a:cubicBezTo>
                <a:cubicBezTo>
                  <a:pt x="18104" y="1133"/>
                  <a:pt x="18157" y="1098"/>
                  <a:pt x="18248" y="1054"/>
                </a:cubicBezTo>
                <a:cubicBezTo>
                  <a:pt x="18247" y="1054"/>
                  <a:pt x="18247" y="1054"/>
                  <a:pt x="18246" y="1054"/>
                </a:cubicBezTo>
                <a:cubicBezTo>
                  <a:pt x="18179" y="1054"/>
                  <a:pt x="17927" y="1226"/>
                  <a:pt x="17724" y="1335"/>
                </a:cubicBezTo>
                <a:cubicBezTo>
                  <a:pt x="17735" y="1330"/>
                  <a:pt x="17743" y="1327"/>
                  <a:pt x="17746" y="1327"/>
                </a:cubicBezTo>
                <a:cubicBezTo>
                  <a:pt x="17751" y="1327"/>
                  <a:pt x="17743" y="1335"/>
                  <a:pt x="17710" y="1358"/>
                </a:cubicBezTo>
                <a:cubicBezTo>
                  <a:pt x="17603" y="1413"/>
                  <a:pt x="17391" y="1528"/>
                  <a:pt x="17370" y="1528"/>
                </a:cubicBezTo>
                <a:cubicBezTo>
                  <a:pt x="17366" y="1528"/>
                  <a:pt x="17368" y="1524"/>
                  <a:pt x="17379" y="1515"/>
                </a:cubicBezTo>
                <a:lnTo>
                  <a:pt x="17379" y="1515"/>
                </a:lnTo>
                <a:lnTo>
                  <a:pt x="16756" y="1879"/>
                </a:lnTo>
                <a:cubicBezTo>
                  <a:pt x="16749" y="1872"/>
                  <a:pt x="16842" y="1823"/>
                  <a:pt x="16879" y="1800"/>
                </a:cubicBezTo>
                <a:lnTo>
                  <a:pt x="16879" y="1800"/>
                </a:lnTo>
                <a:lnTo>
                  <a:pt x="16705" y="1900"/>
                </a:lnTo>
                <a:cubicBezTo>
                  <a:pt x="16647" y="1932"/>
                  <a:pt x="16587" y="1967"/>
                  <a:pt x="16529" y="2004"/>
                </a:cubicBezTo>
                <a:cubicBezTo>
                  <a:pt x="16516" y="2011"/>
                  <a:pt x="16509" y="2014"/>
                  <a:pt x="16506" y="2014"/>
                </a:cubicBezTo>
                <a:cubicBezTo>
                  <a:pt x="16501" y="2014"/>
                  <a:pt x="16525" y="1996"/>
                  <a:pt x="16557" y="1974"/>
                </a:cubicBezTo>
                <a:cubicBezTo>
                  <a:pt x="16603" y="1944"/>
                  <a:pt x="16659" y="1907"/>
                  <a:pt x="16672" y="1891"/>
                </a:cubicBezTo>
                <a:lnTo>
                  <a:pt x="16672" y="1891"/>
                </a:lnTo>
                <a:cubicBezTo>
                  <a:pt x="16589" y="1942"/>
                  <a:pt x="16503" y="1992"/>
                  <a:pt x="16418" y="2050"/>
                </a:cubicBezTo>
                <a:lnTo>
                  <a:pt x="16445" y="2018"/>
                </a:lnTo>
                <a:lnTo>
                  <a:pt x="16445" y="2018"/>
                </a:lnTo>
                <a:cubicBezTo>
                  <a:pt x="16418" y="2041"/>
                  <a:pt x="16327" y="2104"/>
                  <a:pt x="16237" y="2173"/>
                </a:cubicBezTo>
                <a:cubicBezTo>
                  <a:pt x="16149" y="2245"/>
                  <a:pt x="16061" y="2328"/>
                  <a:pt x="16022" y="2358"/>
                </a:cubicBezTo>
                <a:cubicBezTo>
                  <a:pt x="15971" y="2416"/>
                  <a:pt x="15927" y="2481"/>
                  <a:pt x="15892" y="2548"/>
                </a:cubicBezTo>
                <a:cubicBezTo>
                  <a:pt x="15878" y="2576"/>
                  <a:pt x="15866" y="2602"/>
                  <a:pt x="15855" y="2630"/>
                </a:cubicBezTo>
                <a:cubicBezTo>
                  <a:pt x="15845" y="2657"/>
                  <a:pt x="15834" y="2683"/>
                  <a:pt x="15827" y="2711"/>
                </a:cubicBezTo>
                <a:cubicBezTo>
                  <a:pt x="15806" y="2773"/>
                  <a:pt x="15790" y="2838"/>
                  <a:pt x="15778" y="2903"/>
                </a:cubicBezTo>
                <a:cubicBezTo>
                  <a:pt x="15769" y="2947"/>
                  <a:pt x="15764" y="2991"/>
                  <a:pt x="15762" y="3035"/>
                </a:cubicBezTo>
                <a:cubicBezTo>
                  <a:pt x="15755" y="3090"/>
                  <a:pt x="15755" y="3148"/>
                  <a:pt x="15755" y="3204"/>
                </a:cubicBezTo>
                <a:cubicBezTo>
                  <a:pt x="15748" y="3188"/>
                  <a:pt x="15744" y="3169"/>
                  <a:pt x="15746" y="3148"/>
                </a:cubicBezTo>
                <a:cubicBezTo>
                  <a:pt x="15746" y="3134"/>
                  <a:pt x="15744" y="3118"/>
                  <a:pt x="15744" y="3100"/>
                </a:cubicBezTo>
                <a:cubicBezTo>
                  <a:pt x="15741" y="3079"/>
                  <a:pt x="15744" y="3058"/>
                  <a:pt x="15746" y="3037"/>
                </a:cubicBezTo>
                <a:cubicBezTo>
                  <a:pt x="15753" y="2954"/>
                  <a:pt x="15764" y="2870"/>
                  <a:pt x="15785" y="2789"/>
                </a:cubicBezTo>
                <a:lnTo>
                  <a:pt x="15785" y="2789"/>
                </a:lnTo>
                <a:cubicBezTo>
                  <a:pt x="15771" y="2824"/>
                  <a:pt x="15762" y="2861"/>
                  <a:pt x="15755" y="2896"/>
                </a:cubicBezTo>
                <a:cubicBezTo>
                  <a:pt x="15753" y="2919"/>
                  <a:pt x="15748" y="2945"/>
                  <a:pt x="15744" y="2968"/>
                </a:cubicBezTo>
                <a:cubicBezTo>
                  <a:pt x="15739" y="2993"/>
                  <a:pt x="15739" y="3016"/>
                  <a:pt x="15737" y="3042"/>
                </a:cubicBezTo>
                <a:cubicBezTo>
                  <a:pt x="15730" y="3139"/>
                  <a:pt x="15737" y="3227"/>
                  <a:pt x="15730" y="3253"/>
                </a:cubicBezTo>
                <a:cubicBezTo>
                  <a:pt x="15734" y="3290"/>
                  <a:pt x="15741" y="3329"/>
                  <a:pt x="15748" y="3366"/>
                </a:cubicBezTo>
                <a:cubicBezTo>
                  <a:pt x="15753" y="3392"/>
                  <a:pt x="15760" y="3419"/>
                  <a:pt x="15769" y="3445"/>
                </a:cubicBezTo>
                <a:cubicBezTo>
                  <a:pt x="15778" y="3480"/>
                  <a:pt x="15790" y="3512"/>
                  <a:pt x="15806" y="3545"/>
                </a:cubicBezTo>
                <a:cubicBezTo>
                  <a:pt x="15832" y="3591"/>
                  <a:pt x="15852" y="3639"/>
                  <a:pt x="15873" y="3688"/>
                </a:cubicBezTo>
                <a:cubicBezTo>
                  <a:pt x="15897" y="3778"/>
                  <a:pt x="15903" y="3806"/>
                  <a:pt x="15900" y="3806"/>
                </a:cubicBezTo>
                <a:cubicBezTo>
                  <a:pt x="15895" y="3806"/>
                  <a:pt x="15867" y="3730"/>
                  <a:pt x="15864" y="3730"/>
                </a:cubicBezTo>
                <a:cubicBezTo>
                  <a:pt x="15864" y="3730"/>
                  <a:pt x="15864" y="3730"/>
                  <a:pt x="15864" y="3730"/>
                </a:cubicBezTo>
                <a:cubicBezTo>
                  <a:pt x="15880" y="3804"/>
                  <a:pt x="15943" y="3911"/>
                  <a:pt x="15934" y="3978"/>
                </a:cubicBezTo>
                <a:cubicBezTo>
                  <a:pt x="15943" y="4015"/>
                  <a:pt x="15957" y="4049"/>
                  <a:pt x="15975" y="4082"/>
                </a:cubicBezTo>
                <a:cubicBezTo>
                  <a:pt x="15976" y="4083"/>
                  <a:pt x="15977" y="4083"/>
                  <a:pt x="15977" y="4083"/>
                </a:cubicBezTo>
                <a:cubicBezTo>
                  <a:pt x="15982" y="4083"/>
                  <a:pt x="15983" y="4055"/>
                  <a:pt x="15968" y="3980"/>
                </a:cubicBezTo>
                <a:lnTo>
                  <a:pt x="15968" y="3980"/>
                </a:lnTo>
                <a:cubicBezTo>
                  <a:pt x="15984" y="4043"/>
                  <a:pt x="15998" y="4114"/>
                  <a:pt x="16010" y="4177"/>
                </a:cubicBezTo>
                <a:cubicBezTo>
                  <a:pt x="16015" y="4207"/>
                  <a:pt x="16019" y="4235"/>
                  <a:pt x="16024" y="4258"/>
                </a:cubicBezTo>
                <a:cubicBezTo>
                  <a:pt x="16026" y="4277"/>
                  <a:pt x="16028" y="4293"/>
                  <a:pt x="16030" y="4300"/>
                </a:cubicBezTo>
                <a:lnTo>
                  <a:pt x="16030" y="4300"/>
                </a:lnTo>
                <a:cubicBezTo>
                  <a:pt x="16026" y="4286"/>
                  <a:pt x="16023" y="4280"/>
                  <a:pt x="16020" y="4280"/>
                </a:cubicBezTo>
                <a:cubicBezTo>
                  <a:pt x="16016" y="4280"/>
                  <a:pt x="16015" y="4305"/>
                  <a:pt x="16015" y="4337"/>
                </a:cubicBezTo>
                <a:cubicBezTo>
                  <a:pt x="16015" y="4360"/>
                  <a:pt x="16012" y="4385"/>
                  <a:pt x="16008" y="4409"/>
                </a:cubicBezTo>
                <a:cubicBezTo>
                  <a:pt x="16005" y="4429"/>
                  <a:pt x="16001" y="4446"/>
                  <a:pt x="15996" y="4450"/>
                </a:cubicBezTo>
                <a:cubicBezTo>
                  <a:pt x="15980" y="4571"/>
                  <a:pt x="15950" y="4691"/>
                  <a:pt x="15901" y="4805"/>
                </a:cubicBezTo>
                <a:cubicBezTo>
                  <a:pt x="15852" y="4918"/>
                  <a:pt x="15795" y="5027"/>
                  <a:pt x="15732" y="5134"/>
                </a:cubicBezTo>
                <a:lnTo>
                  <a:pt x="15737" y="5076"/>
                </a:lnTo>
                <a:lnTo>
                  <a:pt x="15706" y="5117"/>
                </a:lnTo>
                <a:lnTo>
                  <a:pt x="15674" y="5159"/>
                </a:lnTo>
                <a:cubicBezTo>
                  <a:pt x="15653" y="5189"/>
                  <a:pt x="15628" y="5212"/>
                  <a:pt x="15605" y="5240"/>
                </a:cubicBezTo>
                <a:cubicBezTo>
                  <a:pt x="15585" y="5257"/>
                  <a:pt x="15574" y="5264"/>
                  <a:pt x="15571" y="5264"/>
                </a:cubicBezTo>
                <a:cubicBezTo>
                  <a:pt x="15569" y="5264"/>
                  <a:pt x="15570" y="5262"/>
                  <a:pt x="15572" y="5259"/>
                </a:cubicBezTo>
                <a:cubicBezTo>
                  <a:pt x="15579" y="5249"/>
                  <a:pt x="15598" y="5224"/>
                  <a:pt x="15623" y="5194"/>
                </a:cubicBezTo>
                <a:cubicBezTo>
                  <a:pt x="15676" y="5134"/>
                  <a:pt x="15725" y="5069"/>
                  <a:pt x="15769" y="4999"/>
                </a:cubicBezTo>
                <a:lnTo>
                  <a:pt x="15769" y="4999"/>
                </a:lnTo>
                <a:cubicBezTo>
                  <a:pt x="15700" y="5103"/>
                  <a:pt x="15618" y="5201"/>
                  <a:pt x="15528" y="5286"/>
                </a:cubicBezTo>
                <a:cubicBezTo>
                  <a:pt x="15440" y="5370"/>
                  <a:pt x="15345" y="5446"/>
                  <a:pt x="15243" y="5513"/>
                </a:cubicBezTo>
                <a:cubicBezTo>
                  <a:pt x="15271" y="5497"/>
                  <a:pt x="15282" y="5493"/>
                  <a:pt x="15287" y="5493"/>
                </a:cubicBezTo>
                <a:cubicBezTo>
                  <a:pt x="15291" y="5493"/>
                  <a:pt x="15292" y="5496"/>
                  <a:pt x="15298" y="5496"/>
                </a:cubicBezTo>
                <a:cubicBezTo>
                  <a:pt x="15301" y="5496"/>
                  <a:pt x="15305" y="5495"/>
                  <a:pt x="15313" y="5493"/>
                </a:cubicBezTo>
                <a:lnTo>
                  <a:pt x="15313" y="5493"/>
                </a:lnTo>
                <a:cubicBezTo>
                  <a:pt x="15243" y="5555"/>
                  <a:pt x="15130" y="5615"/>
                  <a:pt x="15046" y="5664"/>
                </a:cubicBezTo>
                <a:cubicBezTo>
                  <a:pt x="15044" y="5664"/>
                  <a:pt x="15042" y="5664"/>
                  <a:pt x="15041" y="5664"/>
                </a:cubicBezTo>
                <a:cubicBezTo>
                  <a:pt x="15025" y="5664"/>
                  <a:pt x="15036" y="5654"/>
                  <a:pt x="15093" y="5619"/>
                </a:cubicBezTo>
                <a:lnTo>
                  <a:pt x="15093" y="5619"/>
                </a:lnTo>
                <a:cubicBezTo>
                  <a:pt x="15040" y="5651"/>
                  <a:pt x="14988" y="5681"/>
                  <a:pt x="14933" y="5706"/>
                </a:cubicBezTo>
                <a:cubicBezTo>
                  <a:pt x="14937" y="5683"/>
                  <a:pt x="14859" y="5722"/>
                  <a:pt x="15016" y="5632"/>
                </a:cubicBezTo>
                <a:lnTo>
                  <a:pt x="15016" y="5632"/>
                </a:lnTo>
                <a:cubicBezTo>
                  <a:pt x="14991" y="5646"/>
                  <a:pt x="14965" y="5659"/>
                  <a:pt x="14942" y="5671"/>
                </a:cubicBezTo>
                <a:cubicBezTo>
                  <a:pt x="14917" y="5683"/>
                  <a:pt x="14891" y="5699"/>
                  <a:pt x="14866" y="5710"/>
                </a:cubicBezTo>
                <a:cubicBezTo>
                  <a:pt x="14817" y="5730"/>
                  <a:pt x="14796" y="5737"/>
                  <a:pt x="14791" y="5737"/>
                </a:cubicBezTo>
                <a:cubicBezTo>
                  <a:pt x="14779" y="5737"/>
                  <a:pt x="14878" y="5687"/>
                  <a:pt x="14905" y="5669"/>
                </a:cubicBezTo>
                <a:lnTo>
                  <a:pt x="14905" y="5669"/>
                </a:lnTo>
                <a:cubicBezTo>
                  <a:pt x="14817" y="5710"/>
                  <a:pt x="14727" y="5745"/>
                  <a:pt x="14632" y="5775"/>
                </a:cubicBezTo>
                <a:cubicBezTo>
                  <a:pt x="14534" y="5819"/>
                  <a:pt x="14697" y="5775"/>
                  <a:pt x="14502" y="5840"/>
                </a:cubicBezTo>
                <a:cubicBezTo>
                  <a:pt x="14356" y="5873"/>
                  <a:pt x="14208" y="5900"/>
                  <a:pt x="14059" y="5917"/>
                </a:cubicBezTo>
                <a:cubicBezTo>
                  <a:pt x="13981" y="5924"/>
                  <a:pt x="13897" y="5928"/>
                  <a:pt x="13814" y="5933"/>
                </a:cubicBezTo>
                <a:cubicBezTo>
                  <a:pt x="13794" y="5934"/>
                  <a:pt x="13774" y="5934"/>
                  <a:pt x="13753" y="5934"/>
                </a:cubicBezTo>
                <a:cubicBezTo>
                  <a:pt x="13733" y="5934"/>
                  <a:pt x="13712" y="5934"/>
                  <a:pt x="13691" y="5935"/>
                </a:cubicBezTo>
                <a:lnTo>
                  <a:pt x="13568" y="5935"/>
                </a:lnTo>
                <a:cubicBezTo>
                  <a:pt x="13645" y="5940"/>
                  <a:pt x="13719" y="5944"/>
                  <a:pt x="13795" y="5949"/>
                </a:cubicBezTo>
                <a:cubicBezTo>
                  <a:pt x="13788" y="5949"/>
                  <a:pt x="13780" y="5949"/>
                  <a:pt x="13773" y="5949"/>
                </a:cubicBezTo>
                <a:cubicBezTo>
                  <a:pt x="13604" y="5949"/>
                  <a:pt x="13638" y="5975"/>
                  <a:pt x="13580" y="5988"/>
                </a:cubicBezTo>
                <a:cubicBezTo>
                  <a:pt x="13399" y="5984"/>
                  <a:pt x="13154" y="5972"/>
                  <a:pt x="13001" y="5951"/>
                </a:cubicBezTo>
                <a:cubicBezTo>
                  <a:pt x="13177" y="5949"/>
                  <a:pt x="13107" y="5926"/>
                  <a:pt x="12943" y="5900"/>
                </a:cubicBezTo>
                <a:cubicBezTo>
                  <a:pt x="12819" y="5889"/>
                  <a:pt x="12747" y="5885"/>
                  <a:pt x="12697" y="5885"/>
                </a:cubicBezTo>
                <a:cubicBezTo>
                  <a:pt x="12615" y="5885"/>
                  <a:pt x="12596" y="5895"/>
                  <a:pt x="12513" y="5895"/>
                </a:cubicBezTo>
                <a:cubicBezTo>
                  <a:pt x="12495" y="5895"/>
                  <a:pt x="12474" y="5894"/>
                  <a:pt x="12450" y="5893"/>
                </a:cubicBezTo>
                <a:cubicBezTo>
                  <a:pt x="12616" y="5873"/>
                  <a:pt x="12185" y="5859"/>
                  <a:pt x="12225" y="5842"/>
                </a:cubicBezTo>
                <a:cubicBezTo>
                  <a:pt x="11991" y="5822"/>
                  <a:pt x="11752" y="5809"/>
                  <a:pt x="11508" y="5809"/>
                </a:cubicBezTo>
                <a:cubicBezTo>
                  <a:pt x="11250" y="5809"/>
                  <a:pt x="10986" y="5824"/>
                  <a:pt x="10719" y="5863"/>
                </a:cubicBezTo>
                <a:cubicBezTo>
                  <a:pt x="10720" y="5864"/>
                  <a:pt x="10723" y="5864"/>
                  <a:pt x="10726" y="5864"/>
                </a:cubicBezTo>
                <a:cubicBezTo>
                  <a:pt x="10740" y="5864"/>
                  <a:pt x="10771" y="5861"/>
                  <a:pt x="10791" y="5861"/>
                </a:cubicBezTo>
                <a:cubicBezTo>
                  <a:pt x="10819" y="5861"/>
                  <a:pt x="10835" y="5861"/>
                  <a:pt x="10789" y="5870"/>
                </a:cubicBezTo>
                <a:cubicBezTo>
                  <a:pt x="10622" y="5899"/>
                  <a:pt x="10531" y="5908"/>
                  <a:pt x="10494" y="5908"/>
                </a:cubicBezTo>
                <a:cubicBezTo>
                  <a:pt x="10490" y="5908"/>
                  <a:pt x="10486" y="5908"/>
                  <a:pt x="10483" y="5907"/>
                </a:cubicBezTo>
                <a:cubicBezTo>
                  <a:pt x="10386" y="5928"/>
                  <a:pt x="10288" y="5956"/>
                  <a:pt x="10196" y="5991"/>
                </a:cubicBezTo>
                <a:cubicBezTo>
                  <a:pt x="10140" y="6009"/>
                  <a:pt x="10087" y="6030"/>
                  <a:pt x="10034" y="6056"/>
                </a:cubicBezTo>
                <a:cubicBezTo>
                  <a:pt x="10092" y="6034"/>
                  <a:pt x="10120" y="6027"/>
                  <a:pt x="10131" y="6027"/>
                </a:cubicBezTo>
                <a:cubicBezTo>
                  <a:pt x="10140" y="6027"/>
                  <a:pt x="10138" y="6031"/>
                  <a:pt x="10131" y="6037"/>
                </a:cubicBezTo>
                <a:cubicBezTo>
                  <a:pt x="10015" y="6076"/>
                  <a:pt x="9971" y="6086"/>
                  <a:pt x="9929" y="6097"/>
                </a:cubicBezTo>
                <a:cubicBezTo>
                  <a:pt x="9908" y="6104"/>
                  <a:pt x="9888" y="6109"/>
                  <a:pt x="9860" y="6120"/>
                </a:cubicBezTo>
                <a:cubicBezTo>
                  <a:pt x="9820" y="6137"/>
                  <a:pt x="9781" y="6153"/>
                  <a:pt x="9744" y="6174"/>
                </a:cubicBezTo>
                <a:cubicBezTo>
                  <a:pt x="9743" y="6174"/>
                  <a:pt x="9742" y="6174"/>
                  <a:pt x="9741" y="6174"/>
                </a:cubicBezTo>
                <a:cubicBezTo>
                  <a:pt x="9716" y="6174"/>
                  <a:pt x="9772" y="6147"/>
                  <a:pt x="9834" y="6120"/>
                </a:cubicBezTo>
                <a:cubicBezTo>
                  <a:pt x="9899" y="6095"/>
                  <a:pt x="9969" y="6065"/>
                  <a:pt x="9955" y="6060"/>
                </a:cubicBezTo>
                <a:lnTo>
                  <a:pt x="9955" y="6060"/>
                </a:lnTo>
                <a:cubicBezTo>
                  <a:pt x="9795" y="6118"/>
                  <a:pt x="9640" y="6190"/>
                  <a:pt x="9491" y="6273"/>
                </a:cubicBezTo>
                <a:cubicBezTo>
                  <a:pt x="9490" y="6273"/>
                  <a:pt x="9489" y="6274"/>
                  <a:pt x="9488" y="6274"/>
                </a:cubicBezTo>
                <a:cubicBezTo>
                  <a:pt x="9469" y="6274"/>
                  <a:pt x="9554" y="6238"/>
                  <a:pt x="9547" y="6238"/>
                </a:cubicBezTo>
                <a:cubicBezTo>
                  <a:pt x="9545" y="6238"/>
                  <a:pt x="9534" y="6241"/>
                  <a:pt x="9508" y="6250"/>
                </a:cubicBezTo>
                <a:cubicBezTo>
                  <a:pt x="9359" y="6327"/>
                  <a:pt x="9200" y="6419"/>
                  <a:pt x="9054" y="6514"/>
                </a:cubicBezTo>
                <a:cubicBezTo>
                  <a:pt x="8908" y="6607"/>
                  <a:pt x="8778" y="6702"/>
                  <a:pt x="8678" y="6776"/>
                </a:cubicBezTo>
                <a:cubicBezTo>
                  <a:pt x="8658" y="6785"/>
                  <a:pt x="8634" y="6794"/>
                  <a:pt x="8614" y="6801"/>
                </a:cubicBezTo>
                <a:cubicBezTo>
                  <a:pt x="8523" y="6869"/>
                  <a:pt x="8435" y="6940"/>
                  <a:pt x="8354" y="7017"/>
                </a:cubicBezTo>
                <a:cubicBezTo>
                  <a:pt x="8333" y="7031"/>
                  <a:pt x="8323" y="7037"/>
                  <a:pt x="8320" y="7037"/>
                </a:cubicBezTo>
                <a:cubicBezTo>
                  <a:pt x="8314" y="7037"/>
                  <a:pt x="8350" y="7003"/>
                  <a:pt x="8396" y="6966"/>
                </a:cubicBezTo>
                <a:lnTo>
                  <a:pt x="8396" y="6966"/>
                </a:lnTo>
                <a:cubicBezTo>
                  <a:pt x="8227" y="7096"/>
                  <a:pt x="8039" y="7276"/>
                  <a:pt x="7951" y="7357"/>
                </a:cubicBezTo>
                <a:cubicBezTo>
                  <a:pt x="7958" y="7339"/>
                  <a:pt x="8041" y="7276"/>
                  <a:pt x="8062" y="7249"/>
                </a:cubicBezTo>
                <a:lnTo>
                  <a:pt x="8062" y="7249"/>
                </a:lnTo>
                <a:cubicBezTo>
                  <a:pt x="7858" y="7420"/>
                  <a:pt x="7638" y="7672"/>
                  <a:pt x="7504" y="7781"/>
                </a:cubicBezTo>
                <a:cubicBezTo>
                  <a:pt x="7518" y="7763"/>
                  <a:pt x="7536" y="7747"/>
                  <a:pt x="7553" y="7728"/>
                </a:cubicBezTo>
                <a:lnTo>
                  <a:pt x="7553" y="7728"/>
                </a:lnTo>
                <a:cubicBezTo>
                  <a:pt x="7275" y="8004"/>
                  <a:pt x="7052" y="8261"/>
                  <a:pt x="6772" y="8576"/>
                </a:cubicBezTo>
                <a:cubicBezTo>
                  <a:pt x="6503" y="8851"/>
                  <a:pt x="6707" y="8685"/>
                  <a:pt x="6457" y="8967"/>
                </a:cubicBezTo>
                <a:cubicBezTo>
                  <a:pt x="6456" y="8966"/>
                  <a:pt x="6455" y="8966"/>
                  <a:pt x="6453" y="8966"/>
                </a:cubicBezTo>
                <a:cubicBezTo>
                  <a:pt x="6429" y="8966"/>
                  <a:pt x="6347" y="9058"/>
                  <a:pt x="6260" y="9171"/>
                </a:cubicBezTo>
                <a:cubicBezTo>
                  <a:pt x="6211" y="9231"/>
                  <a:pt x="6165" y="9301"/>
                  <a:pt x="6123" y="9361"/>
                </a:cubicBezTo>
                <a:cubicBezTo>
                  <a:pt x="6082" y="9424"/>
                  <a:pt x="6047" y="9482"/>
                  <a:pt x="6024" y="9516"/>
                </a:cubicBezTo>
                <a:lnTo>
                  <a:pt x="6056" y="9472"/>
                </a:lnTo>
                <a:lnTo>
                  <a:pt x="6056" y="9472"/>
                </a:lnTo>
                <a:cubicBezTo>
                  <a:pt x="6010" y="9563"/>
                  <a:pt x="5954" y="9667"/>
                  <a:pt x="5910" y="9773"/>
                </a:cubicBezTo>
                <a:cubicBezTo>
                  <a:pt x="5871" y="9864"/>
                  <a:pt x="5838" y="9959"/>
                  <a:pt x="5813" y="10056"/>
                </a:cubicBezTo>
                <a:cubicBezTo>
                  <a:pt x="5799" y="10139"/>
                  <a:pt x="5792" y="10227"/>
                  <a:pt x="5792" y="10313"/>
                </a:cubicBezTo>
                <a:cubicBezTo>
                  <a:pt x="5792" y="10406"/>
                  <a:pt x="5799" y="10498"/>
                  <a:pt x="5813" y="10591"/>
                </a:cubicBezTo>
                <a:cubicBezTo>
                  <a:pt x="5838" y="10758"/>
                  <a:pt x="5873" y="10922"/>
                  <a:pt x="5917" y="11085"/>
                </a:cubicBezTo>
                <a:lnTo>
                  <a:pt x="5899" y="11031"/>
                </a:lnTo>
                <a:lnTo>
                  <a:pt x="5899" y="11031"/>
                </a:lnTo>
                <a:cubicBezTo>
                  <a:pt x="5924" y="11129"/>
                  <a:pt x="5945" y="11226"/>
                  <a:pt x="5959" y="11325"/>
                </a:cubicBezTo>
                <a:cubicBezTo>
                  <a:pt x="5968" y="11369"/>
                  <a:pt x="5975" y="11416"/>
                  <a:pt x="5982" y="11464"/>
                </a:cubicBezTo>
                <a:cubicBezTo>
                  <a:pt x="5991" y="11511"/>
                  <a:pt x="5996" y="11562"/>
                  <a:pt x="6008" y="11617"/>
                </a:cubicBezTo>
                <a:cubicBezTo>
                  <a:pt x="6004" y="11614"/>
                  <a:pt x="5996" y="11577"/>
                  <a:pt x="5994" y="11577"/>
                </a:cubicBezTo>
                <a:cubicBezTo>
                  <a:pt x="5993" y="11577"/>
                  <a:pt x="5993" y="11587"/>
                  <a:pt x="5996" y="11617"/>
                </a:cubicBezTo>
                <a:cubicBezTo>
                  <a:pt x="6024" y="11888"/>
                  <a:pt x="6033" y="12162"/>
                  <a:pt x="6026" y="12435"/>
                </a:cubicBezTo>
                <a:cubicBezTo>
                  <a:pt x="6017" y="12711"/>
                  <a:pt x="5987" y="12984"/>
                  <a:pt x="5938" y="13255"/>
                </a:cubicBezTo>
                <a:cubicBezTo>
                  <a:pt x="5843" y="13797"/>
                  <a:pt x="5665" y="14321"/>
                  <a:pt x="5405" y="14805"/>
                </a:cubicBezTo>
                <a:lnTo>
                  <a:pt x="5340" y="14921"/>
                </a:lnTo>
                <a:lnTo>
                  <a:pt x="5285" y="14930"/>
                </a:lnTo>
                <a:lnTo>
                  <a:pt x="5257" y="14937"/>
                </a:lnTo>
                <a:lnTo>
                  <a:pt x="5208" y="14941"/>
                </a:lnTo>
                <a:lnTo>
                  <a:pt x="5111" y="14955"/>
                </a:lnTo>
                <a:cubicBezTo>
                  <a:pt x="5079" y="14960"/>
                  <a:pt x="5044" y="14962"/>
                  <a:pt x="5011" y="14967"/>
                </a:cubicBezTo>
                <a:cubicBezTo>
                  <a:pt x="4944" y="14974"/>
                  <a:pt x="4877" y="14976"/>
                  <a:pt x="4808" y="14981"/>
                </a:cubicBezTo>
                <a:cubicBezTo>
                  <a:pt x="4719" y="14984"/>
                  <a:pt x="4630" y="14985"/>
                  <a:pt x="4541" y="14985"/>
                </a:cubicBezTo>
                <a:cubicBezTo>
                  <a:pt x="4349" y="14985"/>
                  <a:pt x="4156" y="14978"/>
                  <a:pt x="3964" y="14962"/>
                </a:cubicBezTo>
                <a:cubicBezTo>
                  <a:pt x="3675" y="14944"/>
                  <a:pt x="3381" y="14916"/>
                  <a:pt x="3080" y="14897"/>
                </a:cubicBezTo>
                <a:cubicBezTo>
                  <a:pt x="2957" y="14890"/>
                  <a:pt x="2835" y="14886"/>
                  <a:pt x="2712" y="14886"/>
                </a:cubicBezTo>
                <a:cubicBezTo>
                  <a:pt x="2528" y="14886"/>
                  <a:pt x="2343" y="14895"/>
                  <a:pt x="2160" y="14911"/>
                </a:cubicBezTo>
                <a:cubicBezTo>
                  <a:pt x="1850" y="14941"/>
                  <a:pt x="1544" y="15011"/>
                  <a:pt x="1252" y="15122"/>
                </a:cubicBezTo>
                <a:cubicBezTo>
                  <a:pt x="1180" y="15155"/>
                  <a:pt x="1106" y="15182"/>
                  <a:pt x="1036" y="15219"/>
                </a:cubicBezTo>
                <a:lnTo>
                  <a:pt x="985" y="15247"/>
                </a:lnTo>
                <a:lnTo>
                  <a:pt x="958" y="15261"/>
                </a:lnTo>
                <a:lnTo>
                  <a:pt x="932" y="15277"/>
                </a:lnTo>
                <a:lnTo>
                  <a:pt x="833" y="15338"/>
                </a:lnTo>
                <a:cubicBezTo>
                  <a:pt x="798" y="15358"/>
                  <a:pt x="768" y="15382"/>
                  <a:pt x="735" y="15405"/>
                </a:cubicBezTo>
                <a:lnTo>
                  <a:pt x="687" y="15439"/>
                </a:lnTo>
                <a:cubicBezTo>
                  <a:pt x="670" y="15451"/>
                  <a:pt x="659" y="15465"/>
                  <a:pt x="643" y="15477"/>
                </a:cubicBezTo>
                <a:cubicBezTo>
                  <a:pt x="613" y="15502"/>
                  <a:pt x="582" y="15527"/>
                  <a:pt x="552" y="15553"/>
                </a:cubicBezTo>
                <a:lnTo>
                  <a:pt x="469" y="15636"/>
                </a:lnTo>
                <a:cubicBezTo>
                  <a:pt x="455" y="15650"/>
                  <a:pt x="441" y="15664"/>
                  <a:pt x="427" y="15678"/>
                </a:cubicBezTo>
                <a:lnTo>
                  <a:pt x="388" y="15724"/>
                </a:lnTo>
                <a:cubicBezTo>
                  <a:pt x="376" y="15738"/>
                  <a:pt x="362" y="15755"/>
                  <a:pt x="351" y="15771"/>
                </a:cubicBezTo>
                <a:cubicBezTo>
                  <a:pt x="339" y="15787"/>
                  <a:pt x="328" y="15803"/>
                  <a:pt x="316" y="15819"/>
                </a:cubicBezTo>
                <a:cubicBezTo>
                  <a:pt x="272" y="15884"/>
                  <a:pt x="230" y="15954"/>
                  <a:pt x="196" y="16023"/>
                </a:cubicBezTo>
                <a:cubicBezTo>
                  <a:pt x="131" y="16162"/>
                  <a:pt x="82" y="16310"/>
                  <a:pt x="57" y="16461"/>
                </a:cubicBezTo>
                <a:cubicBezTo>
                  <a:pt x="1" y="16753"/>
                  <a:pt x="26" y="17054"/>
                  <a:pt x="131" y="17334"/>
                </a:cubicBezTo>
                <a:cubicBezTo>
                  <a:pt x="131" y="17334"/>
                  <a:pt x="138" y="17351"/>
                  <a:pt x="154" y="17376"/>
                </a:cubicBezTo>
                <a:cubicBezTo>
                  <a:pt x="161" y="17388"/>
                  <a:pt x="172" y="17404"/>
                  <a:pt x="182" y="17420"/>
                </a:cubicBezTo>
                <a:cubicBezTo>
                  <a:pt x="193" y="17436"/>
                  <a:pt x="207" y="17457"/>
                  <a:pt x="223" y="17476"/>
                </a:cubicBezTo>
                <a:cubicBezTo>
                  <a:pt x="295" y="17571"/>
                  <a:pt x="383" y="17652"/>
                  <a:pt x="483" y="17714"/>
                </a:cubicBezTo>
                <a:cubicBezTo>
                  <a:pt x="569" y="17770"/>
                  <a:pt x="666" y="17805"/>
                  <a:pt x="768" y="17816"/>
                </a:cubicBezTo>
                <a:cubicBezTo>
                  <a:pt x="776" y="17817"/>
                  <a:pt x="784" y="17818"/>
                  <a:pt x="792" y="17818"/>
                </a:cubicBezTo>
                <a:cubicBezTo>
                  <a:pt x="800" y="17818"/>
                  <a:pt x="808" y="17817"/>
                  <a:pt x="816" y="17816"/>
                </a:cubicBezTo>
                <a:cubicBezTo>
                  <a:pt x="826" y="17816"/>
                  <a:pt x="837" y="17814"/>
                  <a:pt x="849" y="17809"/>
                </a:cubicBezTo>
                <a:cubicBezTo>
                  <a:pt x="863" y="17805"/>
                  <a:pt x="865" y="17793"/>
                  <a:pt x="853" y="17777"/>
                </a:cubicBezTo>
                <a:cubicBezTo>
                  <a:pt x="841" y="17772"/>
                  <a:pt x="841" y="17769"/>
                  <a:pt x="846" y="17769"/>
                </a:cubicBezTo>
                <a:cubicBezTo>
                  <a:pt x="848" y="17769"/>
                  <a:pt x="851" y="17769"/>
                  <a:pt x="853" y="17770"/>
                </a:cubicBezTo>
                <a:cubicBezTo>
                  <a:pt x="867" y="17770"/>
                  <a:pt x="884" y="17774"/>
                  <a:pt x="904" y="17779"/>
                </a:cubicBezTo>
                <a:cubicBezTo>
                  <a:pt x="921" y="17783"/>
                  <a:pt x="936" y="17786"/>
                  <a:pt x="941" y="17786"/>
                </a:cubicBezTo>
                <a:cubicBezTo>
                  <a:pt x="948" y="17786"/>
                  <a:pt x="937" y="17780"/>
                  <a:pt x="890" y="17763"/>
                </a:cubicBezTo>
                <a:cubicBezTo>
                  <a:pt x="867" y="17756"/>
                  <a:pt x="844" y="17751"/>
                  <a:pt x="821" y="17744"/>
                </a:cubicBezTo>
                <a:cubicBezTo>
                  <a:pt x="798" y="17737"/>
                  <a:pt x="775" y="17730"/>
                  <a:pt x="752" y="17719"/>
                </a:cubicBezTo>
                <a:lnTo>
                  <a:pt x="752" y="17719"/>
                </a:lnTo>
                <a:cubicBezTo>
                  <a:pt x="753" y="17719"/>
                  <a:pt x="753" y="17719"/>
                  <a:pt x="754" y="17719"/>
                </a:cubicBezTo>
                <a:cubicBezTo>
                  <a:pt x="761" y="17719"/>
                  <a:pt x="753" y="17708"/>
                  <a:pt x="740" y="17696"/>
                </a:cubicBezTo>
                <a:cubicBezTo>
                  <a:pt x="733" y="17686"/>
                  <a:pt x="726" y="17679"/>
                  <a:pt x="719" y="17673"/>
                </a:cubicBezTo>
                <a:cubicBezTo>
                  <a:pt x="714" y="17666"/>
                  <a:pt x="710" y="17661"/>
                  <a:pt x="705" y="17654"/>
                </a:cubicBezTo>
                <a:cubicBezTo>
                  <a:pt x="702" y="17653"/>
                  <a:pt x="700" y="17653"/>
                  <a:pt x="698" y="17653"/>
                </a:cubicBezTo>
                <a:cubicBezTo>
                  <a:pt x="692" y="17653"/>
                  <a:pt x="693" y="17658"/>
                  <a:pt x="698" y="17666"/>
                </a:cubicBezTo>
                <a:cubicBezTo>
                  <a:pt x="703" y="17670"/>
                  <a:pt x="707" y="17677"/>
                  <a:pt x="714" y="17684"/>
                </a:cubicBezTo>
                <a:lnTo>
                  <a:pt x="731" y="17703"/>
                </a:lnTo>
                <a:cubicBezTo>
                  <a:pt x="744" y="17718"/>
                  <a:pt x="755" y="17730"/>
                  <a:pt x="744" y="17730"/>
                </a:cubicBezTo>
                <a:cubicBezTo>
                  <a:pt x="736" y="17730"/>
                  <a:pt x="718" y="17725"/>
                  <a:pt x="684" y="17710"/>
                </a:cubicBezTo>
                <a:cubicBezTo>
                  <a:pt x="670" y="17705"/>
                  <a:pt x="657" y="17696"/>
                  <a:pt x="643" y="17689"/>
                </a:cubicBezTo>
                <a:cubicBezTo>
                  <a:pt x="624" y="17675"/>
                  <a:pt x="608" y="17661"/>
                  <a:pt x="589" y="17647"/>
                </a:cubicBezTo>
                <a:cubicBezTo>
                  <a:pt x="571" y="17631"/>
                  <a:pt x="555" y="17612"/>
                  <a:pt x="538" y="17594"/>
                </a:cubicBezTo>
                <a:cubicBezTo>
                  <a:pt x="532" y="17588"/>
                  <a:pt x="527" y="17582"/>
                  <a:pt x="522" y="17575"/>
                </a:cubicBezTo>
                <a:lnTo>
                  <a:pt x="522" y="17575"/>
                </a:lnTo>
                <a:cubicBezTo>
                  <a:pt x="536" y="17594"/>
                  <a:pt x="540" y="17601"/>
                  <a:pt x="537" y="17601"/>
                </a:cubicBezTo>
                <a:cubicBezTo>
                  <a:pt x="535" y="17601"/>
                  <a:pt x="530" y="17597"/>
                  <a:pt x="522" y="17591"/>
                </a:cubicBezTo>
                <a:cubicBezTo>
                  <a:pt x="511" y="17582"/>
                  <a:pt x="497" y="17566"/>
                  <a:pt x="480" y="17552"/>
                </a:cubicBezTo>
                <a:lnTo>
                  <a:pt x="439" y="17506"/>
                </a:lnTo>
                <a:cubicBezTo>
                  <a:pt x="427" y="17485"/>
                  <a:pt x="413" y="17459"/>
                  <a:pt x="399" y="17434"/>
                </a:cubicBezTo>
                <a:cubicBezTo>
                  <a:pt x="383" y="17408"/>
                  <a:pt x="369" y="17381"/>
                  <a:pt x="360" y="17353"/>
                </a:cubicBezTo>
                <a:cubicBezTo>
                  <a:pt x="355" y="17339"/>
                  <a:pt x="348" y="17327"/>
                  <a:pt x="344" y="17313"/>
                </a:cubicBezTo>
                <a:cubicBezTo>
                  <a:pt x="339" y="17302"/>
                  <a:pt x="337" y="17290"/>
                  <a:pt x="332" y="17279"/>
                </a:cubicBezTo>
                <a:cubicBezTo>
                  <a:pt x="325" y="17263"/>
                  <a:pt x="323" y="17244"/>
                  <a:pt x="321" y="17228"/>
                </a:cubicBezTo>
                <a:cubicBezTo>
                  <a:pt x="311" y="17209"/>
                  <a:pt x="304" y="17191"/>
                  <a:pt x="300" y="17172"/>
                </a:cubicBezTo>
                <a:cubicBezTo>
                  <a:pt x="291" y="17144"/>
                  <a:pt x="284" y="17117"/>
                  <a:pt x="279" y="17086"/>
                </a:cubicBezTo>
                <a:lnTo>
                  <a:pt x="284" y="17082"/>
                </a:lnTo>
                <a:cubicBezTo>
                  <a:pt x="275" y="17050"/>
                  <a:pt x="272" y="17038"/>
                  <a:pt x="271" y="17038"/>
                </a:cubicBezTo>
                <a:lnTo>
                  <a:pt x="271" y="17038"/>
                </a:lnTo>
                <a:cubicBezTo>
                  <a:pt x="268" y="17038"/>
                  <a:pt x="279" y="17097"/>
                  <a:pt x="275" y="17097"/>
                </a:cubicBezTo>
                <a:cubicBezTo>
                  <a:pt x="274" y="17097"/>
                  <a:pt x="273" y="17096"/>
                  <a:pt x="272" y="17093"/>
                </a:cubicBezTo>
                <a:cubicBezTo>
                  <a:pt x="252" y="17011"/>
                  <a:pt x="249" y="16881"/>
                  <a:pt x="253" y="16745"/>
                </a:cubicBezTo>
                <a:lnTo>
                  <a:pt x="253" y="16745"/>
                </a:lnTo>
                <a:cubicBezTo>
                  <a:pt x="250" y="16860"/>
                  <a:pt x="267" y="16973"/>
                  <a:pt x="300" y="17084"/>
                </a:cubicBezTo>
                <a:cubicBezTo>
                  <a:pt x="291" y="17052"/>
                  <a:pt x="288" y="17017"/>
                  <a:pt x="293" y="16985"/>
                </a:cubicBezTo>
                <a:cubicBezTo>
                  <a:pt x="293" y="16983"/>
                  <a:pt x="294" y="16983"/>
                  <a:pt x="294" y="16983"/>
                </a:cubicBezTo>
                <a:cubicBezTo>
                  <a:pt x="298" y="16983"/>
                  <a:pt x="303" y="16996"/>
                  <a:pt x="309" y="17017"/>
                </a:cubicBezTo>
                <a:cubicBezTo>
                  <a:pt x="318" y="17040"/>
                  <a:pt x="330" y="17073"/>
                  <a:pt x="341" y="17103"/>
                </a:cubicBezTo>
                <a:cubicBezTo>
                  <a:pt x="348" y="17126"/>
                  <a:pt x="360" y="17149"/>
                  <a:pt x="372" y="17170"/>
                </a:cubicBezTo>
                <a:cubicBezTo>
                  <a:pt x="348" y="17096"/>
                  <a:pt x="328" y="17022"/>
                  <a:pt x="314" y="16947"/>
                </a:cubicBezTo>
                <a:cubicBezTo>
                  <a:pt x="300" y="16878"/>
                  <a:pt x="293" y="16808"/>
                  <a:pt x="291" y="16739"/>
                </a:cubicBezTo>
                <a:cubicBezTo>
                  <a:pt x="298" y="16679"/>
                  <a:pt x="305" y="16657"/>
                  <a:pt x="312" y="16657"/>
                </a:cubicBezTo>
                <a:cubicBezTo>
                  <a:pt x="316" y="16657"/>
                  <a:pt x="320" y="16666"/>
                  <a:pt x="323" y="16681"/>
                </a:cubicBezTo>
                <a:cubicBezTo>
                  <a:pt x="328" y="16704"/>
                  <a:pt x="330" y="16725"/>
                  <a:pt x="332" y="16748"/>
                </a:cubicBezTo>
                <a:cubicBezTo>
                  <a:pt x="337" y="16767"/>
                  <a:pt x="337" y="16788"/>
                  <a:pt x="339" y="16806"/>
                </a:cubicBezTo>
                <a:cubicBezTo>
                  <a:pt x="328" y="16651"/>
                  <a:pt x="339" y="16493"/>
                  <a:pt x="372" y="16341"/>
                </a:cubicBezTo>
                <a:lnTo>
                  <a:pt x="372" y="16341"/>
                </a:lnTo>
                <a:cubicBezTo>
                  <a:pt x="369" y="16368"/>
                  <a:pt x="367" y="16394"/>
                  <a:pt x="367" y="16419"/>
                </a:cubicBezTo>
                <a:cubicBezTo>
                  <a:pt x="365" y="16436"/>
                  <a:pt x="365" y="16452"/>
                  <a:pt x="367" y="16466"/>
                </a:cubicBezTo>
                <a:cubicBezTo>
                  <a:pt x="369" y="16493"/>
                  <a:pt x="369" y="16519"/>
                  <a:pt x="369" y="16579"/>
                </a:cubicBezTo>
                <a:cubicBezTo>
                  <a:pt x="379" y="16544"/>
                  <a:pt x="386" y="16517"/>
                  <a:pt x="392" y="16493"/>
                </a:cubicBezTo>
                <a:cubicBezTo>
                  <a:pt x="397" y="16470"/>
                  <a:pt x="399" y="16452"/>
                  <a:pt x="402" y="16436"/>
                </a:cubicBezTo>
                <a:cubicBezTo>
                  <a:pt x="406" y="16419"/>
                  <a:pt x="406" y="16405"/>
                  <a:pt x="406" y="16389"/>
                </a:cubicBezTo>
                <a:cubicBezTo>
                  <a:pt x="406" y="16375"/>
                  <a:pt x="411" y="16361"/>
                  <a:pt x="413" y="16345"/>
                </a:cubicBezTo>
                <a:lnTo>
                  <a:pt x="413" y="16345"/>
                </a:lnTo>
                <a:cubicBezTo>
                  <a:pt x="404" y="16382"/>
                  <a:pt x="392" y="16419"/>
                  <a:pt x="381" y="16454"/>
                </a:cubicBezTo>
                <a:cubicBezTo>
                  <a:pt x="427" y="16292"/>
                  <a:pt x="386" y="16310"/>
                  <a:pt x="402" y="16218"/>
                </a:cubicBezTo>
                <a:cubicBezTo>
                  <a:pt x="436" y="16148"/>
                  <a:pt x="478" y="16081"/>
                  <a:pt x="524" y="16021"/>
                </a:cubicBezTo>
                <a:cubicBezTo>
                  <a:pt x="536" y="16005"/>
                  <a:pt x="545" y="15991"/>
                  <a:pt x="557" y="15979"/>
                </a:cubicBezTo>
                <a:cubicBezTo>
                  <a:pt x="566" y="15970"/>
                  <a:pt x="575" y="15958"/>
                  <a:pt x="585" y="15951"/>
                </a:cubicBezTo>
                <a:cubicBezTo>
                  <a:pt x="597" y="15939"/>
                  <a:pt x="607" y="15933"/>
                  <a:pt x="612" y="15933"/>
                </a:cubicBezTo>
                <a:cubicBezTo>
                  <a:pt x="612" y="15933"/>
                  <a:pt x="612" y="15933"/>
                  <a:pt x="612" y="15934"/>
                </a:cubicBezTo>
                <a:lnTo>
                  <a:pt x="612" y="15934"/>
                </a:lnTo>
                <a:lnTo>
                  <a:pt x="594" y="15921"/>
                </a:lnTo>
                <a:cubicBezTo>
                  <a:pt x="608" y="15900"/>
                  <a:pt x="624" y="15882"/>
                  <a:pt x="643" y="15866"/>
                </a:cubicBezTo>
                <a:cubicBezTo>
                  <a:pt x="654" y="15856"/>
                  <a:pt x="659" y="15852"/>
                  <a:pt x="661" y="15852"/>
                </a:cubicBezTo>
                <a:cubicBezTo>
                  <a:pt x="665" y="15854"/>
                  <a:pt x="664" y="15863"/>
                  <a:pt x="670" y="15863"/>
                </a:cubicBezTo>
                <a:cubicBezTo>
                  <a:pt x="671" y="15863"/>
                  <a:pt x="673" y="15862"/>
                  <a:pt x="675" y="15861"/>
                </a:cubicBezTo>
                <a:cubicBezTo>
                  <a:pt x="689" y="15836"/>
                  <a:pt x="680" y="15831"/>
                  <a:pt x="689" y="15810"/>
                </a:cubicBezTo>
                <a:cubicBezTo>
                  <a:pt x="698" y="15792"/>
                  <a:pt x="707" y="15775"/>
                  <a:pt x="721" y="15759"/>
                </a:cubicBezTo>
                <a:cubicBezTo>
                  <a:pt x="754" y="15724"/>
                  <a:pt x="789" y="15692"/>
                  <a:pt x="826" y="15662"/>
                </a:cubicBezTo>
                <a:lnTo>
                  <a:pt x="826" y="15662"/>
                </a:lnTo>
                <a:cubicBezTo>
                  <a:pt x="825" y="15668"/>
                  <a:pt x="826" y="15671"/>
                  <a:pt x="830" y="15671"/>
                </a:cubicBezTo>
                <a:cubicBezTo>
                  <a:pt x="834" y="15671"/>
                  <a:pt x="841" y="15668"/>
                  <a:pt x="851" y="15662"/>
                </a:cubicBezTo>
                <a:cubicBezTo>
                  <a:pt x="874" y="15650"/>
                  <a:pt x="897" y="15634"/>
                  <a:pt x="918" y="15618"/>
                </a:cubicBezTo>
                <a:cubicBezTo>
                  <a:pt x="957" y="15588"/>
                  <a:pt x="1004" y="15561"/>
                  <a:pt x="1023" y="15561"/>
                </a:cubicBezTo>
                <a:cubicBezTo>
                  <a:pt x="1028" y="15561"/>
                  <a:pt x="1031" y="15563"/>
                  <a:pt x="1032" y="15567"/>
                </a:cubicBezTo>
                <a:cubicBezTo>
                  <a:pt x="1057" y="15551"/>
                  <a:pt x="1080" y="15534"/>
                  <a:pt x="1099" y="15521"/>
                </a:cubicBezTo>
                <a:lnTo>
                  <a:pt x="1157" y="15483"/>
                </a:lnTo>
                <a:cubicBezTo>
                  <a:pt x="1175" y="15472"/>
                  <a:pt x="1196" y="15458"/>
                  <a:pt x="1217" y="15446"/>
                </a:cubicBezTo>
                <a:cubicBezTo>
                  <a:pt x="1243" y="15433"/>
                  <a:pt x="1268" y="15421"/>
                  <a:pt x="1294" y="15412"/>
                </a:cubicBezTo>
                <a:cubicBezTo>
                  <a:pt x="1308" y="15408"/>
                  <a:pt x="1318" y="15406"/>
                  <a:pt x="1324" y="15406"/>
                </a:cubicBezTo>
                <a:cubicBezTo>
                  <a:pt x="1346" y="15406"/>
                  <a:pt x="1310" y="15431"/>
                  <a:pt x="1259" y="15463"/>
                </a:cubicBezTo>
                <a:cubicBezTo>
                  <a:pt x="1226" y="15479"/>
                  <a:pt x="1189" y="15504"/>
                  <a:pt x="1155" y="15523"/>
                </a:cubicBezTo>
                <a:cubicBezTo>
                  <a:pt x="1138" y="15534"/>
                  <a:pt x="1122" y="15541"/>
                  <a:pt x="1108" y="15551"/>
                </a:cubicBezTo>
                <a:cubicBezTo>
                  <a:pt x="1097" y="15558"/>
                  <a:pt x="1087" y="15562"/>
                  <a:pt x="1076" y="15569"/>
                </a:cubicBezTo>
                <a:cubicBezTo>
                  <a:pt x="1032" y="15596"/>
                  <a:pt x="1015" y="15604"/>
                  <a:pt x="1011" y="15604"/>
                </a:cubicBezTo>
                <a:cubicBezTo>
                  <a:pt x="1003" y="15604"/>
                  <a:pt x="1045" y="15572"/>
                  <a:pt x="1040" y="15572"/>
                </a:cubicBezTo>
                <a:cubicBezTo>
                  <a:pt x="1039" y="15572"/>
                  <a:pt x="1035" y="15574"/>
                  <a:pt x="1027" y="15578"/>
                </a:cubicBezTo>
                <a:cubicBezTo>
                  <a:pt x="981" y="15609"/>
                  <a:pt x="939" y="15646"/>
                  <a:pt x="895" y="15680"/>
                </a:cubicBezTo>
                <a:cubicBezTo>
                  <a:pt x="964" y="15636"/>
                  <a:pt x="1093" y="15569"/>
                  <a:pt x="1118" y="15569"/>
                </a:cubicBezTo>
                <a:cubicBezTo>
                  <a:pt x="1122" y="15569"/>
                  <a:pt x="1124" y="15570"/>
                  <a:pt x="1122" y="15574"/>
                </a:cubicBezTo>
                <a:cubicBezTo>
                  <a:pt x="1161" y="15551"/>
                  <a:pt x="1170" y="15544"/>
                  <a:pt x="1164" y="15544"/>
                </a:cubicBezTo>
                <a:cubicBezTo>
                  <a:pt x="1159" y="15544"/>
                  <a:pt x="1145" y="15549"/>
                  <a:pt x="1131" y="15553"/>
                </a:cubicBezTo>
                <a:cubicBezTo>
                  <a:pt x="1119" y="15557"/>
                  <a:pt x="1107" y="15563"/>
                  <a:pt x="1103" y="15563"/>
                </a:cubicBezTo>
                <a:cubicBezTo>
                  <a:pt x="1102" y="15563"/>
                  <a:pt x="1102" y="15563"/>
                  <a:pt x="1101" y="15562"/>
                </a:cubicBezTo>
                <a:cubicBezTo>
                  <a:pt x="1099" y="15560"/>
                  <a:pt x="1113" y="15551"/>
                  <a:pt x="1152" y="15527"/>
                </a:cubicBezTo>
                <a:cubicBezTo>
                  <a:pt x="1187" y="15514"/>
                  <a:pt x="1222" y="15497"/>
                  <a:pt x="1256" y="15486"/>
                </a:cubicBezTo>
                <a:cubicBezTo>
                  <a:pt x="1340" y="15446"/>
                  <a:pt x="1328" y="15442"/>
                  <a:pt x="1324" y="15437"/>
                </a:cubicBezTo>
                <a:cubicBezTo>
                  <a:pt x="1319" y="15433"/>
                  <a:pt x="1319" y="15433"/>
                  <a:pt x="1333" y="15423"/>
                </a:cubicBezTo>
                <a:cubicBezTo>
                  <a:pt x="1340" y="15419"/>
                  <a:pt x="1351" y="15414"/>
                  <a:pt x="1368" y="15407"/>
                </a:cubicBezTo>
                <a:cubicBezTo>
                  <a:pt x="1384" y="15398"/>
                  <a:pt x="1405" y="15391"/>
                  <a:pt x="1433" y="15379"/>
                </a:cubicBezTo>
                <a:lnTo>
                  <a:pt x="1433" y="15379"/>
                </a:lnTo>
                <a:cubicBezTo>
                  <a:pt x="1405" y="15393"/>
                  <a:pt x="1396" y="15398"/>
                  <a:pt x="1400" y="15398"/>
                </a:cubicBezTo>
                <a:cubicBezTo>
                  <a:pt x="1407" y="15398"/>
                  <a:pt x="1451" y="15383"/>
                  <a:pt x="1502" y="15365"/>
                </a:cubicBezTo>
                <a:cubicBezTo>
                  <a:pt x="1565" y="15344"/>
                  <a:pt x="1639" y="15325"/>
                  <a:pt x="1669" y="15325"/>
                </a:cubicBezTo>
                <a:cubicBezTo>
                  <a:pt x="1678" y="15325"/>
                  <a:pt x="1683" y="15327"/>
                  <a:pt x="1683" y="15330"/>
                </a:cubicBezTo>
                <a:lnTo>
                  <a:pt x="1683" y="15330"/>
                </a:lnTo>
                <a:cubicBezTo>
                  <a:pt x="1685" y="15314"/>
                  <a:pt x="1791" y="15284"/>
                  <a:pt x="1905" y="15266"/>
                </a:cubicBezTo>
                <a:cubicBezTo>
                  <a:pt x="2021" y="15245"/>
                  <a:pt x="2141" y="15229"/>
                  <a:pt x="2167" y="15215"/>
                </a:cubicBezTo>
                <a:lnTo>
                  <a:pt x="2167" y="15215"/>
                </a:lnTo>
                <a:lnTo>
                  <a:pt x="2100" y="15217"/>
                </a:lnTo>
                <a:lnTo>
                  <a:pt x="2035" y="15224"/>
                </a:lnTo>
                <a:lnTo>
                  <a:pt x="2065" y="15233"/>
                </a:lnTo>
                <a:lnTo>
                  <a:pt x="1963" y="15250"/>
                </a:lnTo>
                <a:cubicBezTo>
                  <a:pt x="1928" y="15256"/>
                  <a:pt x="1896" y="15263"/>
                  <a:pt x="1863" y="15270"/>
                </a:cubicBezTo>
                <a:cubicBezTo>
                  <a:pt x="1799" y="15284"/>
                  <a:pt x="1736" y="15300"/>
                  <a:pt x="1662" y="15314"/>
                </a:cubicBezTo>
                <a:cubicBezTo>
                  <a:pt x="1771" y="15277"/>
                  <a:pt x="1616" y="15298"/>
                  <a:pt x="1745" y="15256"/>
                </a:cubicBezTo>
                <a:cubicBezTo>
                  <a:pt x="1782" y="15245"/>
                  <a:pt x="1822" y="15236"/>
                  <a:pt x="1861" y="15229"/>
                </a:cubicBezTo>
                <a:cubicBezTo>
                  <a:pt x="1866" y="15228"/>
                  <a:pt x="1870" y="15228"/>
                  <a:pt x="1873" y="15228"/>
                </a:cubicBezTo>
                <a:cubicBezTo>
                  <a:pt x="1880" y="15228"/>
                  <a:pt x="1881" y="15230"/>
                  <a:pt x="1877" y="15233"/>
                </a:cubicBezTo>
                <a:cubicBezTo>
                  <a:pt x="1873" y="15235"/>
                  <a:pt x="1837" y="15254"/>
                  <a:pt x="1849" y="15254"/>
                </a:cubicBezTo>
                <a:cubicBezTo>
                  <a:pt x="1850" y="15254"/>
                  <a:pt x="1851" y="15254"/>
                  <a:pt x="1852" y="15254"/>
                </a:cubicBezTo>
                <a:lnTo>
                  <a:pt x="1949" y="15226"/>
                </a:lnTo>
                <a:lnTo>
                  <a:pt x="2051" y="15203"/>
                </a:lnTo>
                <a:lnTo>
                  <a:pt x="2051" y="15203"/>
                </a:lnTo>
                <a:cubicBezTo>
                  <a:pt x="2005" y="15206"/>
                  <a:pt x="1956" y="15206"/>
                  <a:pt x="1910" y="15210"/>
                </a:cubicBezTo>
                <a:cubicBezTo>
                  <a:pt x="2107" y="15171"/>
                  <a:pt x="2308" y="15150"/>
                  <a:pt x="2510" y="15145"/>
                </a:cubicBezTo>
                <a:cubicBezTo>
                  <a:pt x="2556" y="15145"/>
                  <a:pt x="2602" y="15150"/>
                  <a:pt x="2646" y="15155"/>
                </a:cubicBezTo>
                <a:cubicBezTo>
                  <a:pt x="2663" y="15157"/>
                  <a:pt x="2656" y="15159"/>
                  <a:pt x="2644" y="15161"/>
                </a:cubicBezTo>
                <a:cubicBezTo>
                  <a:pt x="2621" y="15166"/>
                  <a:pt x="2588" y="15171"/>
                  <a:pt x="2707" y="15180"/>
                </a:cubicBezTo>
                <a:cubicBezTo>
                  <a:pt x="2760" y="15175"/>
                  <a:pt x="2778" y="15173"/>
                  <a:pt x="2804" y="15171"/>
                </a:cubicBezTo>
                <a:cubicBezTo>
                  <a:pt x="2826" y="15170"/>
                  <a:pt x="2848" y="15169"/>
                  <a:pt x="2870" y="15169"/>
                </a:cubicBezTo>
                <a:cubicBezTo>
                  <a:pt x="2892" y="15169"/>
                  <a:pt x="2914" y="15170"/>
                  <a:pt x="2936" y="15171"/>
                </a:cubicBezTo>
                <a:cubicBezTo>
                  <a:pt x="2908" y="15166"/>
                  <a:pt x="2882" y="15164"/>
                  <a:pt x="2858" y="15164"/>
                </a:cubicBezTo>
                <a:cubicBezTo>
                  <a:pt x="2818" y="15164"/>
                  <a:pt x="2783" y="15169"/>
                  <a:pt x="2750" y="15169"/>
                </a:cubicBezTo>
                <a:cubicBezTo>
                  <a:pt x="2746" y="15169"/>
                  <a:pt x="2741" y="15169"/>
                  <a:pt x="2737" y="15168"/>
                </a:cubicBezTo>
                <a:cubicBezTo>
                  <a:pt x="2700" y="15157"/>
                  <a:pt x="2767" y="15157"/>
                  <a:pt x="2841" y="15157"/>
                </a:cubicBezTo>
                <a:cubicBezTo>
                  <a:pt x="2917" y="15155"/>
                  <a:pt x="2998" y="15157"/>
                  <a:pt x="2992" y="15148"/>
                </a:cubicBezTo>
                <a:lnTo>
                  <a:pt x="2992" y="15148"/>
                </a:lnTo>
                <a:cubicBezTo>
                  <a:pt x="3054" y="15157"/>
                  <a:pt x="3040" y="15166"/>
                  <a:pt x="2992" y="15171"/>
                </a:cubicBezTo>
                <a:cubicBezTo>
                  <a:pt x="3246" y="15175"/>
                  <a:pt x="3494" y="15201"/>
                  <a:pt x="3589" y="15233"/>
                </a:cubicBezTo>
                <a:lnTo>
                  <a:pt x="3700" y="15215"/>
                </a:lnTo>
                <a:lnTo>
                  <a:pt x="3700" y="15215"/>
                </a:lnTo>
                <a:cubicBezTo>
                  <a:pt x="4143" y="15256"/>
                  <a:pt x="3397" y="15215"/>
                  <a:pt x="3768" y="15259"/>
                </a:cubicBezTo>
                <a:cubicBezTo>
                  <a:pt x="3862" y="15271"/>
                  <a:pt x="3957" y="15277"/>
                  <a:pt x="4052" y="15277"/>
                </a:cubicBezTo>
                <a:cubicBezTo>
                  <a:pt x="4082" y="15277"/>
                  <a:pt x="4112" y="15276"/>
                  <a:pt x="4143" y="15275"/>
                </a:cubicBezTo>
                <a:lnTo>
                  <a:pt x="4008" y="15266"/>
                </a:lnTo>
                <a:cubicBezTo>
                  <a:pt x="4094" y="15254"/>
                  <a:pt x="4182" y="15247"/>
                  <a:pt x="4268" y="15247"/>
                </a:cubicBezTo>
                <a:cubicBezTo>
                  <a:pt x="4352" y="15252"/>
                  <a:pt x="4343" y="15261"/>
                  <a:pt x="4386" y="15261"/>
                </a:cubicBezTo>
                <a:cubicBezTo>
                  <a:pt x="4402" y="15261"/>
                  <a:pt x="4426" y="15260"/>
                  <a:pt x="4465" y="15256"/>
                </a:cubicBezTo>
                <a:cubicBezTo>
                  <a:pt x="4762" y="15268"/>
                  <a:pt x="4643" y="15287"/>
                  <a:pt x="4559" y="15307"/>
                </a:cubicBezTo>
                <a:lnTo>
                  <a:pt x="4559" y="15307"/>
                </a:lnTo>
                <a:cubicBezTo>
                  <a:pt x="4589" y="15306"/>
                  <a:pt x="4622" y="15306"/>
                  <a:pt x="4655" y="15305"/>
                </a:cubicBezTo>
                <a:cubicBezTo>
                  <a:pt x="4752" y="15303"/>
                  <a:pt x="4849" y="15296"/>
                  <a:pt x="4866" y="15284"/>
                </a:cubicBezTo>
                <a:lnTo>
                  <a:pt x="4866" y="15284"/>
                </a:lnTo>
                <a:cubicBezTo>
                  <a:pt x="4867" y="15291"/>
                  <a:pt x="4849" y="15305"/>
                  <a:pt x="4780" y="15314"/>
                </a:cubicBezTo>
                <a:lnTo>
                  <a:pt x="4780" y="15314"/>
                </a:lnTo>
                <a:cubicBezTo>
                  <a:pt x="4735" y="15310"/>
                  <a:pt x="4703" y="15308"/>
                  <a:pt x="4680" y="15308"/>
                </a:cubicBezTo>
                <a:cubicBezTo>
                  <a:pt x="4642" y="15308"/>
                  <a:pt x="4631" y="15312"/>
                  <a:pt x="4627" y="15317"/>
                </a:cubicBezTo>
                <a:cubicBezTo>
                  <a:pt x="4624" y="15321"/>
                  <a:pt x="4627" y="15325"/>
                  <a:pt x="4620" y="15325"/>
                </a:cubicBezTo>
                <a:cubicBezTo>
                  <a:pt x="4615" y="15325"/>
                  <a:pt x="4604" y="15323"/>
                  <a:pt x="4583" y="15317"/>
                </a:cubicBezTo>
                <a:cubicBezTo>
                  <a:pt x="4563" y="15317"/>
                  <a:pt x="4543" y="15317"/>
                  <a:pt x="4523" y="15317"/>
                </a:cubicBezTo>
                <a:lnTo>
                  <a:pt x="4523" y="15317"/>
                </a:lnTo>
                <a:cubicBezTo>
                  <a:pt x="4520" y="15317"/>
                  <a:pt x="4518" y="15318"/>
                  <a:pt x="4516" y="15319"/>
                </a:cubicBezTo>
                <a:cubicBezTo>
                  <a:pt x="4625" y="15325"/>
                  <a:pt x="4622" y="15334"/>
                  <a:pt x="4593" y="15342"/>
                </a:cubicBezTo>
                <a:lnTo>
                  <a:pt x="4593" y="15342"/>
                </a:lnTo>
                <a:lnTo>
                  <a:pt x="4650" y="15335"/>
                </a:lnTo>
                <a:lnTo>
                  <a:pt x="4694" y="15329"/>
                </a:lnTo>
                <a:lnTo>
                  <a:pt x="4694" y="15329"/>
                </a:lnTo>
                <a:lnTo>
                  <a:pt x="4768" y="15351"/>
                </a:lnTo>
                <a:cubicBezTo>
                  <a:pt x="4845" y="15351"/>
                  <a:pt x="4899" y="15332"/>
                  <a:pt x="4946" y="15332"/>
                </a:cubicBezTo>
                <a:cubicBezTo>
                  <a:pt x="4956" y="15332"/>
                  <a:pt x="4965" y="15333"/>
                  <a:pt x="4974" y="15335"/>
                </a:cubicBezTo>
                <a:cubicBezTo>
                  <a:pt x="5085" y="15341"/>
                  <a:pt x="4901" y="15369"/>
                  <a:pt x="4977" y="15369"/>
                </a:cubicBezTo>
                <a:cubicBezTo>
                  <a:pt x="4999" y="15369"/>
                  <a:pt x="5042" y="15366"/>
                  <a:pt x="5118" y="15361"/>
                </a:cubicBezTo>
                <a:cubicBezTo>
                  <a:pt x="5164" y="15358"/>
                  <a:pt x="5204" y="15351"/>
                  <a:pt x="5241" y="15344"/>
                </a:cubicBezTo>
                <a:lnTo>
                  <a:pt x="5289" y="15338"/>
                </a:lnTo>
                <a:lnTo>
                  <a:pt x="5313" y="15333"/>
                </a:lnTo>
                <a:lnTo>
                  <a:pt x="5324" y="15331"/>
                </a:lnTo>
                <a:lnTo>
                  <a:pt x="5343" y="15326"/>
                </a:lnTo>
                <a:cubicBezTo>
                  <a:pt x="5431" y="15307"/>
                  <a:pt x="5493" y="15291"/>
                  <a:pt x="5549" y="15275"/>
                </a:cubicBezTo>
                <a:lnTo>
                  <a:pt x="5570" y="15270"/>
                </a:lnTo>
                <a:lnTo>
                  <a:pt x="5581" y="15268"/>
                </a:lnTo>
                <a:lnTo>
                  <a:pt x="5586" y="15268"/>
                </a:lnTo>
                <a:cubicBezTo>
                  <a:pt x="5586" y="15266"/>
                  <a:pt x="5586" y="15263"/>
                  <a:pt x="5588" y="15263"/>
                </a:cubicBezTo>
                <a:lnTo>
                  <a:pt x="5609" y="15219"/>
                </a:lnTo>
                <a:lnTo>
                  <a:pt x="5653" y="15129"/>
                </a:lnTo>
                <a:lnTo>
                  <a:pt x="5697" y="15041"/>
                </a:lnTo>
                <a:cubicBezTo>
                  <a:pt x="5709" y="15020"/>
                  <a:pt x="5723" y="14997"/>
                  <a:pt x="5737" y="14969"/>
                </a:cubicBezTo>
                <a:lnTo>
                  <a:pt x="5737" y="14969"/>
                </a:lnTo>
                <a:cubicBezTo>
                  <a:pt x="5723" y="14985"/>
                  <a:pt x="5711" y="15004"/>
                  <a:pt x="5702" y="15023"/>
                </a:cubicBezTo>
                <a:lnTo>
                  <a:pt x="5674" y="15069"/>
                </a:lnTo>
                <a:cubicBezTo>
                  <a:pt x="5660" y="15094"/>
                  <a:pt x="5646" y="15122"/>
                  <a:pt x="5628" y="15152"/>
                </a:cubicBezTo>
                <a:cubicBezTo>
                  <a:pt x="5644" y="15117"/>
                  <a:pt x="5647" y="15107"/>
                  <a:pt x="5644" y="15107"/>
                </a:cubicBezTo>
                <a:cubicBezTo>
                  <a:pt x="5641" y="15107"/>
                  <a:pt x="5635" y="15113"/>
                  <a:pt x="5630" y="15117"/>
                </a:cubicBezTo>
                <a:cubicBezTo>
                  <a:pt x="5628" y="15120"/>
                  <a:pt x="5626" y="15121"/>
                  <a:pt x="5624" y="15121"/>
                </a:cubicBezTo>
                <a:cubicBezTo>
                  <a:pt x="5623" y="15121"/>
                  <a:pt x="5623" y="15119"/>
                  <a:pt x="5625" y="15113"/>
                </a:cubicBezTo>
                <a:cubicBezTo>
                  <a:pt x="5630" y="15104"/>
                  <a:pt x="5632" y="15094"/>
                  <a:pt x="5639" y="15085"/>
                </a:cubicBezTo>
                <a:lnTo>
                  <a:pt x="5662" y="15032"/>
                </a:lnTo>
                <a:cubicBezTo>
                  <a:pt x="5711" y="14976"/>
                  <a:pt x="5750" y="14911"/>
                  <a:pt x="5783" y="14844"/>
                </a:cubicBezTo>
                <a:cubicBezTo>
                  <a:pt x="5806" y="14800"/>
                  <a:pt x="5829" y="14751"/>
                  <a:pt x="5852" y="14705"/>
                </a:cubicBezTo>
                <a:cubicBezTo>
                  <a:pt x="5878" y="14657"/>
                  <a:pt x="5896" y="14606"/>
                  <a:pt x="5917" y="14559"/>
                </a:cubicBezTo>
                <a:lnTo>
                  <a:pt x="5917" y="14559"/>
                </a:lnTo>
                <a:cubicBezTo>
                  <a:pt x="5915" y="14570"/>
                  <a:pt x="5916" y="14574"/>
                  <a:pt x="5918" y="14574"/>
                </a:cubicBezTo>
                <a:cubicBezTo>
                  <a:pt x="5925" y="14574"/>
                  <a:pt x="5946" y="14541"/>
                  <a:pt x="5952" y="14541"/>
                </a:cubicBezTo>
                <a:cubicBezTo>
                  <a:pt x="5954" y="14541"/>
                  <a:pt x="5954" y="14546"/>
                  <a:pt x="5950" y="14559"/>
                </a:cubicBezTo>
                <a:cubicBezTo>
                  <a:pt x="5980" y="14487"/>
                  <a:pt x="6005" y="14411"/>
                  <a:pt x="6024" y="14332"/>
                </a:cubicBezTo>
                <a:lnTo>
                  <a:pt x="6024" y="14332"/>
                </a:lnTo>
                <a:cubicBezTo>
                  <a:pt x="5990" y="14410"/>
                  <a:pt x="5976" y="14439"/>
                  <a:pt x="5973" y="14439"/>
                </a:cubicBezTo>
                <a:cubicBezTo>
                  <a:pt x="5970" y="14439"/>
                  <a:pt x="5990" y="14382"/>
                  <a:pt x="6010" y="14323"/>
                </a:cubicBezTo>
                <a:cubicBezTo>
                  <a:pt x="6024" y="14279"/>
                  <a:pt x="6038" y="14235"/>
                  <a:pt x="6049" y="14191"/>
                </a:cubicBezTo>
                <a:cubicBezTo>
                  <a:pt x="6050" y="14183"/>
                  <a:pt x="6050" y="14179"/>
                  <a:pt x="6049" y="14179"/>
                </a:cubicBezTo>
                <a:cubicBezTo>
                  <a:pt x="6047" y="14179"/>
                  <a:pt x="6038" y="14198"/>
                  <a:pt x="6014" y="14246"/>
                </a:cubicBezTo>
                <a:cubicBezTo>
                  <a:pt x="6119" y="13952"/>
                  <a:pt x="6151" y="13897"/>
                  <a:pt x="6214" y="13711"/>
                </a:cubicBezTo>
                <a:lnTo>
                  <a:pt x="6214" y="13711"/>
                </a:lnTo>
                <a:cubicBezTo>
                  <a:pt x="6217" y="13721"/>
                  <a:pt x="6171" y="13901"/>
                  <a:pt x="6177" y="13901"/>
                </a:cubicBezTo>
                <a:cubicBezTo>
                  <a:pt x="6180" y="13901"/>
                  <a:pt x="6190" y="13874"/>
                  <a:pt x="6214" y="13799"/>
                </a:cubicBezTo>
                <a:cubicBezTo>
                  <a:pt x="6221" y="13769"/>
                  <a:pt x="6225" y="13739"/>
                  <a:pt x="6230" y="13709"/>
                </a:cubicBezTo>
                <a:cubicBezTo>
                  <a:pt x="6232" y="13695"/>
                  <a:pt x="6232" y="13681"/>
                  <a:pt x="6232" y="13667"/>
                </a:cubicBezTo>
                <a:cubicBezTo>
                  <a:pt x="6232" y="13662"/>
                  <a:pt x="6231" y="13660"/>
                  <a:pt x="6230" y="13660"/>
                </a:cubicBezTo>
                <a:cubicBezTo>
                  <a:pt x="6227" y="13660"/>
                  <a:pt x="6223" y="13666"/>
                  <a:pt x="6218" y="13672"/>
                </a:cubicBezTo>
                <a:cubicBezTo>
                  <a:pt x="6213" y="13681"/>
                  <a:pt x="6208" y="13691"/>
                  <a:pt x="6204" y="13691"/>
                </a:cubicBezTo>
                <a:cubicBezTo>
                  <a:pt x="6199" y="13691"/>
                  <a:pt x="6197" y="13671"/>
                  <a:pt x="6207" y="13598"/>
                </a:cubicBezTo>
                <a:lnTo>
                  <a:pt x="6207" y="13598"/>
                </a:lnTo>
                <a:cubicBezTo>
                  <a:pt x="6188" y="13663"/>
                  <a:pt x="6172" y="13728"/>
                  <a:pt x="6149" y="13790"/>
                </a:cubicBezTo>
                <a:cubicBezTo>
                  <a:pt x="6148" y="13791"/>
                  <a:pt x="6147" y="13791"/>
                  <a:pt x="6146" y="13791"/>
                </a:cubicBezTo>
                <a:cubicBezTo>
                  <a:pt x="6140" y="13791"/>
                  <a:pt x="6143" y="13773"/>
                  <a:pt x="6149" y="13744"/>
                </a:cubicBezTo>
                <a:cubicBezTo>
                  <a:pt x="6156" y="13714"/>
                  <a:pt x="6165" y="13670"/>
                  <a:pt x="6177" y="13621"/>
                </a:cubicBezTo>
                <a:cubicBezTo>
                  <a:pt x="6191" y="13575"/>
                  <a:pt x="6202" y="13526"/>
                  <a:pt x="6211" y="13487"/>
                </a:cubicBezTo>
                <a:cubicBezTo>
                  <a:pt x="6218" y="13457"/>
                  <a:pt x="6225" y="13429"/>
                  <a:pt x="6228" y="13399"/>
                </a:cubicBezTo>
                <a:cubicBezTo>
                  <a:pt x="6233" y="13377"/>
                  <a:pt x="6236" y="13369"/>
                  <a:pt x="6237" y="13369"/>
                </a:cubicBezTo>
                <a:lnTo>
                  <a:pt x="6237" y="13369"/>
                </a:lnTo>
                <a:cubicBezTo>
                  <a:pt x="6240" y="13369"/>
                  <a:pt x="6221" y="13482"/>
                  <a:pt x="6230" y="13482"/>
                </a:cubicBezTo>
                <a:cubicBezTo>
                  <a:pt x="6232" y="13482"/>
                  <a:pt x="6237" y="13474"/>
                  <a:pt x="6244" y="13454"/>
                </a:cubicBezTo>
                <a:cubicBezTo>
                  <a:pt x="6265" y="13364"/>
                  <a:pt x="6274" y="13294"/>
                  <a:pt x="6285" y="13234"/>
                </a:cubicBezTo>
                <a:cubicBezTo>
                  <a:pt x="6290" y="13176"/>
                  <a:pt x="6299" y="13121"/>
                  <a:pt x="6311" y="13063"/>
                </a:cubicBezTo>
                <a:cubicBezTo>
                  <a:pt x="6311" y="13179"/>
                  <a:pt x="6316" y="13107"/>
                  <a:pt x="6311" y="13239"/>
                </a:cubicBezTo>
                <a:cubicBezTo>
                  <a:pt x="6335" y="13077"/>
                  <a:pt x="6344" y="13040"/>
                  <a:pt x="6349" y="13040"/>
                </a:cubicBezTo>
                <a:cubicBezTo>
                  <a:pt x="6350" y="13040"/>
                  <a:pt x="6352" y="13044"/>
                  <a:pt x="6353" y="13049"/>
                </a:cubicBezTo>
                <a:cubicBezTo>
                  <a:pt x="6353" y="13056"/>
                  <a:pt x="6354" y="13065"/>
                  <a:pt x="6356" y="13065"/>
                </a:cubicBezTo>
                <a:cubicBezTo>
                  <a:pt x="6357" y="13065"/>
                  <a:pt x="6358" y="13064"/>
                  <a:pt x="6360" y="13060"/>
                </a:cubicBezTo>
                <a:cubicBezTo>
                  <a:pt x="6364" y="13049"/>
                  <a:pt x="6369" y="13037"/>
                  <a:pt x="6371" y="13026"/>
                </a:cubicBezTo>
                <a:cubicBezTo>
                  <a:pt x="6378" y="12996"/>
                  <a:pt x="6383" y="12965"/>
                  <a:pt x="6387" y="12935"/>
                </a:cubicBezTo>
                <a:cubicBezTo>
                  <a:pt x="6394" y="12829"/>
                  <a:pt x="6371" y="12894"/>
                  <a:pt x="6394" y="12725"/>
                </a:cubicBezTo>
                <a:lnTo>
                  <a:pt x="6394" y="12725"/>
                </a:lnTo>
                <a:cubicBezTo>
                  <a:pt x="6380" y="12762"/>
                  <a:pt x="6369" y="12799"/>
                  <a:pt x="6362" y="12838"/>
                </a:cubicBezTo>
                <a:cubicBezTo>
                  <a:pt x="6357" y="12859"/>
                  <a:pt x="6353" y="12887"/>
                  <a:pt x="6348" y="12924"/>
                </a:cubicBezTo>
                <a:cubicBezTo>
                  <a:pt x="6343" y="12963"/>
                  <a:pt x="6336" y="13014"/>
                  <a:pt x="6325" y="13081"/>
                </a:cubicBezTo>
                <a:cubicBezTo>
                  <a:pt x="6323" y="13049"/>
                  <a:pt x="6323" y="13014"/>
                  <a:pt x="6330" y="12982"/>
                </a:cubicBezTo>
                <a:cubicBezTo>
                  <a:pt x="6332" y="12940"/>
                  <a:pt x="6339" y="12891"/>
                  <a:pt x="6346" y="12840"/>
                </a:cubicBezTo>
                <a:cubicBezTo>
                  <a:pt x="6353" y="12789"/>
                  <a:pt x="6362" y="12736"/>
                  <a:pt x="6364" y="12683"/>
                </a:cubicBezTo>
                <a:cubicBezTo>
                  <a:pt x="6367" y="12630"/>
                  <a:pt x="6369" y="12576"/>
                  <a:pt x="6369" y="12528"/>
                </a:cubicBezTo>
                <a:lnTo>
                  <a:pt x="6369" y="12528"/>
                </a:lnTo>
                <a:cubicBezTo>
                  <a:pt x="6357" y="12683"/>
                  <a:pt x="6360" y="12576"/>
                  <a:pt x="6353" y="12743"/>
                </a:cubicBezTo>
                <a:cubicBezTo>
                  <a:pt x="6342" y="12752"/>
                  <a:pt x="6333" y="12771"/>
                  <a:pt x="6326" y="12771"/>
                </a:cubicBezTo>
                <a:cubicBezTo>
                  <a:pt x="6326" y="12771"/>
                  <a:pt x="6325" y="12771"/>
                  <a:pt x="6325" y="12771"/>
                </a:cubicBezTo>
                <a:cubicBezTo>
                  <a:pt x="6318" y="12771"/>
                  <a:pt x="6318" y="12766"/>
                  <a:pt x="6316" y="12750"/>
                </a:cubicBezTo>
                <a:cubicBezTo>
                  <a:pt x="6313" y="12734"/>
                  <a:pt x="6311" y="12711"/>
                  <a:pt x="6309" y="12671"/>
                </a:cubicBezTo>
                <a:cubicBezTo>
                  <a:pt x="6309" y="12715"/>
                  <a:pt x="6306" y="12755"/>
                  <a:pt x="6306" y="12789"/>
                </a:cubicBezTo>
                <a:cubicBezTo>
                  <a:pt x="6304" y="12827"/>
                  <a:pt x="6306" y="12861"/>
                  <a:pt x="6306" y="12898"/>
                </a:cubicBezTo>
                <a:cubicBezTo>
                  <a:pt x="6304" y="12993"/>
                  <a:pt x="6292" y="13088"/>
                  <a:pt x="6274" y="13181"/>
                </a:cubicBezTo>
                <a:cubicBezTo>
                  <a:pt x="6271" y="13186"/>
                  <a:pt x="6269" y="13188"/>
                  <a:pt x="6268" y="13188"/>
                </a:cubicBezTo>
                <a:cubicBezTo>
                  <a:pt x="6260" y="13188"/>
                  <a:pt x="6266" y="13121"/>
                  <a:pt x="6272" y="13049"/>
                </a:cubicBezTo>
                <a:cubicBezTo>
                  <a:pt x="6279" y="12961"/>
                  <a:pt x="6281" y="12866"/>
                  <a:pt x="6267" y="12861"/>
                </a:cubicBezTo>
                <a:cubicBezTo>
                  <a:pt x="6267" y="12831"/>
                  <a:pt x="6267" y="12787"/>
                  <a:pt x="6272" y="12738"/>
                </a:cubicBezTo>
                <a:cubicBezTo>
                  <a:pt x="6276" y="12690"/>
                  <a:pt x="6279" y="12637"/>
                  <a:pt x="6283" y="12581"/>
                </a:cubicBezTo>
                <a:cubicBezTo>
                  <a:pt x="6295" y="12472"/>
                  <a:pt x="6302" y="12361"/>
                  <a:pt x="6309" y="12291"/>
                </a:cubicBezTo>
                <a:cubicBezTo>
                  <a:pt x="6290" y="12046"/>
                  <a:pt x="6274" y="11747"/>
                  <a:pt x="6218" y="11564"/>
                </a:cubicBezTo>
                <a:cubicBezTo>
                  <a:pt x="6214" y="11478"/>
                  <a:pt x="6184" y="11323"/>
                  <a:pt x="6149" y="11154"/>
                </a:cubicBezTo>
                <a:cubicBezTo>
                  <a:pt x="6112" y="10985"/>
                  <a:pt x="6063" y="10802"/>
                  <a:pt x="6045" y="10642"/>
                </a:cubicBezTo>
                <a:cubicBezTo>
                  <a:pt x="6047" y="10617"/>
                  <a:pt x="6038" y="10519"/>
                  <a:pt x="6033" y="10454"/>
                </a:cubicBezTo>
                <a:cubicBezTo>
                  <a:pt x="6032" y="10417"/>
                  <a:pt x="6032" y="10388"/>
                  <a:pt x="6035" y="10388"/>
                </a:cubicBezTo>
                <a:cubicBezTo>
                  <a:pt x="6037" y="10388"/>
                  <a:pt x="6041" y="10405"/>
                  <a:pt x="6047" y="10448"/>
                </a:cubicBezTo>
                <a:cubicBezTo>
                  <a:pt x="6047" y="10441"/>
                  <a:pt x="6042" y="10417"/>
                  <a:pt x="6040" y="10392"/>
                </a:cubicBezTo>
                <a:cubicBezTo>
                  <a:pt x="6038" y="10366"/>
                  <a:pt x="6035" y="10332"/>
                  <a:pt x="6035" y="10302"/>
                </a:cubicBezTo>
                <a:cubicBezTo>
                  <a:pt x="6034" y="10257"/>
                  <a:pt x="6035" y="10217"/>
                  <a:pt x="6030" y="10217"/>
                </a:cubicBezTo>
                <a:cubicBezTo>
                  <a:pt x="6028" y="10217"/>
                  <a:pt x="6026" y="10220"/>
                  <a:pt x="6024" y="10227"/>
                </a:cubicBezTo>
                <a:cubicBezTo>
                  <a:pt x="6026" y="10244"/>
                  <a:pt x="6026" y="10258"/>
                  <a:pt x="6024" y="10274"/>
                </a:cubicBezTo>
                <a:cubicBezTo>
                  <a:pt x="6024" y="10295"/>
                  <a:pt x="6024" y="10318"/>
                  <a:pt x="6024" y="10341"/>
                </a:cubicBezTo>
                <a:cubicBezTo>
                  <a:pt x="6019" y="10325"/>
                  <a:pt x="6012" y="10306"/>
                  <a:pt x="6008" y="10290"/>
                </a:cubicBezTo>
                <a:cubicBezTo>
                  <a:pt x="6010" y="10211"/>
                  <a:pt x="6017" y="10132"/>
                  <a:pt x="6028" y="10056"/>
                </a:cubicBezTo>
                <a:cubicBezTo>
                  <a:pt x="6040" y="9977"/>
                  <a:pt x="6061" y="9903"/>
                  <a:pt x="6096" y="9834"/>
                </a:cubicBezTo>
                <a:cubicBezTo>
                  <a:pt x="6097" y="9831"/>
                  <a:pt x="6098" y="9830"/>
                  <a:pt x="6099" y="9830"/>
                </a:cubicBezTo>
                <a:cubicBezTo>
                  <a:pt x="6101" y="9830"/>
                  <a:pt x="6099" y="9841"/>
                  <a:pt x="6096" y="9857"/>
                </a:cubicBezTo>
                <a:cubicBezTo>
                  <a:pt x="6091" y="9866"/>
                  <a:pt x="6086" y="9880"/>
                  <a:pt x="6084" y="9894"/>
                </a:cubicBezTo>
                <a:cubicBezTo>
                  <a:pt x="6079" y="9908"/>
                  <a:pt x="6075" y="9924"/>
                  <a:pt x="6070" y="9938"/>
                </a:cubicBezTo>
                <a:cubicBezTo>
                  <a:pt x="6058" y="9983"/>
                  <a:pt x="6050" y="10024"/>
                  <a:pt x="6055" y="10024"/>
                </a:cubicBezTo>
                <a:cubicBezTo>
                  <a:pt x="6057" y="10024"/>
                  <a:pt x="6060" y="10019"/>
                  <a:pt x="6065" y="10007"/>
                </a:cubicBezTo>
                <a:cubicBezTo>
                  <a:pt x="6070" y="9949"/>
                  <a:pt x="6084" y="9894"/>
                  <a:pt x="6102" y="9841"/>
                </a:cubicBezTo>
                <a:cubicBezTo>
                  <a:pt x="6130" y="9757"/>
                  <a:pt x="6167" y="9678"/>
                  <a:pt x="6211" y="9604"/>
                </a:cubicBezTo>
                <a:cubicBezTo>
                  <a:pt x="6292" y="9468"/>
                  <a:pt x="6387" y="9343"/>
                  <a:pt x="6496" y="9227"/>
                </a:cubicBezTo>
                <a:cubicBezTo>
                  <a:pt x="6580" y="9132"/>
                  <a:pt x="6607" y="9136"/>
                  <a:pt x="6645" y="9097"/>
                </a:cubicBezTo>
                <a:lnTo>
                  <a:pt x="6784" y="8935"/>
                </a:lnTo>
                <a:cubicBezTo>
                  <a:pt x="6804" y="8926"/>
                  <a:pt x="6825" y="8914"/>
                  <a:pt x="6846" y="8900"/>
                </a:cubicBezTo>
                <a:cubicBezTo>
                  <a:pt x="6902" y="8842"/>
                  <a:pt x="6953" y="8782"/>
                  <a:pt x="7001" y="8717"/>
                </a:cubicBezTo>
                <a:cubicBezTo>
                  <a:pt x="7077" y="8641"/>
                  <a:pt x="7111" y="8612"/>
                  <a:pt x="7119" y="8612"/>
                </a:cubicBezTo>
                <a:cubicBezTo>
                  <a:pt x="7131" y="8612"/>
                  <a:pt x="7078" y="8685"/>
                  <a:pt x="7027" y="8757"/>
                </a:cubicBezTo>
                <a:lnTo>
                  <a:pt x="6918" y="8870"/>
                </a:lnTo>
                <a:cubicBezTo>
                  <a:pt x="6861" y="8944"/>
                  <a:pt x="6776" y="9038"/>
                  <a:pt x="6790" y="9038"/>
                </a:cubicBezTo>
                <a:cubicBezTo>
                  <a:pt x="6794" y="9038"/>
                  <a:pt x="6802" y="9033"/>
                  <a:pt x="6816" y="9023"/>
                </a:cubicBezTo>
                <a:cubicBezTo>
                  <a:pt x="6839" y="8995"/>
                  <a:pt x="6860" y="8967"/>
                  <a:pt x="6874" y="8935"/>
                </a:cubicBezTo>
                <a:lnTo>
                  <a:pt x="6943" y="8872"/>
                </a:lnTo>
                <a:cubicBezTo>
                  <a:pt x="6997" y="8800"/>
                  <a:pt x="7156" y="8615"/>
                  <a:pt x="7138" y="8615"/>
                </a:cubicBezTo>
                <a:cubicBezTo>
                  <a:pt x="7137" y="8615"/>
                  <a:pt x="7137" y="8615"/>
                  <a:pt x="7136" y="8615"/>
                </a:cubicBezTo>
                <a:cubicBezTo>
                  <a:pt x="7270" y="8483"/>
                  <a:pt x="7407" y="8316"/>
                  <a:pt x="7532" y="8205"/>
                </a:cubicBezTo>
                <a:lnTo>
                  <a:pt x="7532" y="8205"/>
                </a:lnTo>
                <a:cubicBezTo>
                  <a:pt x="7509" y="8225"/>
                  <a:pt x="7499" y="8232"/>
                  <a:pt x="7496" y="8232"/>
                </a:cubicBezTo>
                <a:cubicBezTo>
                  <a:pt x="7488" y="8232"/>
                  <a:pt x="7525" y="8185"/>
                  <a:pt x="7513" y="8185"/>
                </a:cubicBezTo>
                <a:cubicBezTo>
                  <a:pt x="7512" y="8185"/>
                  <a:pt x="7511" y="8186"/>
                  <a:pt x="7509" y="8187"/>
                </a:cubicBezTo>
                <a:cubicBezTo>
                  <a:pt x="7462" y="8235"/>
                  <a:pt x="7416" y="8282"/>
                  <a:pt x="7367" y="8330"/>
                </a:cubicBezTo>
                <a:cubicBezTo>
                  <a:pt x="7474" y="8210"/>
                  <a:pt x="7627" y="8036"/>
                  <a:pt x="7743" y="7936"/>
                </a:cubicBezTo>
                <a:lnTo>
                  <a:pt x="7743" y="7936"/>
                </a:lnTo>
                <a:cubicBezTo>
                  <a:pt x="7739" y="7946"/>
                  <a:pt x="7737" y="7952"/>
                  <a:pt x="7741" y="7952"/>
                </a:cubicBezTo>
                <a:cubicBezTo>
                  <a:pt x="7746" y="7952"/>
                  <a:pt x="7760" y="7942"/>
                  <a:pt x="7794" y="7916"/>
                </a:cubicBezTo>
                <a:lnTo>
                  <a:pt x="7794" y="7916"/>
                </a:lnTo>
                <a:cubicBezTo>
                  <a:pt x="7784" y="7923"/>
                  <a:pt x="7779" y="7926"/>
                  <a:pt x="7777" y="7926"/>
                </a:cubicBezTo>
                <a:cubicBezTo>
                  <a:pt x="7767" y="7926"/>
                  <a:pt x="7878" y="7813"/>
                  <a:pt x="7864" y="7813"/>
                </a:cubicBezTo>
                <a:cubicBezTo>
                  <a:pt x="7860" y="7813"/>
                  <a:pt x="7842" y="7825"/>
                  <a:pt x="7803" y="7858"/>
                </a:cubicBezTo>
                <a:cubicBezTo>
                  <a:pt x="7745" y="7923"/>
                  <a:pt x="7692" y="7981"/>
                  <a:pt x="7611" y="8059"/>
                </a:cubicBezTo>
                <a:cubicBezTo>
                  <a:pt x="7603" y="8064"/>
                  <a:pt x="7597" y="8066"/>
                  <a:pt x="7595" y="8066"/>
                </a:cubicBezTo>
                <a:cubicBezTo>
                  <a:pt x="7574" y="8066"/>
                  <a:pt x="7673" y="7960"/>
                  <a:pt x="7726" y="7892"/>
                </a:cubicBezTo>
                <a:cubicBezTo>
                  <a:pt x="7812" y="7802"/>
                  <a:pt x="7981" y="7631"/>
                  <a:pt x="8099" y="7515"/>
                </a:cubicBezTo>
                <a:cubicBezTo>
                  <a:pt x="8183" y="7450"/>
                  <a:pt x="8220" y="7445"/>
                  <a:pt x="8347" y="7320"/>
                </a:cubicBezTo>
                <a:lnTo>
                  <a:pt x="8347" y="7320"/>
                </a:lnTo>
                <a:cubicBezTo>
                  <a:pt x="8314" y="7344"/>
                  <a:pt x="8297" y="7355"/>
                  <a:pt x="8292" y="7355"/>
                </a:cubicBezTo>
                <a:cubicBezTo>
                  <a:pt x="8283" y="7355"/>
                  <a:pt x="8313" y="7322"/>
                  <a:pt x="8354" y="7281"/>
                </a:cubicBezTo>
                <a:cubicBezTo>
                  <a:pt x="8417" y="7216"/>
                  <a:pt x="8509" y="7130"/>
                  <a:pt x="8528" y="7107"/>
                </a:cubicBezTo>
                <a:cubicBezTo>
                  <a:pt x="8669" y="7008"/>
                  <a:pt x="8741" y="6924"/>
                  <a:pt x="8866" y="6857"/>
                </a:cubicBezTo>
                <a:lnTo>
                  <a:pt x="8866" y="6857"/>
                </a:lnTo>
                <a:cubicBezTo>
                  <a:pt x="8810" y="6903"/>
                  <a:pt x="8595" y="7059"/>
                  <a:pt x="8553" y="7114"/>
                </a:cubicBezTo>
                <a:cubicBezTo>
                  <a:pt x="8553" y="7123"/>
                  <a:pt x="8570" y="7123"/>
                  <a:pt x="8563" y="7140"/>
                </a:cubicBezTo>
                <a:cubicBezTo>
                  <a:pt x="8553" y="7158"/>
                  <a:pt x="8521" y="7193"/>
                  <a:pt x="8421" y="7279"/>
                </a:cubicBezTo>
                <a:cubicBezTo>
                  <a:pt x="8546" y="7181"/>
                  <a:pt x="8581" y="7154"/>
                  <a:pt x="8597" y="7133"/>
                </a:cubicBezTo>
                <a:cubicBezTo>
                  <a:pt x="8618" y="7105"/>
                  <a:pt x="8641" y="7082"/>
                  <a:pt x="8669" y="7061"/>
                </a:cubicBezTo>
                <a:lnTo>
                  <a:pt x="8669" y="7061"/>
                </a:lnTo>
                <a:cubicBezTo>
                  <a:pt x="8641" y="7082"/>
                  <a:pt x="8611" y="7105"/>
                  <a:pt x="8586" y="7128"/>
                </a:cubicBezTo>
                <a:cubicBezTo>
                  <a:pt x="8598" y="7116"/>
                  <a:pt x="8596" y="7114"/>
                  <a:pt x="8591" y="7114"/>
                </a:cubicBezTo>
                <a:cubicBezTo>
                  <a:pt x="8589" y="7114"/>
                  <a:pt x="8586" y="7114"/>
                  <a:pt x="8584" y="7114"/>
                </a:cubicBezTo>
                <a:cubicBezTo>
                  <a:pt x="8579" y="7114"/>
                  <a:pt x="8579" y="7111"/>
                  <a:pt x="8616" y="7082"/>
                </a:cubicBezTo>
                <a:cubicBezTo>
                  <a:pt x="8720" y="7005"/>
                  <a:pt x="8827" y="6933"/>
                  <a:pt x="8940" y="6869"/>
                </a:cubicBezTo>
                <a:cubicBezTo>
                  <a:pt x="9021" y="6822"/>
                  <a:pt x="9091" y="6788"/>
                  <a:pt x="9202" y="6732"/>
                </a:cubicBezTo>
                <a:lnTo>
                  <a:pt x="9202" y="6732"/>
                </a:lnTo>
                <a:cubicBezTo>
                  <a:pt x="9196" y="6734"/>
                  <a:pt x="9191" y="6735"/>
                  <a:pt x="9189" y="6735"/>
                </a:cubicBezTo>
                <a:cubicBezTo>
                  <a:pt x="9170" y="6735"/>
                  <a:pt x="9247" y="6680"/>
                  <a:pt x="9292" y="6653"/>
                </a:cubicBezTo>
                <a:cubicBezTo>
                  <a:pt x="9356" y="6623"/>
                  <a:pt x="9383" y="6613"/>
                  <a:pt x="9393" y="6613"/>
                </a:cubicBezTo>
                <a:cubicBezTo>
                  <a:pt x="9411" y="6613"/>
                  <a:pt x="9375" y="6645"/>
                  <a:pt x="9397" y="6645"/>
                </a:cubicBezTo>
                <a:cubicBezTo>
                  <a:pt x="9405" y="6645"/>
                  <a:pt x="9419" y="6641"/>
                  <a:pt x="9443" y="6632"/>
                </a:cubicBezTo>
                <a:cubicBezTo>
                  <a:pt x="9502" y="6586"/>
                  <a:pt x="9630" y="6526"/>
                  <a:pt x="9611" y="6526"/>
                </a:cubicBezTo>
                <a:cubicBezTo>
                  <a:pt x="9609" y="6526"/>
                  <a:pt x="9605" y="6527"/>
                  <a:pt x="9600" y="6528"/>
                </a:cubicBezTo>
                <a:cubicBezTo>
                  <a:pt x="9686" y="6486"/>
                  <a:pt x="9644" y="6514"/>
                  <a:pt x="9707" y="6489"/>
                </a:cubicBezTo>
                <a:cubicBezTo>
                  <a:pt x="9735" y="6468"/>
                  <a:pt x="9765" y="6449"/>
                  <a:pt x="9797" y="6433"/>
                </a:cubicBezTo>
                <a:cubicBezTo>
                  <a:pt x="9844" y="6410"/>
                  <a:pt x="9892" y="6389"/>
                  <a:pt x="9941" y="6371"/>
                </a:cubicBezTo>
                <a:lnTo>
                  <a:pt x="9941" y="6371"/>
                </a:lnTo>
                <a:cubicBezTo>
                  <a:pt x="9934" y="6380"/>
                  <a:pt x="9920" y="6394"/>
                  <a:pt x="9804" y="6440"/>
                </a:cubicBezTo>
                <a:cubicBezTo>
                  <a:pt x="9871" y="6414"/>
                  <a:pt x="9919" y="6403"/>
                  <a:pt x="9942" y="6403"/>
                </a:cubicBezTo>
                <a:cubicBezTo>
                  <a:pt x="9964" y="6403"/>
                  <a:pt x="9964" y="6413"/>
                  <a:pt x="9939" y="6428"/>
                </a:cubicBezTo>
                <a:cubicBezTo>
                  <a:pt x="9904" y="6440"/>
                  <a:pt x="9869" y="6454"/>
                  <a:pt x="9832" y="6468"/>
                </a:cubicBezTo>
                <a:cubicBezTo>
                  <a:pt x="9797" y="6479"/>
                  <a:pt x="9762" y="6493"/>
                  <a:pt x="9728" y="6507"/>
                </a:cubicBezTo>
                <a:cubicBezTo>
                  <a:pt x="9713" y="6518"/>
                  <a:pt x="9709" y="6522"/>
                  <a:pt x="9712" y="6522"/>
                </a:cubicBezTo>
                <a:cubicBezTo>
                  <a:pt x="9718" y="6522"/>
                  <a:pt x="9753" y="6506"/>
                  <a:pt x="9793" y="6491"/>
                </a:cubicBezTo>
                <a:cubicBezTo>
                  <a:pt x="9843" y="6471"/>
                  <a:pt x="9903" y="6448"/>
                  <a:pt x="9917" y="6448"/>
                </a:cubicBezTo>
                <a:cubicBezTo>
                  <a:pt x="9919" y="6448"/>
                  <a:pt x="9920" y="6448"/>
                  <a:pt x="9920" y="6449"/>
                </a:cubicBezTo>
                <a:cubicBezTo>
                  <a:pt x="9832" y="6489"/>
                  <a:pt x="9758" y="6510"/>
                  <a:pt x="9702" y="6542"/>
                </a:cubicBezTo>
                <a:cubicBezTo>
                  <a:pt x="9767" y="6528"/>
                  <a:pt x="9939" y="6438"/>
                  <a:pt x="10045" y="6398"/>
                </a:cubicBezTo>
                <a:cubicBezTo>
                  <a:pt x="10116" y="6375"/>
                  <a:pt x="10148" y="6368"/>
                  <a:pt x="10161" y="6368"/>
                </a:cubicBezTo>
                <a:cubicBezTo>
                  <a:pt x="10180" y="6368"/>
                  <a:pt x="10161" y="6383"/>
                  <a:pt x="10166" y="6387"/>
                </a:cubicBezTo>
                <a:cubicBezTo>
                  <a:pt x="10235" y="6354"/>
                  <a:pt x="10249" y="6347"/>
                  <a:pt x="10235" y="6347"/>
                </a:cubicBezTo>
                <a:cubicBezTo>
                  <a:pt x="10200" y="6352"/>
                  <a:pt x="10166" y="6359"/>
                  <a:pt x="10131" y="6368"/>
                </a:cubicBezTo>
                <a:lnTo>
                  <a:pt x="10068" y="6384"/>
                </a:lnTo>
                <a:cubicBezTo>
                  <a:pt x="10050" y="6389"/>
                  <a:pt x="10034" y="6394"/>
                  <a:pt x="10024" y="6394"/>
                </a:cubicBezTo>
                <a:cubicBezTo>
                  <a:pt x="10023" y="6394"/>
                  <a:pt x="10021" y="6394"/>
                  <a:pt x="10020" y="6394"/>
                </a:cubicBezTo>
                <a:cubicBezTo>
                  <a:pt x="10010" y="6394"/>
                  <a:pt x="10024" y="6384"/>
                  <a:pt x="10082" y="6357"/>
                </a:cubicBezTo>
                <a:cubicBezTo>
                  <a:pt x="10115" y="6340"/>
                  <a:pt x="10149" y="6327"/>
                  <a:pt x="10182" y="6313"/>
                </a:cubicBezTo>
                <a:cubicBezTo>
                  <a:pt x="10223" y="6296"/>
                  <a:pt x="10272" y="6283"/>
                  <a:pt x="10323" y="6266"/>
                </a:cubicBezTo>
                <a:cubicBezTo>
                  <a:pt x="10374" y="6250"/>
                  <a:pt x="10430" y="6239"/>
                  <a:pt x="10481" y="6225"/>
                </a:cubicBezTo>
                <a:cubicBezTo>
                  <a:pt x="10534" y="6211"/>
                  <a:pt x="10587" y="6201"/>
                  <a:pt x="10633" y="6190"/>
                </a:cubicBezTo>
                <a:lnTo>
                  <a:pt x="10633" y="6190"/>
                </a:lnTo>
                <a:cubicBezTo>
                  <a:pt x="10614" y="6191"/>
                  <a:pt x="10600" y="6192"/>
                  <a:pt x="10589" y="6192"/>
                </a:cubicBezTo>
                <a:cubicBezTo>
                  <a:pt x="10508" y="6192"/>
                  <a:pt x="10668" y="6149"/>
                  <a:pt x="10844" y="6118"/>
                </a:cubicBezTo>
                <a:lnTo>
                  <a:pt x="10844" y="6118"/>
                </a:lnTo>
                <a:cubicBezTo>
                  <a:pt x="10740" y="6133"/>
                  <a:pt x="10709" y="6134"/>
                  <a:pt x="10689" y="6134"/>
                </a:cubicBezTo>
                <a:cubicBezTo>
                  <a:pt x="10684" y="6134"/>
                  <a:pt x="10680" y="6134"/>
                  <a:pt x="10675" y="6134"/>
                </a:cubicBezTo>
                <a:cubicBezTo>
                  <a:pt x="10657" y="6134"/>
                  <a:pt x="10638" y="6137"/>
                  <a:pt x="10622" y="6139"/>
                </a:cubicBezTo>
                <a:cubicBezTo>
                  <a:pt x="10592" y="6146"/>
                  <a:pt x="10548" y="6155"/>
                  <a:pt x="10474" y="6176"/>
                </a:cubicBezTo>
                <a:lnTo>
                  <a:pt x="10462" y="6160"/>
                </a:lnTo>
                <a:cubicBezTo>
                  <a:pt x="10494" y="6153"/>
                  <a:pt x="10529" y="6146"/>
                  <a:pt x="10564" y="6139"/>
                </a:cubicBezTo>
                <a:cubicBezTo>
                  <a:pt x="10599" y="6134"/>
                  <a:pt x="10633" y="6127"/>
                  <a:pt x="10671" y="6123"/>
                </a:cubicBezTo>
                <a:cubicBezTo>
                  <a:pt x="10742" y="6113"/>
                  <a:pt x="10814" y="6102"/>
                  <a:pt x="10879" y="6095"/>
                </a:cubicBezTo>
                <a:lnTo>
                  <a:pt x="10879" y="6095"/>
                </a:lnTo>
                <a:cubicBezTo>
                  <a:pt x="10851" y="6104"/>
                  <a:pt x="10884" y="6104"/>
                  <a:pt x="10840" y="6111"/>
                </a:cubicBezTo>
                <a:cubicBezTo>
                  <a:pt x="10904" y="6104"/>
                  <a:pt x="10969" y="6093"/>
                  <a:pt x="11034" y="6088"/>
                </a:cubicBezTo>
                <a:cubicBezTo>
                  <a:pt x="11101" y="6081"/>
                  <a:pt x="11166" y="6076"/>
                  <a:pt x="11231" y="6072"/>
                </a:cubicBezTo>
                <a:lnTo>
                  <a:pt x="11231" y="6072"/>
                </a:lnTo>
                <a:cubicBezTo>
                  <a:pt x="11217" y="6076"/>
                  <a:pt x="11206" y="6079"/>
                  <a:pt x="11192" y="6086"/>
                </a:cubicBezTo>
                <a:cubicBezTo>
                  <a:pt x="11222" y="6084"/>
                  <a:pt x="11253" y="6084"/>
                  <a:pt x="11285" y="6084"/>
                </a:cubicBezTo>
                <a:cubicBezTo>
                  <a:pt x="11317" y="6084"/>
                  <a:pt x="11349" y="6084"/>
                  <a:pt x="11382" y="6083"/>
                </a:cubicBezTo>
                <a:cubicBezTo>
                  <a:pt x="11391" y="6083"/>
                  <a:pt x="11400" y="6083"/>
                  <a:pt x="11409" y="6083"/>
                </a:cubicBezTo>
                <a:cubicBezTo>
                  <a:pt x="11463" y="6083"/>
                  <a:pt x="11518" y="6088"/>
                  <a:pt x="11572" y="6088"/>
                </a:cubicBezTo>
                <a:cubicBezTo>
                  <a:pt x="11694" y="6095"/>
                  <a:pt x="11803" y="6102"/>
                  <a:pt x="11877" y="6104"/>
                </a:cubicBezTo>
                <a:cubicBezTo>
                  <a:pt x="11831" y="6102"/>
                  <a:pt x="11785" y="6097"/>
                  <a:pt x="11738" y="6088"/>
                </a:cubicBezTo>
                <a:cubicBezTo>
                  <a:pt x="11715" y="6083"/>
                  <a:pt x="11720" y="6079"/>
                  <a:pt x="11782" y="6079"/>
                </a:cubicBezTo>
                <a:cubicBezTo>
                  <a:pt x="11817" y="6077"/>
                  <a:pt x="11852" y="6076"/>
                  <a:pt x="11887" y="6076"/>
                </a:cubicBezTo>
                <a:cubicBezTo>
                  <a:pt x="11956" y="6076"/>
                  <a:pt x="12026" y="6079"/>
                  <a:pt x="12095" y="6086"/>
                </a:cubicBezTo>
                <a:cubicBezTo>
                  <a:pt x="12150" y="6108"/>
                  <a:pt x="12525" y="6144"/>
                  <a:pt x="12341" y="6144"/>
                </a:cubicBezTo>
                <a:cubicBezTo>
                  <a:pt x="12331" y="6144"/>
                  <a:pt x="12318" y="6144"/>
                  <a:pt x="12304" y="6144"/>
                </a:cubicBezTo>
                <a:lnTo>
                  <a:pt x="12304" y="6144"/>
                </a:lnTo>
                <a:cubicBezTo>
                  <a:pt x="12622" y="6163"/>
                  <a:pt x="12537" y="6152"/>
                  <a:pt x="12785" y="6164"/>
                </a:cubicBezTo>
                <a:lnTo>
                  <a:pt x="12785" y="6164"/>
                </a:lnTo>
                <a:cubicBezTo>
                  <a:pt x="12733" y="6161"/>
                  <a:pt x="12681" y="6156"/>
                  <a:pt x="12630" y="6153"/>
                </a:cubicBezTo>
                <a:cubicBezTo>
                  <a:pt x="12602" y="6134"/>
                  <a:pt x="12788" y="6127"/>
                  <a:pt x="12579" y="6097"/>
                </a:cubicBezTo>
                <a:lnTo>
                  <a:pt x="12579" y="6097"/>
                </a:lnTo>
                <a:cubicBezTo>
                  <a:pt x="12616" y="6099"/>
                  <a:pt x="12644" y="6100"/>
                  <a:pt x="12666" y="6100"/>
                </a:cubicBezTo>
                <a:cubicBezTo>
                  <a:pt x="12754" y="6100"/>
                  <a:pt x="12745" y="6086"/>
                  <a:pt x="12833" y="6086"/>
                </a:cubicBezTo>
                <a:cubicBezTo>
                  <a:pt x="12869" y="6086"/>
                  <a:pt x="12921" y="6089"/>
                  <a:pt x="13001" y="6095"/>
                </a:cubicBezTo>
                <a:cubicBezTo>
                  <a:pt x="13068" y="6104"/>
                  <a:pt x="13056" y="6111"/>
                  <a:pt x="13008" y="6113"/>
                </a:cubicBezTo>
                <a:cubicBezTo>
                  <a:pt x="12975" y="6114"/>
                  <a:pt x="12943" y="6115"/>
                  <a:pt x="12910" y="6115"/>
                </a:cubicBezTo>
                <a:cubicBezTo>
                  <a:pt x="12864" y="6115"/>
                  <a:pt x="12819" y="6114"/>
                  <a:pt x="12774" y="6111"/>
                </a:cubicBezTo>
                <a:lnTo>
                  <a:pt x="12774" y="6111"/>
                </a:lnTo>
                <a:cubicBezTo>
                  <a:pt x="12864" y="6123"/>
                  <a:pt x="12957" y="6130"/>
                  <a:pt x="13047" y="6132"/>
                </a:cubicBezTo>
                <a:cubicBezTo>
                  <a:pt x="13082" y="6141"/>
                  <a:pt x="13038" y="6144"/>
                  <a:pt x="12987" y="6144"/>
                </a:cubicBezTo>
                <a:cubicBezTo>
                  <a:pt x="12976" y="6143"/>
                  <a:pt x="12965" y="6143"/>
                  <a:pt x="12955" y="6143"/>
                </a:cubicBezTo>
                <a:cubicBezTo>
                  <a:pt x="12929" y="6143"/>
                  <a:pt x="12904" y="6144"/>
                  <a:pt x="12878" y="6146"/>
                </a:cubicBezTo>
                <a:cubicBezTo>
                  <a:pt x="12920" y="6149"/>
                  <a:pt x="12941" y="6150"/>
                  <a:pt x="12952" y="6150"/>
                </a:cubicBezTo>
                <a:cubicBezTo>
                  <a:pt x="12977" y="6150"/>
                  <a:pt x="12942" y="6144"/>
                  <a:pt x="12980" y="6144"/>
                </a:cubicBezTo>
                <a:cubicBezTo>
                  <a:pt x="12991" y="6144"/>
                  <a:pt x="13009" y="6144"/>
                  <a:pt x="13038" y="6146"/>
                </a:cubicBezTo>
                <a:cubicBezTo>
                  <a:pt x="13048" y="6146"/>
                  <a:pt x="13057" y="6145"/>
                  <a:pt x="13067" y="6145"/>
                </a:cubicBezTo>
                <a:cubicBezTo>
                  <a:pt x="13134" y="6145"/>
                  <a:pt x="13200" y="6152"/>
                  <a:pt x="13265" y="6164"/>
                </a:cubicBezTo>
                <a:cubicBezTo>
                  <a:pt x="13290" y="6171"/>
                  <a:pt x="13316" y="6174"/>
                  <a:pt x="13341" y="6178"/>
                </a:cubicBezTo>
                <a:cubicBezTo>
                  <a:pt x="13377" y="6182"/>
                  <a:pt x="13413" y="6184"/>
                  <a:pt x="13447" y="6184"/>
                </a:cubicBezTo>
                <a:cubicBezTo>
                  <a:pt x="13460" y="6184"/>
                  <a:pt x="13473" y="6184"/>
                  <a:pt x="13485" y="6183"/>
                </a:cubicBezTo>
                <a:cubicBezTo>
                  <a:pt x="13457" y="6183"/>
                  <a:pt x="13416" y="6181"/>
                  <a:pt x="13390" y="6178"/>
                </a:cubicBezTo>
                <a:cubicBezTo>
                  <a:pt x="13367" y="6176"/>
                  <a:pt x="13358" y="6171"/>
                  <a:pt x="13392" y="6169"/>
                </a:cubicBezTo>
                <a:cubicBezTo>
                  <a:pt x="13438" y="6170"/>
                  <a:pt x="13475" y="6171"/>
                  <a:pt x="13506" y="6171"/>
                </a:cubicBezTo>
                <a:cubicBezTo>
                  <a:pt x="13537" y="6171"/>
                  <a:pt x="13561" y="6170"/>
                  <a:pt x="13582" y="6169"/>
                </a:cubicBezTo>
                <a:cubicBezTo>
                  <a:pt x="13608" y="6169"/>
                  <a:pt x="13636" y="6167"/>
                  <a:pt x="13663" y="6162"/>
                </a:cubicBezTo>
                <a:cubicBezTo>
                  <a:pt x="13682" y="6160"/>
                  <a:pt x="13698" y="6157"/>
                  <a:pt x="13726" y="6153"/>
                </a:cubicBezTo>
                <a:cubicBezTo>
                  <a:pt x="13751" y="6151"/>
                  <a:pt x="13791" y="6148"/>
                  <a:pt x="13858" y="6144"/>
                </a:cubicBezTo>
                <a:cubicBezTo>
                  <a:pt x="13900" y="6146"/>
                  <a:pt x="13944" y="6155"/>
                  <a:pt x="13985" y="6167"/>
                </a:cubicBezTo>
                <a:cubicBezTo>
                  <a:pt x="14009" y="6171"/>
                  <a:pt x="14029" y="6174"/>
                  <a:pt x="14053" y="6174"/>
                </a:cubicBezTo>
                <a:cubicBezTo>
                  <a:pt x="14097" y="6174"/>
                  <a:pt x="14138" y="6171"/>
                  <a:pt x="14182" y="6164"/>
                </a:cubicBezTo>
                <a:lnTo>
                  <a:pt x="14182" y="6164"/>
                </a:lnTo>
                <a:cubicBezTo>
                  <a:pt x="14138" y="6171"/>
                  <a:pt x="14094" y="6176"/>
                  <a:pt x="14050" y="6181"/>
                </a:cubicBezTo>
                <a:cubicBezTo>
                  <a:pt x="14059" y="6181"/>
                  <a:pt x="14067" y="6181"/>
                  <a:pt x="14076" y="6181"/>
                </a:cubicBezTo>
                <a:cubicBezTo>
                  <a:pt x="14167" y="6181"/>
                  <a:pt x="14258" y="6170"/>
                  <a:pt x="14347" y="6153"/>
                </a:cubicBezTo>
                <a:cubicBezTo>
                  <a:pt x="14758" y="6048"/>
                  <a:pt x="15137" y="5856"/>
                  <a:pt x="15462" y="5588"/>
                </a:cubicBezTo>
                <a:lnTo>
                  <a:pt x="15462" y="5588"/>
                </a:lnTo>
                <a:cubicBezTo>
                  <a:pt x="15457" y="5591"/>
                  <a:pt x="15452" y="5595"/>
                  <a:pt x="15447" y="5599"/>
                </a:cubicBezTo>
                <a:cubicBezTo>
                  <a:pt x="15442" y="5603"/>
                  <a:pt x="15439" y="5604"/>
                  <a:pt x="15438" y="5604"/>
                </a:cubicBezTo>
                <a:cubicBezTo>
                  <a:pt x="15434" y="5604"/>
                  <a:pt x="15457" y="5584"/>
                  <a:pt x="15484" y="5562"/>
                </a:cubicBezTo>
                <a:cubicBezTo>
                  <a:pt x="15510" y="5541"/>
                  <a:pt x="15533" y="5520"/>
                  <a:pt x="15551" y="5495"/>
                </a:cubicBezTo>
                <a:cubicBezTo>
                  <a:pt x="15581" y="5472"/>
                  <a:pt x="15612" y="5451"/>
                  <a:pt x="15642" y="5428"/>
                </a:cubicBezTo>
                <a:cubicBezTo>
                  <a:pt x="15643" y="5425"/>
                  <a:pt x="15642" y="5424"/>
                  <a:pt x="15641" y="5424"/>
                </a:cubicBezTo>
                <a:cubicBezTo>
                  <a:pt x="15633" y="5424"/>
                  <a:pt x="15593" y="5456"/>
                  <a:pt x="15554" y="5486"/>
                </a:cubicBezTo>
                <a:cubicBezTo>
                  <a:pt x="15520" y="5509"/>
                  <a:pt x="15486" y="5533"/>
                  <a:pt x="15478" y="5533"/>
                </a:cubicBezTo>
                <a:cubicBezTo>
                  <a:pt x="15475" y="5533"/>
                  <a:pt x="15476" y="5530"/>
                  <a:pt x="15482" y="5523"/>
                </a:cubicBezTo>
                <a:cubicBezTo>
                  <a:pt x="15503" y="5509"/>
                  <a:pt x="15521" y="5495"/>
                  <a:pt x="15540" y="5479"/>
                </a:cubicBezTo>
                <a:lnTo>
                  <a:pt x="15540" y="5479"/>
                </a:lnTo>
                <a:cubicBezTo>
                  <a:pt x="15512" y="5497"/>
                  <a:pt x="15486" y="5520"/>
                  <a:pt x="15456" y="5539"/>
                </a:cubicBezTo>
                <a:cubicBezTo>
                  <a:pt x="15542" y="5474"/>
                  <a:pt x="15618" y="5402"/>
                  <a:pt x="15688" y="5324"/>
                </a:cubicBezTo>
                <a:cubicBezTo>
                  <a:pt x="15753" y="5252"/>
                  <a:pt x="15806" y="5182"/>
                  <a:pt x="15866" y="5117"/>
                </a:cubicBezTo>
                <a:lnTo>
                  <a:pt x="15866" y="5117"/>
                </a:lnTo>
                <a:cubicBezTo>
                  <a:pt x="15804" y="5210"/>
                  <a:pt x="15764" y="5259"/>
                  <a:pt x="15746" y="5286"/>
                </a:cubicBezTo>
                <a:cubicBezTo>
                  <a:pt x="15734" y="5300"/>
                  <a:pt x="15725" y="5317"/>
                  <a:pt x="15723" y="5335"/>
                </a:cubicBezTo>
                <a:cubicBezTo>
                  <a:pt x="15723" y="5354"/>
                  <a:pt x="15713" y="5372"/>
                  <a:pt x="15702" y="5384"/>
                </a:cubicBezTo>
                <a:cubicBezTo>
                  <a:pt x="15693" y="5398"/>
                  <a:pt x="15676" y="5416"/>
                  <a:pt x="15653" y="5442"/>
                </a:cubicBezTo>
                <a:cubicBezTo>
                  <a:pt x="15644" y="5453"/>
                  <a:pt x="15634" y="5464"/>
                  <a:pt x="15622" y="5476"/>
                </a:cubicBezTo>
                <a:lnTo>
                  <a:pt x="15622" y="5476"/>
                </a:lnTo>
                <a:cubicBezTo>
                  <a:pt x="15638" y="5462"/>
                  <a:pt x="15646" y="5456"/>
                  <a:pt x="15649" y="5456"/>
                </a:cubicBezTo>
                <a:cubicBezTo>
                  <a:pt x="15657" y="5456"/>
                  <a:pt x="15613" y="5509"/>
                  <a:pt x="15621" y="5509"/>
                </a:cubicBezTo>
                <a:cubicBezTo>
                  <a:pt x="15622" y="5509"/>
                  <a:pt x="15622" y="5509"/>
                  <a:pt x="15623" y="5509"/>
                </a:cubicBezTo>
                <a:cubicBezTo>
                  <a:pt x="15651" y="5488"/>
                  <a:pt x="15672" y="5465"/>
                  <a:pt x="15693" y="5439"/>
                </a:cubicBezTo>
                <a:cubicBezTo>
                  <a:pt x="15700" y="5430"/>
                  <a:pt x="15706" y="5421"/>
                  <a:pt x="15713" y="5414"/>
                </a:cubicBezTo>
                <a:lnTo>
                  <a:pt x="15767" y="5358"/>
                </a:lnTo>
                <a:lnTo>
                  <a:pt x="15767" y="5358"/>
                </a:lnTo>
                <a:cubicBezTo>
                  <a:pt x="15760" y="5375"/>
                  <a:pt x="15751" y="5388"/>
                  <a:pt x="15739" y="5400"/>
                </a:cubicBezTo>
                <a:lnTo>
                  <a:pt x="15679" y="5472"/>
                </a:lnTo>
                <a:cubicBezTo>
                  <a:pt x="15651" y="5501"/>
                  <a:pt x="15629" y="5525"/>
                  <a:pt x="15634" y="5525"/>
                </a:cubicBezTo>
                <a:cubicBezTo>
                  <a:pt x="15636" y="5525"/>
                  <a:pt x="15645" y="5519"/>
                  <a:pt x="15662" y="5504"/>
                </a:cubicBezTo>
                <a:cubicBezTo>
                  <a:pt x="15662" y="5483"/>
                  <a:pt x="15757" y="5395"/>
                  <a:pt x="15790" y="5340"/>
                </a:cubicBezTo>
                <a:cubicBezTo>
                  <a:pt x="15814" y="5314"/>
                  <a:pt x="15823" y="5306"/>
                  <a:pt x="15826" y="5306"/>
                </a:cubicBezTo>
                <a:cubicBezTo>
                  <a:pt x="15830" y="5306"/>
                  <a:pt x="15818" y="5324"/>
                  <a:pt x="15822" y="5324"/>
                </a:cubicBezTo>
                <a:cubicBezTo>
                  <a:pt x="15823" y="5324"/>
                  <a:pt x="15826" y="5322"/>
                  <a:pt x="15832" y="5317"/>
                </a:cubicBezTo>
                <a:cubicBezTo>
                  <a:pt x="15850" y="5293"/>
                  <a:pt x="15864" y="5275"/>
                  <a:pt x="15878" y="5256"/>
                </a:cubicBezTo>
                <a:cubicBezTo>
                  <a:pt x="15889" y="5236"/>
                  <a:pt x="15903" y="5217"/>
                  <a:pt x="15920" y="5198"/>
                </a:cubicBezTo>
                <a:lnTo>
                  <a:pt x="15920" y="5198"/>
                </a:lnTo>
                <a:lnTo>
                  <a:pt x="15903" y="5238"/>
                </a:lnTo>
                <a:cubicBezTo>
                  <a:pt x="15936" y="5201"/>
                  <a:pt x="15964" y="5161"/>
                  <a:pt x="15991" y="5120"/>
                </a:cubicBezTo>
                <a:cubicBezTo>
                  <a:pt x="16001" y="5103"/>
                  <a:pt x="16008" y="5087"/>
                  <a:pt x="16015" y="5069"/>
                </a:cubicBezTo>
                <a:cubicBezTo>
                  <a:pt x="16022" y="5039"/>
                  <a:pt x="16038" y="5011"/>
                  <a:pt x="16107" y="4856"/>
                </a:cubicBezTo>
                <a:cubicBezTo>
                  <a:pt x="16107" y="4855"/>
                  <a:pt x="16106" y="4854"/>
                  <a:pt x="16105" y="4854"/>
                </a:cubicBezTo>
                <a:cubicBezTo>
                  <a:pt x="16092" y="4854"/>
                  <a:pt x="16061" y="4949"/>
                  <a:pt x="15996" y="5064"/>
                </a:cubicBezTo>
                <a:cubicBezTo>
                  <a:pt x="15993" y="5066"/>
                  <a:pt x="15991" y="5067"/>
                  <a:pt x="15989" y="5067"/>
                </a:cubicBezTo>
                <a:cubicBezTo>
                  <a:pt x="15973" y="5067"/>
                  <a:pt x="16016" y="4980"/>
                  <a:pt x="16049" y="4883"/>
                </a:cubicBezTo>
                <a:cubicBezTo>
                  <a:pt x="16066" y="4835"/>
                  <a:pt x="16079" y="4784"/>
                  <a:pt x="16089" y="4733"/>
                </a:cubicBezTo>
                <a:cubicBezTo>
                  <a:pt x="16093" y="4694"/>
                  <a:pt x="16093" y="4670"/>
                  <a:pt x="16086" y="4670"/>
                </a:cubicBezTo>
                <a:cubicBezTo>
                  <a:pt x="16085" y="4670"/>
                  <a:pt x="16085" y="4670"/>
                  <a:pt x="16084" y="4670"/>
                </a:cubicBezTo>
                <a:cubicBezTo>
                  <a:pt x="16093" y="4633"/>
                  <a:pt x="16096" y="4605"/>
                  <a:pt x="16100" y="4587"/>
                </a:cubicBezTo>
                <a:cubicBezTo>
                  <a:pt x="16105" y="4568"/>
                  <a:pt x="16107" y="4559"/>
                  <a:pt x="16107" y="4552"/>
                </a:cubicBezTo>
                <a:cubicBezTo>
                  <a:pt x="16109" y="4550"/>
                  <a:pt x="16109" y="4548"/>
                  <a:pt x="16110" y="4548"/>
                </a:cubicBezTo>
                <a:cubicBezTo>
                  <a:pt x="16112" y="4548"/>
                  <a:pt x="16112" y="4557"/>
                  <a:pt x="16112" y="4568"/>
                </a:cubicBezTo>
                <a:cubicBezTo>
                  <a:pt x="16112" y="4580"/>
                  <a:pt x="16112" y="4592"/>
                  <a:pt x="16115" y="4592"/>
                </a:cubicBezTo>
                <a:cubicBezTo>
                  <a:pt x="16115" y="4592"/>
                  <a:pt x="16116" y="4592"/>
                  <a:pt x="16117" y="4592"/>
                </a:cubicBezTo>
                <a:cubicBezTo>
                  <a:pt x="16128" y="4561"/>
                  <a:pt x="16135" y="4529"/>
                  <a:pt x="16137" y="4497"/>
                </a:cubicBezTo>
                <a:cubicBezTo>
                  <a:pt x="16145" y="4472"/>
                  <a:pt x="16149" y="4461"/>
                  <a:pt x="16152" y="4461"/>
                </a:cubicBezTo>
                <a:cubicBezTo>
                  <a:pt x="16158" y="4461"/>
                  <a:pt x="16157" y="4500"/>
                  <a:pt x="16154" y="4550"/>
                </a:cubicBezTo>
                <a:cubicBezTo>
                  <a:pt x="16151" y="4571"/>
                  <a:pt x="16149" y="4592"/>
                  <a:pt x="16147" y="4612"/>
                </a:cubicBezTo>
                <a:cubicBezTo>
                  <a:pt x="16144" y="4633"/>
                  <a:pt x="16142" y="4654"/>
                  <a:pt x="16137" y="4673"/>
                </a:cubicBezTo>
                <a:cubicBezTo>
                  <a:pt x="16128" y="4712"/>
                  <a:pt x="16123" y="4747"/>
                  <a:pt x="16121" y="4763"/>
                </a:cubicBezTo>
                <a:cubicBezTo>
                  <a:pt x="16154" y="4675"/>
                  <a:pt x="16179" y="4585"/>
                  <a:pt x="16193" y="4490"/>
                </a:cubicBezTo>
                <a:cubicBezTo>
                  <a:pt x="16198" y="4517"/>
                  <a:pt x="16198" y="4548"/>
                  <a:pt x="16198" y="4575"/>
                </a:cubicBezTo>
                <a:cubicBezTo>
                  <a:pt x="16195" y="4605"/>
                  <a:pt x="16191" y="4640"/>
                  <a:pt x="16186" y="4670"/>
                </a:cubicBezTo>
                <a:cubicBezTo>
                  <a:pt x="16181" y="4703"/>
                  <a:pt x="16174" y="4733"/>
                  <a:pt x="16170" y="4758"/>
                </a:cubicBezTo>
                <a:cubicBezTo>
                  <a:pt x="16165" y="4777"/>
                  <a:pt x="16163" y="4798"/>
                  <a:pt x="16165" y="4819"/>
                </a:cubicBezTo>
                <a:cubicBezTo>
                  <a:pt x="16174" y="4793"/>
                  <a:pt x="16181" y="4772"/>
                  <a:pt x="16188" y="4751"/>
                </a:cubicBezTo>
                <a:cubicBezTo>
                  <a:pt x="16193" y="4731"/>
                  <a:pt x="16198" y="4714"/>
                  <a:pt x="16200" y="4698"/>
                </a:cubicBezTo>
                <a:cubicBezTo>
                  <a:pt x="16207" y="4673"/>
                  <a:pt x="16211" y="4647"/>
                  <a:pt x="16216" y="4619"/>
                </a:cubicBezTo>
                <a:cubicBezTo>
                  <a:pt x="16218" y="4594"/>
                  <a:pt x="16221" y="4566"/>
                  <a:pt x="16223" y="4541"/>
                </a:cubicBezTo>
                <a:cubicBezTo>
                  <a:pt x="16223" y="4508"/>
                  <a:pt x="16228" y="4469"/>
                  <a:pt x="16228" y="4413"/>
                </a:cubicBezTo>
                <a:lnTo>
                  <a:pt x="16228" y="4413"/>
                </a:lnTo>
                <a:cubicBezTo>
                  <a:pt x="16225" y="4434"/>
                  <a:pt x="16223" y="4453"/>
                  <a:pt x="16221" y="4469"/>
                </a:cubicBezTo>
                <a:cubicBezTo>
                  <a:pt x="16218" y="4485"/>
                  <a:pt x="16216" y="4499"/>
                  <a:pt x="16214" y="4508"/>
                </a:cubicBezTo>
                <a:cubicBezTo>
                  <a:pt x="16211" y="4517"/>
                  <a:pt x="16207" y="4529"/>
                  <a:pt x="16205" y="4538"/>
                </a:cubicBezTo>
                <a:cubicBezTo>
                  <a:pt x="16204" y="4539"/>
                  <a:pt x="16204" y="4539"/>
                  <a:pt x="16203" y="4539"/>
                </a:cubicBezTo>
                <a:cubicBezTo>
                  <a:pt x="16200" y="4539"/>
                  <a:pt x="16200" y="4517"/>
                  <a:pt x="16202" y="4492"/>
                </a:cubicBezTo>
                <a:cubicBezTo>
                  <a:pt x="16202" y="4466"/>
                  <a:pt x="16202" y="4441"/>
                  <a:pt x="16198" y="4415"/>
                </a:cubicBezTo>
                <a:cubicBezTo>
                  <a:pt x="16197" y="4412"/>
                  <a:pt x="16196" y="4410"/>
                  <a:pt x="16194" y="4410"/>
                </a:cubicBezTo>
                <a:cubicBezTo>
                  <a:pt x="16191" y="4410"/>
                  <a:pt x="16186" y="4422"/>
                  <a:pt x="16179" y="4457"/>
                </a:cubicBezTo>
                <a:cubicBezTo>
                  <a:pt x="16184" y="4418"/>
                  <a:pt x="16186" y="4392"/>
                  <a:pt x="16188" y="4371"/>
                </a:cubicBezTo>
                <a:cubicBezTo>
                  <a:pt x="16191" y="4351"/>
                  <a:pt x="16191" y="4334"/>
                  <a:pt x="16193" y="4316"/>
                </a:cubicBezTo>
                <a:cubicBezTo>
                  <a:pt x="16195" y="4249"/>
                  <a:pt x="16188" y="4182"/>
                  <a:pt x="16177" y="4117"/>
                </a:cubicBezTo>
                <a:lnTo>
                  <a:pt x="16177" y="4117"/>
                </a:lnTo>
                <a:cubicBezTo>
                  <a:pt x="16193" y="4191"/>
                  <a:pt x="16195" y="4191"/>
                  <a:pt x="16202" y="4198"/>
                </a:cubicBezTo>
                <a:cubicBezTo>
                  <a:pt x="16207" y="4205"/>
                  <a:pt x="16211" y="4214"/>
                  <a:pt x="16211" y="4223"/>
                </a:cubicBezTo>
                <a:cubicBezTo>
                  <a:pt x="16214" y="4242"/>
                  <a:pt x="16217" y="4261"/>
                  <a:pt x="16218" y="4281"/>
                </a:cubicBezTo>
                <a:lnTo>
                  <a:pt x="16218" y="4281"/>
                </a:lnTo>
                <a:cubicBezTo>
                  <a:pt x="16218" y="4275"/>
                  <a:pt x="16218" y="4268"/>
                  <a:pt x="16218" y="4263"/>
                </a:cubicBezTo>
                <a:cubicBezTo>
                  <a:pt x="16216" y="4244"/>
                  <a:pt x="16214" y="4230"/>
                  <a:pt x="16211" y="4214"/>
                </a:cubicBezTo>
                <a:cubicBezTo>
                  <a:pt x="16209" y="4186"/>
                  <a:pt x="16207" y="4163"/>
                  <a:pt x="16202" y="4142"/>
                </a:cubicBezTo>
                <a:cubicBezTo>
                  <a:pt x="16195" y="4100"/>
                  <a:pt x="16191" y="4073"/>
                  <a:pt x="16184" y="4045"/>
                </a:cubicBezTo>
                <a:cubicBezTo>
                  <a:pt x="16172" y="3989"/>
                  <a:pt x="16158" y="3934"/>
                  <a:pt x="16119" y="3783"/>
                </a:cubicBezTo>
                <a:cubicBezTo>
                  <a:pt x="16114" y="3773"/>
                  <a:pt x="16111" y="3769"/>
                  <a:pt x="16109" y="3769"/>
                </a:cubicBezTo>
                <a:cubicBezTo>
                  <a:pt x="16099" y="3769"/>
                  <a:pt x="16122" y="3887"/>
                  <a:pt x="16116" y="3887"/>
                </a:cubicBezTo>
                <a:cubicBezTo>
                  <a:pt x="16112" y="3887"/>
                  <a:pt x="16099" y="3850"/>
                  <a:pt x="16066" y="3734"/>
                </a:cubicBezTo>
                <a:cubicBezTo>
                  <a:pt x="16055" y="3695"/>
                  <a:pt x="16053" y="3679"/>
                  <a:pt x="16055" y="3679"/>
                </a:cubicBezTo>
                <a:cubicBezTo>
                  <a:pt x="16057" y="3679"/>
                  <a:pt x="16062" y="3693"/>
                  <a:pt x="16068" y="3716"/>
                </a:cubicBezTo>
                <a:cubicBezTo>
                  <a:pt x="16050" y="3634"/>
                  <a:pt x="16042" y="3610"/>
                  <a:pt x="16038" y="3610"/>
                </a:cubicBezTo>
                <a:cubicBezTo>
                  <a:pt x="16032" y="3610"/>
                  <a:pt x="16035" y="3663"/>
                  <a:pt x="16027" y="3663"/>
                </a:cubicBezTo>
                <a:cubicBezTo>
                  <a:pt x="16023" y="3663"/>
                  <a:pt x="16016" y="3651"/>
                  <a:pt x="16005" y="3616"/>
                </a:cubicBezTo>
                <a:cubicBezTo>
                  <a:pt x="15985" y="3533"/>
                  <a:pt x="15979" y="3487"/>
                  <a:pt x="15983" y="3487"/>
                </a:cubicBezTo>
                <a:lnTo>
                  <a:pt x="15983" y="3487"/>
                </a:lnTo>
                <a:cubicBezTo>
                  <a:pt x="15983" y="3487"/>
                  <a:pt x="15984" y="3489"/>
                  <a:pt x="15986" y="3494"/>
                </a:cubicBezTo>
                <a:lnTo>
                  <a:pt x="15986" y="3494"/>
                </a:lnTo>
                <a:cubicBezTo>
                  <a:pt x="15965" y="3420"/>
                  <a:pt x="15959" y="3400"/>
                  <a:pt x="15950" y="3389"/>
                </a:cubicBezTo>
                <a:cubicBezTo>
                  <a:pt x="15943" y="3378"/>
                  <a:pt x="15938" y="3375"/>
                  <a:pt x="15927" y="3315"/>
                </a:cubicBezTo>
                <a:lnTo>
                  <a:pt x="15927" y="3315"/>
                </a:lnTo>
                <a:lnTo>
                  <a:pt x="15931" y="3371"/>
                </a:lnTo>
                <a:cubicBezTo>
                  <a:pt x="15929" y="3362"/>
                  <a:pt x="15926" y="3359"/>
                  <a:pt x="15924" y="3359"/>
                </a:cubicBezTo>
                <a:cubicBezTo>
                  <a:pt x="15921" y="3359"/>
                  <a:pt x="15917" y="3366"/>
                  <a:pt x="15912" y="3366"/>
                </a:cubicBezTo>
                <a:cubicBezTo>
                  <a:pt x="15911" y="3366"/>
                  <a:pt x="15911" y="3366"/>
                  <a:pt x="15910" y="3366"/>
                </a:cubicBezTo>
                <a:cubicBezTo>
                  <a:pt x="15903" y="3364"/>
                  <a:pt x="15901" y="3357"/>
                  <a:pt x="15896" y="3334"/>
                </a:cubicBezTo>
                <a:cubicBezTo>
                  <a:pt x="15892" y="3322"/>
                  <a:pt x="15889" y="3304"/>
                  <a:pt x="15885" y="3285"/>
                </a:cubicBezTo>
                <a:cubicBezTo>
                  <a:pt x="15883" y="3264"/>
                  <a:pt x="15880" y="3236"/>
                  <a:pt x="15878" y="3202"/>
                </a:cubicBezTo>
                <a:cubicBezTo>
                  <a:pt x="15876" y="3153"/>
                  <a:pt x="15878" y="3121"/>
                  <a:pt x="15878" y="3097"/>
                </a:cubicBezTo>
                <a:cubicBezTo>
                  <a:pt x="15878" y="3086"/>
                  <a:pt x="15880" y="3072"/>
                  <a:pt x="15885" y="3060"/>
                </a:cubicBezTo>
                <a:cubicBezTo>
                  <a:pt x="15886" y="3058"/>
                  <a:pt x="15887" y="3057"/>
                  <a:pt x="15888" y="3057"/>
                </a:cubicBezTo>
                <a:cubicBezTo>
                  <a:pt x="15891" y="3057"/>
                  <a:pt x="15893" y="3063"/>
                  <a:pt x="15895" y="3063"/>
                </a:cubicBezTo>
                <a:cubicBezTo>
                  <a:pt x="15896" y="3063"/>
                  <a:pt x="15896" y="3063"/>
                  <a:pt x="15896" y="3063"/>
                </a:cubicBezTo>
                <a:cubicBezTo>
                  <a:pt x="15896" y="3044"/>
                  <a:pt x="15896" y="3026"/>
                  <a:pt x="15896" y="3007"/>
                </a:cubicBezTo>
                <a:cubicBezTo>
                  <a:pt x="15901" y="2991"/>
                  <a:pt x="15903" y="2972"/>
                  <a:pt x="15906" y="2956"/>
                </a:cubicBezTo>
                <a:cubicBezTo>
                  <a:pt x="15908" y="2938"/>
                  <a:pt x="15910" y="2921"/>
                  <a:pt x="15915" y="2905"/>
                </a:cubicBezTo>
                <a:cubicBezTo>
                  <a:pt x="15920" y="2889"/>
                  <a:pt x="15924" y="2875"/>
                  <a:pt x="15927" y="2859"/>
                </a:cubicBezTo>
                <a:cubicBezTo>
                  <a:pt x="15931" y="2845"/>
                  <a:pt x="15936" y="2831"/>
                  <a:pt x="15940" y="2817"/>
                </a:cubicBezTo>
                <a:lnTo>
                  <a:pt x="15959" y="2775"/>
                </a:lnTo>
                <a:cubicBezTo>
                  <a:pt x="15971" y="2750"/>
                  <a:pt x="15982" y="2727"/>
                  <a:pt x="15996" y="2704"/>
                </a:cubicBezTo>
                <a:lnTo>
                  <a:pt x="15996" y="2704"/>
                </a:lnTo>
                <a:cubicBezTo>
                  <a:pt x="15994" y="2705"/>
                  <a:pt x="15993" y="2706"/>
                  <a:pt x="15992" y="2706"/>
                </a:cubicBezTo>
                <a:cubicBezTo>
                  <a:pt x="15990" y="2706"/>
                  <a:pt x="15990" y="2703"/>
                  <a:pt x="15991" y="2699"/>
                </a:cubicBezTo>
                <a:cubicBezTo>
                  <a:pt x="15996" y="2685"/>
                  <a:pt x="16003" y="2671"/>
                  <a:pt x="16012" y="2657"/>
                </a:cubicBezTo>
                <a:cubicBezTo>
                  <a:pt x="16075" y="2541"/>
                  <a:pt x="16107" y="2521"/>
                  <a:pt x="16121" y="2509"/>
                </a:cubicBezTo>
                <a:cubicBezTo>
                  <a:pt x="16140" y="2502"/>
                  <a:pt x="16158" y="2488"/>
                  <a:pt x="16170" y="2474"/>
                </a:cubicBezTo>
                <a:cubicBezTo>
                  <a:pt x="16232" y="2409"/>
                  <a:pt x="16265" y="2382"/>
                  <a:pt x="16276" y="2368"/>
                </a:cubicBezTo>
                <a:cubicBezTo>
                  <a:pt x="16288" y="2352"/>
                  <a:pt x="16281" y="2352"/>
                  <a:pt x="16276" y="2349"/>
                </a:cubicBezTo>
                <a:cubicBezTo>
                  <a:pt x="16272" y="2347"/>
                  <a:pt x="16265" y="2345"/>
                  <a:pt x="16281" y="2324"/>
                </a:cubicBezTo>
                <a:cubicBezTo>
                  <a:pt x="16317" y="2286"/>
                  <a:pt x="16356" y="2250"/>
                  <a:pt x="16399" y="2220"/>
                </a:cubicBezTo>
                <a:lnTo>
                  <a:pt x="16399" y="2220"/>
                </a:lnTo>
                <a:cubicBezTo>
                  <a:pt x="16275" y="2306"/>
                  <a:pt x="16162" y="2412"/>
                  <a:pt x="16066" y="2530"/>
                </a:cubicBezTo>
                <a:cubicBezTo>
                  <a:pt x="16068" y="2520"/>
                  <a:pt x="16068" y="2511"/>
                  <a:pt x="16061" y="2511"/>
                </a:cubicBezTo>
                <a:cubicBezTo>
                  <a:pt x="16060" y="2511"/>
                  <a:pt x="16060" y="2511"/>
                  <a:pt x="16059" y="2511"/>
                </a:cubicBezTo>
                <a:cubicBezTo>
                  <a:pt x="16049" y="2516"/>
                  <a:pt x="16033" y="2532"/>
                  <a:pt x="16001" y="2579"/>
                </a:cubicBezTo>
                <a:cubicBezTo>
                  <a:pt x="16001" y="2590"/>
                  <a:pt x="15998" y="2604"/>
                  <a:pt x="15991" y="2616"/>
                </a:cubicBezTo>
                <a:cubicBezTo>
                  <a:pt x="15984" y="2634"/>
                  <a:pt x="15971" y="2660"/>
                  <a:pt x="15959" y="2690"/>
                </a:cubicBezTo>
                <a:cubicBezTo>
                  <a:pt x="15954" y="2706"/>
                  <a:pt x="15947" y="2722"/>
                  <a:pt x="15940" y="2741"/>
                </a:cubicBezTo>
                <a:cubicBezTo>
                  <a:pt x="15934" y="2757"/>
                  <a:pt x="15927" y="2778"/>
                  <a:pt x="15922" y="2796"/>
                </a:cubicBezTo>
                <a:cubicBezTo>
                  <a:pt x="15915" y="2815"/>
                  <a:pt x="15910" y="2836"/>
                  <a:pt x="15903" y="2854"/>
                </a:cubicBezTo>
                <a:cubicBezTo>
                  <a:pt x="15899" y="2873"/>
                  <a:pt x="15894" y="2894"/>
                  <a:pt x="15889" y="2914"/>
                </a:cubicBezTo>
                <a:cubicBezTo>
                  <a:pt x="15888" y="2916"/>
                  <a:pt x="15887" y="2917"/>
                  <a:pt x="15886" y="2917"/>
                </a:cubicBezTo>
                <a:cubicBezTo>
                  <a:pt x="15885" y="2917"/>
                  <a:pt x="15885" y="2914"/>
                  <a:pt x="15885" y="2907"/>
                </a:cubicBezTo>
                <a:cubicBezTo>
                  <a:pt x="15885" y="2894"/>
                  <a:pt x="15887" y="2880"/>
                  <a:pt x="15889" y="2868"/>
                </a:cubicBezTo>
                <a:cubicBezTo>
                  <a:pt x="15892" y="2850"/>
                  <a:pt x="15896" y="2829"/>
                  <a:pt x="15901" y="2808"/>
                </a:cubicBezTo>
                <a:cubicBezTo>
                  <a:pt x="15906" y="2787"/>
                  <a:pt x="15915" y="2764"/>
                  <a:pt x="15922" y="2745"/>
                </a:cubicBezTo>
                <a:cubicBezTo>
                  <a:pt x="15936" y="2704"/>
                  <a:pt x="15950" y="2674"/>
                  <a:pt x="15950" y="2667"/>
                </a:cubicBezTo>
                <a:cubicBezTo>
                  <a:pt x="15950" y="2665"/>
                  <a:pt x="15949" y="2664"/>
                  <a:pt x="15949" y="2664"/>
                </a:cubicBezTo>
                <a:cubicBezTo>
                  <a:pt x="15945" y="2664"/>
                  <a:pt x="15931" y="2686"/>
                  <a:pt x="15903" y="2741"/>
                </a:cubicBezTo>
                <a:cubicBezTo>
                  <a:pt x="15927" y="2685"/>
                  <a:pt x="15954" y="2634"/>
                  <a:pt x="15984" y="2583"/>
                </a:cubicBezTo>
                <a:cubicBezTo>
                  <a:pt x="16003" y="2555"/>
                  <a:pt x="16022" y="2528"/>
                  <a:pt x="16040" y="2502"/>
                </a:cubicBezTo>
                <a:cubicBezTo>
                  <a:pt x="16059" y="2477"/>
                  <a:pt x="16079" y="2451"/>
                  <a:pt x="16100" y="2428"/>
                </a:cubicBezTo>
                <a:lnTo>
                  <a:pt x="16100" y="2428"/>
                </a:lnTo>
                <a:cubicBezTo>
                  <a:pt x="16093" y="2440"/>
                  <a:pt x="16090" y="2445"/>
                  <a:pt x="16092" y="2445"/>
                </a:cubicBezTo>
                <a:cubicBezTo>
                  <a:pt x="16094" y="2445"/>
                  <a:pt x="16101" y="2439"/>
                  <a:pt x="16112" y="2428"/>
                </a:cubicBezTo>
                <a:cubicBezTo>
                  <a:pt x="16121" y="2419"/>
                  <a:pt x="16133" y="2405"/>
                  <a:pt x="16149" y="2391"/>
                </a:cubicBezTo>
                <a:lnTo>
                  <a:pt x="16195" y="2347"/>
                </a:lnTo>
                <a:cubicBezTo>
                  <a:pt x="16235" y="2310"/>
                  <a:pt x="16272" y="2278"/>
                  <a:pt x="16277" y="2278"/>
                </a:cubicBezTo>
                <a:cubicBezTo>
                  <a:pt x="16279" y="2278"/>
                  <a:pt x="16270" y="2289"/>
                  <a:pt x="16244" y="2317"/>
                </a:cubicBezTo>
                <a:cubicBezTo>
                  <a:pt x="16323" y="2247"/>
                  <a:pt x="16406" y="2182"/>
                  <a:pt x="16494" y="2127"/>
                </a:cubicBezTo>
                <a:cubicBezTo>
                  <a:pt x="16566" y="2081"/>
                  <a:pt x="16626" y="2046"/>
                  <a:pt x="16686" y="2011"/>
                </a:cubicBezTo>
                <a:cubicBezTo>
                  <a:pt x="16804" y="1944"/>
                  <a:pt x="16916" y="1879"/>
                  <a:pt x="17106" y="1761"/>
                </a:cubicBezTo>
                <a:lnTo>
                  <a:pt x="17106" y="1761"/>
                </a:lnTo>
                <a:cubicBezTo>
                  <a:pt x="17052" y="1805"/>
                  <a:pt x="16997" y="1847"/>
                  <a:pt x="16939" y="1886"/>
                </a:cubicBezTo>
                <a:cubicBezTo>
                  <a:pt x="16851" y="1944"/>
                  <a:pt x="16740" y="2013"/>
                  <a:pt x="16638" y="2069"/>
                </a:cubicBezTo>
                <a:lnTo>
                  <a:pt x="16615" y="2069"/>
                </a:lnTo>
                <a:cubicBezTo>
                  <a:pt x="16557" y="2109"/>
                  <a:pt x="16538" y="2124"/>
                  <a:pt x="16541" y="2124"/>
                </a:cubicBezTo>
                <a:cubicBezTo>
                  <a:pt x="16545" y="2124"/>
                  <a:pt x="16579" y="2105"/>
                  <a:pt x="16619" y="2083"/>
                </a:cubicBezTo>
                <a:cubicBezTo>
                  <a:pt x="16684" y="2046"/>
                  <a:pt x="16768" y="2002"/>
                  <a:pt x="16782" y="2002"/>
                </a:cubicBezTo>
                <a:cubicBezTo>
                  <a:pt x="16784" y="2002"/>
                  <a:pt x="16784" y="2003"/>
                  <a:pt x="16781" y="2006"/>
                </a:cubicBezTo>
                <a:cubicBezTo>
                  <a:pt x="17078" y="1803"/>
                  <a:pt x="17476" y="1620"/>
                  <a:pt x="17854" y="1390"/>
                </a:cubicBezTo>
                <a:lnTo>
                  <a:pt x="17854" y="1390"/>
                </a:lnTo>
                <a:cubicBezTo>
                  <a:pt x="17837" y="1397"/>
                  <a:pt x="17828" y="1400"/>
                  <a:pt x="17824" y="1400"/>
                </a:cubicBezTo>
                <a:cubicBezTo>
                  <a:pt x="17812" y="1400"/>
                  <a:pt x="17857" y="1370"/>
                  <a:pt x="17865" y="1355"/>
                </a:cubicBezTo>
                <a:lnTo>
                  <a:pt x="17865" y="1355"/>
                </a:lnTo>
                <a:cubicBezTo>
                  <a:pt x="17713" y="1446"/>
                  <a:pt x="17743" y="1434"/>
                  <a:pt x="17625" y="1488"/>
                </a:cubicBezTo>
                <a:cubicBezTo>
                  <a:pt x="17638" y="1464"/>
                  <a:pt x="17733" y="1416"/>
                  <a:pt x="17775" y="1381"/>
                </a:cubicBezTo>
                <a:cubicBezTo>
                  <a:pt x="17780" y="1375"/>
                  <a:pt x="17781" y="1373"/>
                  <a:pt x="17779" y="1373"/>
                </a:cubicBezTo>
                <a:cubicBezTo>
                  <a:pt x="17766" y="1373"/>
                  <a:pt x="17651" y="1450"/>
                  <a:pt x="17601" y="1471"/>
                </a:cubicBezTo>
                <a:cubicBezTo>
                  <a:pt x="17675" y="1427"/>
                  <a:pt x="17743" y="1379"/>
                  <a:pt x="17810" y="1325"/>
                </a:cubicBezTo>
                <a:cubicBezTo>
                  <a:pt x="17858" y="1307"/>
                  <a:pt x="17907" y="1291"/>
                  <a:pt x="17956" y="1277"/>
                </a:cubicBezTo>
                <a:cubicBezTo>
                  <a:pt x="18301" y="1082"/>
                  <a:pt x="18268" y="1075"/>
                  <a:pt x="18518" y="932"/>
                </a:cubicBezTo>
                <a:lnTo>
                  <a:pt x="18518" y="932"/>
                </a:lnTo>
                <a:cubicBezTo>
                  <a:pt x="18500" y="943"/>
                  <a:pt x="18496" y="946"/>
                  <a:pt x="18498" y="946"/>
                </a:cubicBezTo>
                <a:cubicBezTo>
                  <a:pt x="18502" y="946"/>
                  <a:pt x="18526" y="936"/>
                  <a:pt x="18530" y="936"/>
                </a:cubicBezTo>
                <a:cubicBezTo>
                  <a:pt x="18533" y="936"/>
                  <a:pt x="18520" y="944"/>
                  <a:pt x="18463" y="976"/>
                </a:cubicBezTo>
                <a:lnTo>
                  <a:pt x="18560" y="922"/>
                </a:lnTo>
                <a:lnTo>
                  <a:pt x="18560" y="922"/>
                </a:lnTo>
                <a:cubicBezTo>
                  <a:pt x="18319" y="1084"/>
                  <a:pt x="17891" y="1330"/>
                  <a:pt x="17951" y="1335"/>
                </a:cubicBezTo>
                <a:cubicBezTo>
                  <a:pt x="18155" y="1214"/>
                  <a:pt x="18292" y="1112"/>
                  <a:pt x="18542" y="969"/>
                </a:cubicBezTo>
                <a:lnTo>
                  <a:pt x="18542" y="969"/>
                </a:lnTo>
                <a:lnTo>
                  <a:pt x="18533" y="980"/>
                </a:lnTo>
                <a:cubicBezTo>
                  <a:pt x="18599" y="943"/>
                  <a:pt x="18615" y="932"/>
                  <a:pt x="18612" y="932"/>
                </a:cubicBezTo>
                <a:cubicBezTo>
                  <a:pt x="18608" y="932"/>
                  <a:pt x="18568" y="952"/>
                  <a:pt x="18562" y="952"/>
                </a:cubicBezTo>
                <a:cubicBezTo>
                  <a:pt x="18560" y="952"/>
                  <a:pt x="18561" y="950"/>
                  <a:pt x="18567" y="945"/>
                </a:cubicBezTo>
                <a:cubicBezTo>
                  <a:pt x="18762" y="818"/>
                  <a:pt x="18843" y="823"/>
                  <a:pt x="18973" y="721"/>
                </a:cubicBezTo>
                <a:lnTo>
                  <a:pt x="18973" y="721"/>
                </a:lnTo>
                <a:lnTo>
                  <a:pt x="18762" y="837"/>
                </a:lnTo>
                <a:cubicBezTo>
                  <a:pt x="18808" y="806"/>
                  <a:pt x="18821" y="796"/>
                  <a:pt x="18819" y="796"/>
                </a:cubicBezTo>
                <a:cubicBezTo>
                  <a:pt x="18814" y="796"/>
                  <a:pt x="18757" y="828"/>
                  <a:pt x="18742" y="828"/>
                </a:cubicBezTo>
                <a:cubicBezTo>
                  <a:pt x="18738" y="828"/>
                  <a:pt x="18737" y="826"/>
                  <a:pt x="18741" y="820"/>
                </a:cubicBezTo>
                <a:cubicBezTo>
                  <a:pt x="19010" y="647"/>
                  <a:pt x="19494" y="380"/>
                  <a:pt x="19876" y="139"/>
                </a:cubicBezTo>
                <a:lnTo>
                  <a:pt x="19876" y="139"/>
                </a:lnTo>
                <a:cubicBezTo>
                  <a:pt x="19774" y="186"/>
                  <a:pt x="19675" y="239"/>
                  <a:pt x="19577" y="297"/>
                </a:cubicBezTo>
                <a:cubicBezTo>
                  <a:pt x="19620" y="245"/>
                  <a:pt x="19667" y="215"/>
                  <a:pt x="19641" y="215"/>
                </a:cubicBezTo>
                <a:cubicBezTo>
                  <a:pt x="19635" y="215"/>
                  <a:pt x="19624" y="217"/>
                  <a:pt x="19607" y="220"/>
                </a:cubicBezTo>
                <a:lnTo>
                  <a:pt x="19427" y="322"/>
                </a:lnTo>
                <a:lnTo>
                  <a:pt x="19410" y="299"/>
                </a:lnTo>
                <a:cubicBezTo>
                  <a:pt x="19459" y="271"/>
                  <a:pt x="19508" y="244"/>
                  <a:pt x="19554" y="220"/>
                </a:cubicBezTo>
                <a:cubicBezTo>
                  <a:pt x="19570" y="193"/>
                  <a:pt x="19830" y="68"/>
                  <a:pt x="19834" y="47"/>
                </a:cubicBezTo>
                <a:lnTo>
                  <a:pt x="19834" y="47"/>
                </a:lnTo>
                <a:lnTo>
                  <a:pt x="19682" y="137"/>
                </a:lnTo>
                <a:cubicBezTo>
                  <a:pt x="19671" y="141"/>
                  <a:pt x="19665" y="143"/>
                  <a:pt x="19662" y="143"/>
                </a:cubicBezTo>
                <a:cubicBezTo>
                  <a:pt x="19646" y="143"/>
                  <a:pt x="19795" y="57"/>
                  <a:pt x="19885"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60" name="Google Shape;360;p19"/>
          <p:cNvSpPr/>
          <p:nvPr/>
        </p:nvSpPr>
        <p:spPr>
          <a:xfrm rot="1158162">
            <a:off x="-807592" y="-1023391"/>
            <a:ext cx="3786310" cy="3389823"/>
          </a:xfrm>
          <a:custGeom>
            <a:avLst/>
            <a:gdLst/>
            <a:ahLst/>
            <a:cxnLst/>
            <a:rect l="l" t="t" r="r" b="b"/>
            <a:pathLst>
              <a:path w="22222" h="19895" extrusionOk="0">
                <a:moveTo>
                  <a:pt x="21425" y="478"/>
                </a:moveTo>
                <a:lnTo>
                  <a:pt x="21425" y="478"/>
                </a:lnTo>
                <a:cubicBezTo>
                  <a:pt x="21399" y="494"/>
                  <a:pt x="21380" y="506"/>
                  <a:pt x="21366" y="516"/>
                </a:cubicBezTo>
                <a:lnTo>
                  <a:pt x="21366" y="516"/>
                </a:lnTo>
                <a:cubicBezTo>
                  <a:pt x="21382" y="506"/>
                  <a:pt x="21402" y="493"/>
                  <a:pt x="21425" y="478"/>
                </a:cubicBezTo>
                <a:close/>
                <a:moveTo>
                  <a:pt x="20697" y="1038"/>
                </a:moveTo>
                <a:lnTo>
                  <a:pt x="20628" y="1078"/>
                </a:lnTo>
                <a:cubicBezTo>
                  <a:pt x="20667" y="1056"/>
                  <a:pt x="20688" y="1044"/>
                  <a:pt x="20697" y="1038"/>
                </a:cubicBezTo>
                <a:close/>
                <a:moveTo>
                  <a:pt x="18339" y="2447"/>
                </a:moveTo>
                <a:cubicBezTo>
                  <a:pt x="18330" y="2453"/>
                  <a:pt x="18321" y="2459"/>
                  <a:pt x="18311" y="2466"/>
                </a:cubicBezTo>
                <a:lnTo>
                  <a:pt x="18311" y="2466"/>
                </a:lnTo>
                <a:cubicBezTo>
                  <a:pt x="18321" y="2460"/>
                  <a:pt x="18330" y="2453"/>
                  <a:pt x="18339" y="2447"/>
                </a:cubicBezTo>
                <a:close/>
                <a:moveTo>
                  <a:pt x="18107" y="4715"/>
                </a:moveTo>
                <a:lnTo>
                  <a:pt x="18108" y="4729"/>
                </a:lnTo>
                <a:lnTo>
                  <a:pt x="18110" y="4789"/>
                </a:lnTo>
                <a:cubicBezTo>
                  <a:pt x="18110" y="4761"/>
                  <a:pt x="18110" y="4740"/>
                  <a:pt x="18108" y="4724"/>
                </a:cubicBezTo>
                <a:cubicBezTo>
                  <a:pt x="18107" y="4721"/>
                  <a:pt x="18107" y="4718"/>
                  <a:pt x="18107" y="4715"/>
                </a:cubicBezTo>
                <a:close/>
                <a:moveTo>
                  <a:pt x="16783" y="6292"/>
                </a:moveTo>
                <a:cubicBezTo>
                  <a:pt x="16766" y="6302"/>
                  <a:pt x="16752" y="6310"/>
                  <a:pt x="16740" y="6317"/>
                </a:cubicBezTo>
                <a:lnTo>
                  <a:pt x="16740" y="6317"/>
                </a:lnTo>
                <a:cubicBezTo>
                  <a:pt x="16754" y="6309"/>
                  <a:pt x="16769" y="6301"/>
                  <a:pt x="16783" y="6292"/>
                </a:cubicBezTo>
                <a:close/>
                <a:moveTo>
                  <a:pt x="13246" y="6782"/>
                </a:moveTo>
                <a:lnTo>
                  <a:pt x="13246" y="6782"/>
                </a:lnTo>
                <a:cubicBezTo>
                  <a:pt x="13253" y="6783"/>
                  <a:pt x="13260" y="6783"/>
                  <a:pt x="13266" y="6783"/>
                </a:cubicBezTo>
                <a:cubicBezTo>
                  <a:pt x="13260" y="6783"/>
                  <a:pt x="13253" y="6783"/>
                  <a:pt x="13246" y="6782"/>
                </a:cubicBezTo>
                <a:close/>
                <a:moveTo>
                  <a:pt x="10960" y="7148"/>
                </a:moveTo>
                <a:lnTo>
                  <a:pt x="10960" y="7148"/>
                </a:lnTo>
                <a:cubicBezTo>
                  <a:pt x="10955" y="7150"/>
                  <a:pt x="10950" y="7152"/>
                  <a:pt x="10945" y="7154"/>
                </a:cubicBezTo>
                <a:cubicBezTo>
                  <a:pt x="10950" y="7152"/>
                  <a:pt x="10955" y="7150"/>
                  <a:pt x="10960" y="7148"/>
                </a:cubicBezTo>
                <a:close/>
                <a:moveTo>
                  <a:pt x="9681" y="7856"/>
                </a:moveTo>
                <a:cubicBezTo>
                  <a:pt x="9677" y="7858"/>
                  <a:pt x="9673" y="7861"/>
                  <a:pt x="9669" y="7864"/>
                </a:cubicBezTo>
                <a:lnTo>
                  <a:pt x="9669" y="7864"/>
                </a:lnTo>
                <a:cubicBezTo>
                  <a:pt x="9673" y="7861"/>
                  <a:pt x="9677" y="7859"/>
                  <a:pt x="9681" y="7856"/>
                </a:cubicBezTo>
                <a:close/>
                <a:moveTo>
                  <a:pt x="8694" y="8808"/>
                </a:moveTo>
                <a:lnTo>
                  <a:pt x="8694" y="8808"/>
                </a:lnTo>
                <a:cubicBezTo>
                  <a:pt x="8692" y="8809"/>
                  <a:pt x="8690" y="8811"/>
                  <a:pt x="8688" y="8812"/>
                </a:cubicBezTo>
                <a:lnTo>
                  <a:pt x="8688" y="8812"/>
                </a:lnTo>
                <a:cubicBezTo>
                  <a:pt x="8690" y="8811"/>
                  <a:pt x="8692" y="8809"/>
                  <a:pt x="8694" y="8808"/>
                </a:cubicBezTo>
                <a:close/>
                <a:moveTo>
                  <a:pt x="8397" y="9130"/>
                </a:moveTo>
                <a:lnTo>
                  <a:pt x="8397" y="9130"/>
                </a:lnTo>
                <a:cubicBezTo>
                  <a:pt x="8397" y="9130"/>
                  <a:pt x="8396" y="9131"/>
                  <a:pt x="8396" y="9131"/>
                </a:cubicBezTo>
                <a:lnTo>
                  <a:pt x="8396" y="9131"/>
                </a:lnTo>
                <a:cubicBezTo>
                  <a:pt x="8396" y="9131"/>
                  <a:pt x="8397" y="9130"/>
                  <a:pt x="8397" y="9130"/>
                </a:cubicBezTo>
                <a:close/>
                <a:moveTo>
                  <a:pt x="5094" y="17059"/>
                </a:moveTo>
                <a:cubicBezTo>
                  <a:pt x="5021" y="17061"/>
                  <a:pt x="4959" y="17063"/>
                  <a:pt x="4941" y="17066"/>
                </a:cubicBezTo>
                <a:cubicBezTo>
                  <a:pt x="4975" y="17069"/>
                  <a:pt x="5009" y="17070"/>
                  <a:pt x="5044" y="17070"/>
                </a:cubicBezTo>
                <a:lnTo>
                  <a:pt x="5044" y="17070"/>
                </a:lnTo>
                <a:cubicBezTo>
                  <a:pt x="5057" y="17067"/>
                  <a:pt x="5075" y="17063"/>
                  <a:pt x="5094" y="17059"/>
                </a:cubicBezTo>
                <a:close/>
                <a:moveTo>
                  <a:pt x="1863" y="17086"/>
                </a:moveTo>
                <a:cubicBezTo>
                  <a:pt x="1863" y="17087"/>
                  <a:pt x="1863" y="17087"/>
                  <a:pt x="1863" y="17087"/>
                </a:cubicBezTo>
                <a:cubicBezTo>
                  <a:pt x="1863" y="17087"/>
                  <a:pt x="1863" y="17087"/>
                  <a:pt x="1863" y="17086"/>
                </a:cubicBezTo>
                <a:close/>
                <a:moveTo>
                  <a:pt x="5125" y="17094"/>
                </a:moveTo>
                <a:lnTo>
                  <a:pt x="5031" y="17105"/>
                </a:lnTo>
                <a:lnTo>
                  <a:pt x="5056" y="17107"/>
                </a:lnTo>
                <a:lnTo>
                  <a:pt x="5056" y="17107"/>
                </a:lnTo>
                <a:cubicBezTo>
                  <a:pt x="5076" y="17104"/>
                  <a:pt x="5107" y="17099"/>
                  <a:pt x="5125" y="17094"/>
                </a:cubicBezTo>
                <a:close/>
                <a:moveTo>
                  <a:pt x="5056" y="17107"/>
                </a:moveTo>
                <a:cubicBezTo>
                  <a:pt x="5038" y="17110"/>
                  <a:pt x="5027" y="17112"/>
                  <a:pt x="5039" y="17112"/>
                </a:cubicBezTo>
                <a:cubicBezTo>
                  <a:pt x="5046" y="17112"/>
                  <a:pt x="5061" y="17112"/>
                  <a:pt x="5087" y="17110"/>
                </a:cubicBezTo>
                <a:lnTo>
                  <a:pt x="5056" y="17107"/>
                </a:lnTo>
                <a:close/>
                <a:moveTo>
                  <a:pt x="652" y="17768"/>
                </a:moveTo>
                <a:cubicBezTo>
                  <a:pt x="652" y="17768"/>
                  <a:pt x="652" y="17768"/>
                  <a:pt x="652" y="17768"/>
                </a:cubicBezTo>
                <a:lnTo>
                  <a:pt x="652" y="17768"/>
                </a:lnTo>
                <a:lnTo>
                  <a:pt x="656" y="17770"/>
                </a:lnTo>
                <a:cubicBezTo>
                  <a:pt x="655" y="17768"/>
                  <a:pt x="654" y="17768"/>
                  <a:pt x="652" y="17768"/>
                </a:cubicBezTo>
                <a:close/>
                <a:moveTo>
                  <a:pt x="426" y="18231"/>
                </a:moveTo>
                <a:cubicBezTo>
                  <a:pt x="425" y="18235"/>
                  <a:pt x="425" y="18238"/>
                  <a:pt x="424" y="18242"/>
                </a:cubicBezTo>
                <a:lnTo>
                  <a:pt x="424" y="18242"/>
                </a:lnTo>
                <a:cubicBezTo>
                  <a:pt x="425" y="18238"/>
                  <a:pt x="426" y="18235"/>
                  <a:pt x="426" y="18231"/>
                </a:cubicBezTo>
                <a:close/>
                <a:moveTo>
                  <a:pt x="339" y="18725"/>
                </a:moveTo>
                <a:cubicBezTo>
                  <a:pt x="340" y="18735"/>
                  <a:pt x="340" y="18745"/>
                  <a:pt x="341" y="18755"/>
                </a:cubicBezTo>
                <a:cubicBezTo>
                  <a:pt x="341" y="18745"/>
                  <a:pt x="340" y="18735"/>
                  <a:pt x="339" y="18725"/>
                </a:cubicBezTo>
                <a:close/>
                <a:moveTo>
                  <a:pt x="533" y="19591"/>
                </a:moveTo>
                <a:lnTo>
                  <a:pt x="533" y="19591"/>
                </a:lnTo>
                <a:cubicBezTo>
                  <a:pt x="533" y="19591"/>
                  <a:pt x="533" y="19592"/>
                  <a:pt x="534" y="19592"/>
                </a:cubicBezTo>
                <a:lnTo>
                  <a:pt x="534" y="19592"/>
                </a:lnTo>
                <a:cubicBezTo>
                  <a:pt x="533" y="19592"/>
                  <a:pt x="533" y="19591"/>
                  <a:pt x="533" y="19591"/>
                </a:cubicBezTo>
                <a:close/>
                <a:moveTo>
                  <a:pt x="534" y="19592"/>
                </a:moveTo>
                <a:lnTo>
                  <a:pt x="534" y="19592"/>
                </a:lnTo>
                <a:cubicBezTo>
                  <a:pt x="543" y="19604"/>
                  <a:pt x="554" y="19620"/>
                  <a:pt x="568" y="19635"/>
                </a:cubicBezTo>
                <a:lnTo>
                  <a:pt x="568" y="19635"/>
                </a:lnTo>
                <a:cubicBezTo>
                  <a:pt x="561" y="19626"/>
                  <a:pt x="550" y="19612"/>
                  <a:pt x="534" y="19592"/>
                </a:cubicBezTo>
                <a:close/>
                <a:moveTo>
                  <a:pt x="22222" y="1"/>
                </a:moveTo>
                <a:lnTo>
                  <a:pt x="22222" y="1"/>
                </a:lnTo>
                <a:cubicBezTo>
                  <a:pt x="22099" y="52"/>
                  <a:pt x="21851" y="216"/>
                  <a:pt x="21608" y="358"/>
                </a:cubicBezTo>
                <a:cubicBezTo>
                  <a:pt x="21624" y="358"/>
                  <a:pt x="21515" y="435"/>
                  <a:pt x="21530" y="435"/>
                </a:cubicBezTo>
                <a:cubicBezTo>
                  <a:pt x="21536" y="435"/>
                  <a:pt x="21565" y="421"/>
                  <a:pt x="21636" y="381"/>
                </a:cubicBezTo>
                <a:lnTo>
                  <a:pt x="21636" y="381"/>
                </a:lnTo>
                <a:cubicBezTo>
                  <a:pt x="21640" y="392"/>
                  <a:pt x="21501" y="478"/>
                  <a:pt x="21409" y="534"/>
                </a:cubicBezTo>
                <a:cubicBezTo>
                  <a:pt x="21415" y="529"/>
                  <a:pt x="21416" y="527"/>
                  <a:pt x="21413" y="527"/>
                </a:cubicBezTo>
                <a:cubicBezTo>
                  <a:pt x="21402" y="527"/>
                  <a:pt x="21354" y="546"/>
                  <a:pt x="21339" y="546"/>
                </a:cubicBezTo>
                <a:cubicBezTo>
                  <a:pt x="21330" y="546"/>
                  <a:pt x="21334" y="539"/>
                  <a:pt x="21366" y="516"/>
                </a:cubicBezTo>
                <a:lnTo>
                  <a:pt x="21366" y="516"/>
                </a:lnTo>
                <a:cubicBezTo>
                  <a:pt x="21244" y="595"/>
                  <a:pt x="21305" y="548"/>
                  <a:pt x="21101" y="673"/>
                </a:cubicBezTo>
                <a:cubicBezTo>
                  <a:pt x="21102" y="671"/>
                  <a:pt x="21102" y="671"/>
                  <a:pt x="21102" y="671"/>
                </a:cubicBezTo>
                <a:cubicBezTo>
                  <a:pt x="21092" y="671"/>
                  <a:pt x="20747" y="875"/>
                  <a:pt x="20712" y="875"/>
                </a:cubicBezTo>
                <a:cubicBezTo>
                  <a:pt x="20709" y="875"/>
                  <a:pt x="20708" y="874"/>
                  <a:pt x="20709" y="872"/>
                </a:cubicBezTo>
                <a:lnTo>
                  <a:pt x="20709" y="872"/>
                </a:lnTo>
                <a:cubicBezTo>
                  <a:pt x="20640" y="923"/>
                  <a:pt x="20730" y="900"/>
                  <a:pt x="20459" y="1057"/>
                </a:cubicBezTo>
                <a:cubicBezTo>
                  <a:pt x="20513" y="1040"/>
                  <a:pt x="20688" y="945"/>
                  <a:pt x="20706" y="945"/>
                </a:cubicBezTo>
                <a:cubicBezTo>
                  <a:pt x="20712" y="945"/>
                  <a:pt x="20697" y="958"/>
                  <a:pt x="20644" y="995"/>
                </a:cubicBezTo>
                <a:lnTo>
                  <a:pt x="20769" y="909"/>
                </a:lnTo>
                <a:cubicBezTo>
                  <a:pt x="20829" y="878"/>
                  <a:pt x="20848" y="870"/>
                  <a:pt x="20853" y="870"/>
                </a:cubicBezTo>
                <a:cubicBezTo>
                  <a:pt x="20859" y="870"/>
                  <a:pt x="20848" y="879"/>
                  <a:pt x="20853" y="879"/>
                </a:cubicBezTo>
                <a:cubicBezTo>
                  <a:pt x="20859" y="879"/>
                  <a:pt x="20885" y="867"/>
                  <a:pt x="20978" y="816"/>
                </a:cubicBezTo>
                <a:lnTo>
                  <a:pt x="20978" y="816"/>
                </a:lnTo>
                <a:cubicBezTo>
                  <a:pt x="20904" y="858"/>
                  <a:pt x="20762" y="951"/>
                  <a:pt x="20723" y="960"/>
                </a:cubicBezTo>
                <a:cubicBezTo>
                  <a:pt x="20724" y="960"/>
                  <a:pt x="20725" y="960"/>
                  <a:pt x="20726" y="960"/>
                </a:cubicBezTo>
                <a:cubicBezTo>
                  <a:pt x="20791" y="960"/>
                  <a:pt x="20366" y="1185"/>
                  <a:pt x="20369" y="1215"/>
                </a:cubicBezTo>
                <a:cubicBezTo>
                  <a:pt x="20308" y="1238"/>
                  <a:pt x="20237" y="1277"/>
                  <a:pt x="20102" y="1358"/>
                </a:cubicBezTo>
                <a:cubicBezTo>
                  <a:pt x="20116" y="1340"/>
                  <a:pt x="20035" y="1374"/>
                  <a:pt x="20137" y="1307"/>
                </a:cubicBezTo>
                <a:cubicBezTo>
                  <a:pt x="20225" y="1261"/>
                  <a:pt x="20288" y="1222"/>
                  <a:pt x="20387" y="1173"/>
                </a:cubicBezTo>
                <a:cubicBezTo>
                  <a:pt x="20315" y="1173"/>
                  <a:pt x="20030" y="1365"/>
                  <a:pt x="19801" y="1488"/>
                </a:cubicBezTo>
                <a:cubicBezTo>
                  <a:pt x="19815" y="1481"/>
                  <a:pt x="19825" y="1477"/>
                  <a:pt x="19828" y="1477"/>
                </a:cubicBezTo>
                <a:cubicBezTo>
                  <a:pt x="19832" y="1477"/>
                  <a:pt x="19821" y="1486"/>
                  <a:pt x="19785" y="1511"/>
                </a:cubicBezTo>
                <a:cubicBezTo>
                  <a:pt x="19668" y="1574"/>
                  <a:pt x="19431" y="1704"/>
                  <a:pt x="19408" y="1704"/>
                </a:cubicBezTo>
                <a:cubicBezTo>
                  <a:pt x="19404" y="1704"/>
                  <a:pt x="19407" y="1700"/>
                  <a:pt x="19419" y="1689"/>
                </a:cubicBezTo>
                <a:lnTo>
                  <a:pt x="19419" y="1689"/>
                </a:lnTo>
                <a:lnTo>
                  <a:pt x="18726" y="2093"/>
                </a:lnTo>
                <a:cubicBezTo>
                  <a:pt x="18719" y="2088"/>
                  <a:pt x="18824" y="2032"/>
                  <a:pt x="18865" y="2007"/>
                </a:cubicBezTo>
                <a:lnTo>
                  <a:pt x="18865" y="2007"/>
                </a:lnTo>
                <a:lnTo>
                  <a:pt x="18671" y="2118"/>
                </a:lnTo>
                <a:cubicBezTo>
                  <a:pt x="18606" y="2155"/>
                  <a:pt x="18541" y="2194"/>
                  <a:pt x="18474" y="2234"/>
                </a:cubicBezTo>
                <a:cubicBezTo>
                  <a:pt x="18460" y="2240"/>
                  <a:pt x="18453" y="2243"/>
                  <a:pt x="18451" y="2243"/>
                </a:cubicBezTo>
                <a:cubicBezTo>
                  <a:pt x="18445" y="2243"/>
                  <a:pt x="18471" y="2224"/>
                  <a:pt x="18506" y="2199"/>
                </a:cubicBezTo>
                <a:cubicBezTo>
                  <a:pt x="18555" y="2167"/>
                  <a:pt x="18620" y="2125"/>
                  <a:pt x="18636" y="2109"/>
                </a:cubicBezTo>
                <a:lnTo>
                  <a:pt x="18636" y="2109"/>
                </a:lnTo>
                <a:cubicBezTo>
                  <a:pt x="18543" y="2164"/>
                  <a:pt x="18446" y="2222"/>
                  <a:pt x="18351" y="2287"/>
                </a:cubicBezTo>
                <a:lnTo>
                  <a:pt x="18386" y="2250"/>
                </a:lnTo>
                <a:lnTo>
                  <a:pt x="18386" y="2250"/>
                </a:lnTo>
                <a:cubicBezTo>
                  <a:pt x="18353" y="2278"/>
                  <a:pt x="18254" y="2345"/>
                  <a:pt x="18154" y="2424"/>
                </a:cubicBezTo>
                <a:cubicBezTo>
                  <a:pt x="18055" y="2505"/>
                  <a:pt x="17960" y="2593"/>
                  <a:pt x="17918" y="2630"/>
                </a:cubicBezTo>
                <a:cubicBezTo>
                  <a:pt x="17862" y="2692"/>
                  <a:pt x="17814" y="2762"/>
                  <a:pt x="17774" y="2836"/>
                </a:cubicBezTo>
                <a:cubicBezTo>
                  <a:pt x="17758" y="2864"/>
                  <a:pt x="17744" y="2894"/>
                  <a:pt x="17733" y="2924"/>
                </a:cubicBezTo>
                <a:cubicBezTo>
                  <a:pt x="17721" y="2952"/>
                  <a:pt x="17709" y="2982"/>
                  <a:pt x="17700" y="3010"/>
                </a:cubicBezTo>
                <a:cubicBezTo>
                  <a:pt x="17679" y="3079"/>
                  <a:pt x="17661" y="3151"/>
                  <a:pt x="17647" y="3221"/>
                </a:cubicBezTo>
                <a:cubicBezTo>
                  <a:pt x="17640" y="3269"/>
                  <a:pt x="17633" y="3318"/>
                  <a:pt x="17628" y="3367"/>
                </a:cubicBezTo>
                <a:cubicBezTo>
                  <a:pt x="17624" y="3427"/>
                  <a:pt x="17621" y="3489"/>
                  <a:pt x="17624" y="3552"/>
                </a:cubicBezTo>
                <a:cubicBezTo>
                  <a:pt x="17614" y="3533"/>
                  <a:pt x="17612" y="3513"/>
                  <a:pt x="17612" y="3494"/>
                </a:cubicBezTo>
                <a:cubicBezTo>
                  <a:pt x="17612" y="3475"/>
                  <a:pt x="17610" y="3457"/>
                  <a:pt x="17610" y="3436"/>
                </a:cubicBezTo>
                <a:cubicBezTo>
                  <a:pt x="17610" y="3418"/>
                  <a:pt x="17612" y="3394"/>
                  <a:pt x="17614" y="3369"/>
                </a:cubicBezTo>
                <a:cubicBezTo>
                  <a:pt x="17619" y="3279"/>
                  <a:pt x="17635" y="3186"/>
                  <a:pt x="17656" y="3098"/>
                </a:cubicBezTo>
                <a:lnTo>
                  <a:pt x="17656" y="3098"/>
                </a:lnTo>
                <a:cubicBezTo>
                  <a:pt x="17651" y="3112"/>
                  <a:pt x="17647" y="3128"/>
                  <a:pt x="17640" y="3149"/>
                </a:cubicBezTo>
                <a:cubicBezTo>
                  <a:pt x="17633" y="3172"/>
                  <a:pt x="17628" y="3193"/>
                  <a:pt x="17624" y="3216"/>
                </a:cubicBezTo>
                <a:cubicBezTo>
                  <a:pt x="17621" y="3241"/>
                  <a:pt x="17617" y="3267"/>
                  <a:pt x="17612" y="3295"/>
                </a:cubicBezTo>
                <a:cubicBezTo>
                  <a:pt x="17607" y="3320"/>
                  <a:pt x="17607" y="3348"/>
                  <a:pt x="17605" y="3374"/>
                </a:cubicBezTo>
                <a:cubicBezTo>
                  <a:pt x="17598" y="3482"/>
                  <a:pt x="17605" y="3577"/>
                  <a:pt x="17598" y="3605"/>
                </a:cubicBezTo>
                <a:cubicBezTo>
                  <a:pt x="17603" y="3647"/>
                  <a:pt x="17610" y="3691"/>
                  <a:pt x="17617" y="3730"/>
                </a:cubicBezTo>
                <a:cubicBezTo>
                  <a:pt x="17624" y="3760"/>
                  <a:pt x="17631" y="3790"/>
                  <a:pt x="17640" y="3821"/>
                </a:cubicBezTo>
                <a:cubicBezTo>
                  <a:pt x="17649" y="3858"/>
                  <a:pt x="17663" y="3895"/>
                  <a:pt x="17677" y="3929"/>
                </a:cubicBezTo>
                <a:cubicBezTo>
                  <a:pt x="17700" y="3983"/>
                  <a:pt x="17721" y="4013"/>
                  <a:pt x="17751" y="4092"/>
                </a:cubicBezTo>
                <a:cubicBezTo>
                  <a:pt x="17777" y="4192"/>
                  <a:pt x="17784" y="4223"/>
                  <a:pt x="17780" y="4223"/>
                </a:cubicBezTo>
                <a:cubicBezTo>
                  <a:pt x="17776" y="4223"/>
                  <a:pt x="17746" y="4138"/>
                  <a:pt x="17742" y="4138"/>
                </a:cubicBezTo>
                <a:cubicBezTo>
                  <a:pt x="17742" y="4138"/>
                  <a:pt x="17742" y="4138"/>
                  <a:pt x="17742" y="4138"/>
                </a:cubicBezTo>
                <a:cubicBezTo>
                  <a:pt x="17760" y="4219"/>
                  <a:pt x="17827" y="4342"/>
                  <a:pt x="17818" y="4416"/>
                </a:cubicBezTo>
                <a:cubicBezTo>
                  <a:pt x="17830" y="4458"/>
                  <a:pt x="17844" y="4495"/>
                  <a:pt x="17862" y="4534"/>
                </a:cubicBezTo>
                <a:cubicBezTo>
                  <a:pt x="17863" y="4535"/>
                  <a:pt x="17864" y="4536"/>
                  <a:pt x="17865" y="4536"/>
                </a:cubicBezTo>
                <a:cubicBezTo>
                  <a:pt x="17871" y="4536"/>
                  <a:pt x="17870" y="4502"/>
                  <a:pt x="17855" y="4418"/>
                </a:cubicBezTo>
                <a:lnTo>
                  <a:pt x="17855" y="4418"/>
                </a:lnTo>
                <a:cubicBezTo>
                  <a:pt x="17872" y="4488"/>
                  <a:pt x="17888" y="4571"/>
                  <a:pt x="17899" y="4641"/>
                </a:cubicBezTo>
                <a:cubicBezTo>
                  <a:pt x="17906" y="4675"/>
                  <a:pt x="17911" y="4705"/>
                  <a:pt x="17916" y="4731"/>
                </a:cubicBezTo>
                <a:cubicBezTo>
                  <a:pt x="17918" y="4756"/>
                  <a:pt x="17920" y="4773"/>
                  <a:pt x="17922" y="4782"/>
                </a:cubicBezTo>
                <a:cubicBezTo>
                  <a:pt x="17918" y="4764"/>
                  <a:pt x="17914" y="4756"/>
                  <a:pt x="17912" y="4756"/>
                </a:cubicBezTo>
                <a:cubicBezTo>
                  <a:pt x="17907" y="4756"/>
                  <a:pt x="17906" y="4785"/>
                  <a:pt x="17906" y="4821"/>
                </a:cubicBezTo>
                <a:cubicBezTo>
                  <a:pt x="17906" y="4847"/>
                  <a:pt x="17904" y="4875"/>
                  <a:pt x="17899" y="4902"/>
                </a:cubicBezTo>
                <a:cubicBezTo>
                  <a:pt x="17897" y="4928"/>
                  <a:pt x="17892" y="4946"/>
                  <a:pt x="17885" y="4949"/>
                </a:cubicBezTo>
                <a:cubicBezTo>
                  <a:pt x="17883" y="4974"/>
                  <a:pt x="17878" y="5002"/>
                  <a:pt x="17874" y="5032"/>
                </a:cubicBezTo>
                <a:cubicBezTo>
                  <a:pt x="17869" y="5065"/>
                  <a:pt x="17862" y="5097"/>
                  <a:pt x="17853" y="5132"/>
                </a:cubicBezTo>
                <a:cubicBezTo>
                  <a:pt x="17848" y="5150"/>
                  <a:pt x="17844" y="5169"/>
                  <a:pt x="17839" y="5185"/>
                </a:cubicBezTo>
                <a:cubicBezTo>
                  <a:pt x="17837" y="5194"/>
                  <a:pt x="17834" y="5204"/>
                  <a:pt x="17832" y="5215"/>
                </a:cubicBezTo>
                <a:lnTo>
                  <a:pt x="17821" y="5243"/>
                </a:lnTo>
                <a:cubicBezTo>
                  <a:pt x="17816" y="5261"/>
                  <a:pt x="17809" y="5280"/>
                  <a:pt x="17802" y="5301"/>
                </a:cubicBezTo>
                <a:lnTo>
                  <a:pt x="17781" y="5354"/>
                </a:lnTo>
                <a:cubicBezTo>
                  <a:pt x="17767" y="5393"/>
                  <a:pt x="17746" y="5428"/>
                  <a:pt x="17730" y="5463"/>
                </a:cubicBezTo>
                <a:cubicBezTo>
                  <a:pt x="17716" y="5500"/>
                  <a:pt x="17695" y="5532"/>
                  <a:pt x="17679" y="5563"/>
                </a:cubicBezTo>
                <a:cubicBezTo>
                  <a:pt x="17661" y="5595"/>
                  <a:pt x="17642" y="5625"/>
                  <a:pt x="17628" y="5651"/>
                </a:cubicBezTo>
                <a:cubicBezTo>
                  <a:pt x="17612" y="5676"/>
                  <a:pt x="17596" y="5702"/>
                  <a:pt x="17584" y="5722"/>
                </a:cubicBezTo>
                <a:lnTo>
                  <a:pt x="17596" y="5660"/>
                </a:lnTo>
                <a:lnTo>
                  <a:pt x="17561" y="5709"/>
                </a:lnTo>
                <a:lnTo>
                  <a:pt x="17524" y="5755"/>
                </a:lnTo>
                <a:cubicBezTo>
                  <a:pt x="17499" y="5787"/>
                  <a:pt x="17471" y="5815"/>
                  <a:pt x="17445" y="5845"/>
                </a:cubicBezTo>
                <a:cubicBezTo>
                  <a:pt x="17422" y="5865"/>
                  <a:pt x="17410" y="5874"/>
                  <a:pt x="17407" y="5874"/>
                </a:cubicBezTo>
                <a:cubicBezTo>
                  <a:pt x="17405" y="5874"/>
                  <a:pt x="17406" y="5872"/>
                  <a:pt x="17408" y="5868"/>
                </a:cubicBezTo>
                <a:cubicBezTo>
                  <a:pt x="17415" y="5857"/>
                  <a:pt x="17438" y="5829"/>
                  <a:pt x="17468" y="5797"/>
                </a:cubicBezTo>
                <a:cubicBezTo>
                  <a:pt x="17529" y="5727"/>
                  <a:pt x="17584" y="5653"/>
                  <a:pt x="17633" y="5576"/>
                </a:cubicBezTo>
                <a:lnTo>
                  <a:pt x="17633" y="5576"/>
                </a:lnTo>
                <a:cubicBezTo>
                  <a:pt x="17554" y="5695"/>
                  <a:pt x="17462" y="5803"/>
                  <a:pt x="17360" y="5901"/>
                </a:cubicBezTo>
                <a:cubicBezTo>
                  <a:pt x="17260" y="5996"/>
                  <a:pt x="17153" y="6081"/>
                  <a:pt x="17038" y="6158"/>
                </a:cubicBezTo>
                <a:cubicBezTo>
                  <a:pt x="17073" y="6137"/>
                  <a:pt x="17084" y="6134"/>
                  <a:pt x="17089" y="6134"/>
                </a:cubicBezTo>
                <a:cubicBezTo>
                  <a:pt x="17092" y="6134"/>
                  <a:pt x="17093" y="6135"/>
                  <a:pt x="17097" y="6135"/>
                </a:cubicBezTo>
                <a:cubicBezTo>
                  <a:pt x="17100" y="6135"/>
                  <a:pt x="17105" y="6134"/>
                  <a:pt x="17114" y="6130"/>
                </a:cubicBezTo>
                <a:lnTo>
                  <a:pt x="17114" y="6130"/>
                </a:lnTo>
                <a:cubicBezTo>
                  <a:pt x="17038" y="6202"/>
                  <a:pt x="16910" y="6269"/>
                  <a:pt x="16815" y="6322"/>
                </a:cubicBezTo>
                <a:cubicBezTo>
                  <a:pt x="16811" y="6323"/>
                  <a:pt x="16808" y="6323"/>
                  <a:pt x="16806" y="6323"/>
                </a:cubicBezTo>
                <a:cubicBezTo>
                  <a:pt x="16794" y="6323"/>
                  <a:pt x="16810" y="6311"/>
                  <a:pt x="16871" y="6274"/>
                </a:cubicBezTo>
                <a:lnTo>
                  <a:pt x="16871" y="6274"/>
                </a:lnTo>
                <a:cubicBezTo>
                  <a:pt x="16811" y="6308"/>
                  <a:pt x="16750" y="6343"/>
                  <a:pt x="16688" y="6373"/>
                </a:cubicBezTo>
                <a:cubicBezTo>
                  <a:pt x="16694" y="6352"/>
                  <a:pt x="16620" y="6387"/>
                  <a:pt x="16740" y="6317"/>
                </a:cubicBezTo>
                <a:lnTo>
                  <a:pt x="16740" y="6317"/>
                </a:lnTo>
                <a:cubicBezTo>
                  <a:pt x="16726" y="6324"/>
                  <a:pt x="16713" y="6332"/>
                  <a:pt x="16699" y="6339"/>
                </a:cubicBezTo>
                <a:cubicBezTo>
                  <a:pt x="16669" y="6352"/>
                  <a:pt x="16641" y="6366"/>
                  <a:pt x="16611" y="6380"/>
                </a:cubicBezTo>
                <a:cubicBezTo>
                  <a:pt x="16558" y="6403"/>
                  <a:pt x="16534" y="6411"/>
                  <a:pt x="16528" y="6411"/>
                </a:cubicBezTo>
                <a:cubicBezTo>
                  <a:pt x="16524" y="6411"/>
                  <a:pt x="16532" y="6406"/>
                  <a:pt x="16547" y="6399"/>
                </a:cubicBezTo>
                <a:cubicBezTo>
                  <a:pt x="16577" y="6383"/>
                  <a:pt x="16637" y="6350"/>
                  <a:pt x="16658" y="6336"/>
                </a:cubicBezTo>
                <a:lnTo>
                  <a:pt x="16658" y="6336"/>
                </a:lnTo>
                <a:cubicBezTo>
                  <a:pt x="16558" y="6383"/>
                  <a:pt x="16456" y="6424"/>
                  <a:pt x="16350" y="6459"/>
                </a:cubicBezTo>
                <a:cubicBezTo>
                  <a:pt x="16296" y="6482"/>
                  <a:pt x="16313" y="6480"/>
                  <a:pt x="16317" y="6482"/>
                </a:cubicBezTo>
                <a:cubicBezTo>
                  <a:pt x="16322" y="6485"/>
                  <a:pt x="16313" y="6491"/>
                  <a:pt x="16201" y="6526"/>
                </a:cubicBezTo>
                <a:cubicBezTo>
                  <a:pt x="16037" y="6566"/>
                  <a:pt x="15870" y="6596"/>
                  <a:pt x="15701" y="6614"/>
                </a:cubicBezTo>
                <a:cubicBezTo>
                  <a:pt x="15615" y="6624"/>
                  <a:pt x="15518" y="6626"/>
                  <a:pt x="15428" y="6633"/>
                </a:cubicBezTo>
                <a:cubicBezTo>
                  <a:pt x="15404" y="6634"/>
                  <a:pt x="15381" y="6634"/>
                  <a:pt x="15357" y="6634"/>
                </a:cubicBezTo>
                <a:cubicBezTo>
                  <a:pt x="15334" y="6634"/>
                  <a:pt x="15311" y="6634"/>
                  <a:pt x="15289" y="6635"/>
                </a:cubicBezTo>
                <a:lnTo>
                  <a:pt x="15150" y="6635"/>
                </a:lnTo>
                <a:cubicBezTo>
                  <a:pt x="15235" y="6640"/>
                  <a:pt x="15319" y="6644"/>
                  <a:pt x="15404" y="6649"/>
                </a:cubicBezTo>
                <a:cubicBezTo>
                  <a:pt x="15187" y="6649"/>
                  <a:pt x="15231" y="6677"/>
                  <a:pt x="15164" y="6688"/>
                </a:cubicBezTo>
                <a:cubicBezTo>
                  <a:pt x="14962" y="6684"/>
                  <a:pt x="14686" y="6670"/>
                  <a:pt x="14513" y="6649"/>
                </a:cubicBezTo>
                <a:cubicBezTo>
                  <a:pt x="14712" y="6649"/>
                  <a:pt x="14631" y="6624"/>
                  <a:pt x="14448" y="6596"/>
                </a:cubicBezTo>
                <a:cubicBezTo>
                  <a:pt x="14301" y="6583"/>
                  <a:pt x="14219" y="6579"/>
                  <a:pt x="14163" y="6579"/>
                </a:cubicBezTo>
                <a:cubicBezTo>
                  <a:pt x="14084" y="6579"/>
                  <a:pt x="14058" y="6586"/>
                  <a:pt x="13980" y="6586"/>
                </a:cubicBezTo>
                <a:cubicBezTo>
                  <a:pt x="13958" y="6586"/>
                  <a:pt x="13931" y="6586"/>
                  <a:pt x="13896" y="6584"/>
                </a:cubicBezTo>
                <a:cubicBezTo>
                  <a:pt x="14082" y="6566"/>
                  <a:pt x="13602" y="6545"/>
                  <a:pt x="13646" y="6531"/>
                </a:cubicBezTo>
                <a:cubicBezTo>
                  <a:pt x="13381" y="6508"/>
                  <a:pt x="13111" y="6492"/>
                  <a:pt x="12836" y="6492"/>
                </a:cubicBezTo>
                <a:cubicBezTo>
                  <a:pt x="12552" y="6492"/>
                  <a:pt x="12263" y="6509"/>
                  <a:pt x="11969" y="6554"/>
                </a:cubicBezTo>
                <a:cubicBezTo>
                  <a:pt x="11970" y="6554"/>
                  <a:pt x="11971" y="6554"/>
                  <a:pt x="11973" y="6554"/>
                </a:cubicBezTo>
                <a:cubicBezTo>
                  <a:pt x="11986" y="6554"/>
                  <a:pt x="12022" y="6549"/>
                  <a:pt x="12048" y="6549"/>
                </a:cubicBezTo>
                <a:cubicBezTo>
                  <a:pt x="12055" y="6549"/>
                  <a:pt x="12061" y="6549"/>
                  <a:pt x="12066" y="6549"/>
                </a:cubicBezTo>
                <a:cubicBezTo>
                  <a:pt x="12082" y="6549"/>
                  <a:pt x="12083" y="6552"/>
                  <a:pt x="12046" y="6559"/>
                </a:cubicBezTo>
                <a:cubicBezTo>
                  <a:pt x="11835" y="6593"/>
                  <a:pt x="11735" y="6603"/>
                  <a:pt x="11705" y="6603"/>
                </a:cubicBezTo>
                <a:cubicBezTo>
                  <a:pt x="11596" y="6626"/>
                  <a:pt x="11490" y="6656"/>
                  <a:pt x="11385" y="6693"/>
                </a:cubicBezTo>
                <a:cubicBezTo>
                  <a:pt x="11325" y="6714"/>
                  <a:pt x="11265" y="6737"/>
                  <a:pt x="11207" y="6765"/>
                </a:cubicBezTo>
                <a:cubicBezTo>
                  <a:pt x="11273" y="6740"/>
                  <a:pt x="11304" y="6731"/>
                  <a:pt x="11314" y="6731"/>
                </a:cubicBezTo>
                <a:cubicBezTo>
                  <a:pt x="11321" y="6731"/>
                  <a:pt x="11319" y="6735"/>
                  <a:pt x="11311" y="6742"/>
                </a:cubicBezTo>
                <a:cubicBezTo>
                  <a:pt x="11184" y="6786"/>
                  <a:pt x="11135" y="6795"/>
                  <a:pt x="11089" y="6811"/>
                </a:cubicBezTo>
                <a:cubicBezTo>
                  <a:pt x="11066" y="6816"/>
                  <a:pt x="11043" y="6823"/>
                  <a:pt x="11013" y="6837"/>
                </a:cubicBezTo>
                <a:cubicBezTo>
                  <a:pt x="10968" y="6853"/>
                  <a:pt x="10924" y="6871"/>
                  <a:pt x="10883" y="6895"/>
                </a:cubicBezTo>
                <a:cubicBezTo>
                  <a:pt x="10881" y="6895"/>
                  <a:pt x="10879" y="6895"/>
                  <a:pt x="10877" y="6895"/>
                </a:cubicBezTo>
                <a:cubicBezTo>
                  <a:pt x="10856" y="6895"/>
                  <a:pt x="10915" y="6865"/>
                  <a:pt x="10985" y="6837"/>
                </a:cubicBezTo>
                <a:cubicBezTo>
                  <a:pt x="11057" y="6804"/>
                  <a:pt x="11133" y="6774"/>
                  <a:pt x="11117" y="6769"/>
                </a:cubicBezTo>
                <a:lnTo>
                  <a:pt x="11117" y="6769"/>
                </a:lnTo>
                <a:cubicBezTo>
                  <a:pt x="10938" y="6834"/>
                  <a:pt x="10765" y="6913"/>
                  <a:pt x="10600" y="7006"/>
                </a:cubicBezTo>
                <a:cubicBezTo>
                  <a:pt x="10599" y="7006"/>
                  <a:pt x="10598" y="7006"/>
                  <a:pt x="10597" y="7006"/>
                </a:cubicBezTo>
                <a:cubicBezTo>
                  <a:pt x="10576" y="7006"/>
                  <a:pt x="10667" y="6966"/>
                  <a:pt x="10664" y="6966"/>
                </a:cubicBezTo>
                <a:cubicBezTo>
                  <a:pt x="10663" y="6966"/>
                  <a:pt x="10651" y="6971"/>
                  <a:pt x="10621" y="6983"/>
                </a:cubicBezTo>
                <a:cubicBezTo>
                  <a:pt x="10454" y="7066"/>
                  <a:pt x="10276" y="7168"/>
                  <a:pt x="10114" y="7272"/>
                </a:cubicBezTo>
                <a:cubicBezTo>
                  <a:pt x="9952" y="7374"/>
                  <a:pt x="9806" y="7481"/>
                  <a:pt x="9694" y="7564"/>
                </a:cubicBezTo>
                <a:cubicBezTo>
                  <a:pt x="9671" y="7573"/>
                  <a:pt x="9648" y="7583"/>
                  <a:pt x="9625" y="7592"/>
                </a:cubicBezTo>
                <a:cubicBezTo>
                  <a:pt x="9523" y="7666"/>
                  <a:pt x="9426" y="7745"/>
                  <a:pt x="9333" y="7828"/>
                </a:cubicBezTo>
                <a:cubicBezTo>
                  <a:pt x="9309" y="7845"/>
                  <a:pt x="9298" y="7852"/>
                  <a:pt x="9295" y="7852"/>
                </a:cubicBezTo>
                <a:cubicBezTo>
                  <a:pt x="9290" y="7852"/>
                  <a:pt x="9332" y="7815"/>
                  <a:pt x="9382" y="7775"/>
                </a:cubicBezTo>
                <a:lnTo>
                  <a:pt x="9382" y="7775"/>
                </a:lnTo>
                <a:cubicBezTo>
                  <a:pt x="9192" y="7921"/>
                  <a:pt x="8983" y="8120"/>
                  <a:pt x="8884" y="8210"/>
                </a:cubicBezTo>
                <a:cubicBezTo>
                  <a:pt x="8893" y="8187"/>
                  <a:pt x="8983" y="8120"/>
                  <a:pt x="9009" y="8088"/>
                </a:cubicBezTo>
                <a:lnTo>
                  <a:pt x="9009" y="8088"/>
                </a:lnTo>
                <a:cubicBezTo>
                  <a:pt x="8782" y="8280"/>
                  <a:pt x="8534" y="8560"/>
                  <a:pt x="8386" y="8683"/>
                </a:cubicBezTo>
                <a:cubicBezTo>
                  <a:pt x="8402" y="8662"/>
                  <a:pt x="8420" y="8643"/>
                  <a:pt x="8439" y="8625"/>
                </a:cubicBezTo>
                <a:lnTo>
                  <a:pt x="8439" y="8625"/>
                </a:lnTo>
                <a:cubicBezTo>
                  <a:pt x="8129" y="8931"/>
                  <a:pt x="7881" y="9216"/>
                  <a:pt x="7568" y="9568"/>
                </a:cubicBezTo>
                <a:cubicBezTo>
                  <a:pt x="7267" y="9878"/>
                  <a:pt x="7494" y="9688"/>
                  <a:pt x="7214" y="10006"/>
                </a:cubicBezTo>
                <a:cubicBezTo>
                  <a:pt x="7212" y="10005"/>
                  <a:pt x="7211" y="10004"/>
                  <a:pt x="7209" y="10004"/>
                </a:cubicBezTo>
                <a:cubicBezTo>
                  <a:pt x="7184" y="10004"/>
                  <a:pt x="7094" y="10106"/>
                  <a:pt x="6993" y="10233"/>
                </a:cubicBezTo>
                <a:cubicBezTo>
                  <a:pt x="6943" y="10300"/>
                  <a:pt x="6887" y="10376"/>
                  <a:pt x="6843" y="10446"/>
                </a:cubicBezTo>
                <a:cubicBezTo>
                  <a:pt x="6797" y="10513"/>
                  <a:pt x="6757" y="10578"/>
                  <a:pt x="6732" y="10617"/>
                </a:cubicBezTo>
                <a:lnTo>
                  <a:pt x="6769" y="10568"/>
                </a:lnTo>
                <a:lnTo>
                  <a:pt x="6769" y="10568"/>
                </a:lnTo>
                <a:cubicBezTo>
                  <a:pt x="6716" y="10666"/>
                  <a:pt x="6653" y="10784"/>
                  <a:pt x="6604" y="10900"/>
                </a:cubicBezTo>
                <a:cubicBezTo>
                  <a:pt x="6560" y="11002"/>
                  <a:pt x="6526" y="11106"/>
                  <a:pt x="6500" y="11212"/>
                </a:cubicBezTo>
                <a:cubicBezTo>
                  <a:pt x="6484" y="11307"/>
                  <a:pt x="6477" y="11402"/>
                  <a:pt x="6477" y="11497"/>
                </a:cubicBezTo>
                <a:cubicBezTo>
                  <a:pt x="6477" y="11602"/>
                  <a:pt x="6484" y="11703"/>
                  <a:pt x="6498" y="11808"/>
                </a:cubicBezTo>
                <a:cubicBezTo>
                  <a:pt x="6526" y="11993"/>
                  <a:pt x="6565" y="12176"/>
                  <a:pt x="6614" y="12357"/>
                </a:cubicBezTo>
                <a:lnTo>
                  <a:pt x="6593" y="12299"/>
                </a:lnTo>
                <a:lnTo>
                  <a:pt x="6593" y="12299"/>
                </a:lnTo>
                <a:cubicBezTo>
                  <a:pt x="6623" y="12408"/>
                  <a:pt x="6644" y="12517"/>
                  <a:pt x="6662" y="12628"/>
                </a:cubicBezTo>
                <a:cubicBezTo>
                  <a:pt x="6669" y="12679"/>
                  <a:pt x="6678" y="12730"/>
                  <a:pt x="6688" y="12783"/>
                </a:cubicBezTo>
                <a:cubicBezTo>
                  <a:pt x="6697" y="12836"/>
                  <a:pt x="6704" y="12894"/>
                  <a:pt x="6713" y="12957"/>
                </a:cubicBezTo>
                <a:cubicBezTo>
                  <a:pt x="6712" y="12952"/>
                  <a:pt x="6703" y="12910"/>
                  <a:pt x="6700" y="12910"/>
                </a:cubicBezTo>
                <a:cubicBezTo>
                  <a:pt x="6699" y="12910"/>
                  <a:pt x="6698" y="12921"/>
                  <a:pt x="6702" y="12954"/>
                </a:cubicBezTo>
                <a:cubicBezTo>
                  <a:pt x="6769" y="13568"/>
                  <a:pt x="6748" y="14187"/>
                  <a:pt x="6639" y="14791"/>
                </a:cubicBezTo>
                <a:cubicBezTo>
                  <a:pt x="6530" y="15398"/>
                  <a:pt x="6329" y="15987"/>
                  <a:pt x="6039" y="16529"/>
                </a:cubicBezTo>
                <a:lnTo>
                  <a:pt x="5963" y="16665"/>
                </a:lnTo>
                <a:lnTo>
                  <a:pt x="5914" y="16675"/>
                </a:lnTo>
                <a:lnTo>
                  <a:pt x="5863" y="16684"/>
                </a:lnTo>
                <a:cubicBezTo>
                  <a:pt x="5847" y="16686"/>
                  <a:pt x="5828" y="16691"/>
                  <a:pt x="5810" y="16693"/>
                </a:cubicBezTo>
                <a:lnTo>
                  <a:pt x="5699" y="16707"/>
                </a:lnTo>
                <a:cubicBezTo>
                  <a:pt x="5662" y="16712"/>
                  <a:pt x="5624" y="16716"/>
                  <a:pt x="5587" y="16719"/>
                </a:cubicBezTo>
                <a:cubicBezTo>
                  <a:pt x="5511" y="16728"/>
                  <a:pt x="5435" y="16730"/>
                  <a:pt x="5360" y="16735"/>
                </a:cubicBezTo>
                <a:cubicBezTo>
                  <a:pt x="5260" y="16738"/>
                  <a:pt x="5159" y="16740"/>
                  <a:pt x="5059" y="16740"/>
                </a:cubicBezTo>
                <a:cubicBezTo>
                  <a:pt x="4843" y="16740"/>
                  <a:pt x="4628" y="16732"/>
                  <a:pt x="4415" y="16716"/>
                </a:cubicBezTo>
                <a:cubicBezTo>
                  <a:pt x="4091" y="16693"/>
                  <a:pt x="3762" y="16663"/>
                  <a:pt x="3426" y="16644"/>
                </a:cubicBezTo>
                <a:cubicBezTo>
                  <a:pt x="3283" y="16635"/>
                  <a:pt x="3140" y="16630"/>
                  <a:pt x="2998" y="16630"/>
                </a:cubicBezTo>
                <a:cubicBezTo>
                  <a:pt x="2798" y="16630"/>
                  <a:pt x="2599" y="16639"/>
                  <a:pt x="2400" y="16658"/>
                </a:cubicBezTo>
                <a:cubicBezTo>
                  <a:pt x="2055" y="16691"/>
                  <a:pt x="1714" y="16770"/>
                  <a:pt x="1390" y="16892"/>
                </a:cubicBezTo>
                <a:cubicBezTo>
                  <a:pt x="1309" y="16927"/>
                  <a:pt x="1228" y="16959"/>
                  <a:pt x="1151" y="17001"/>
                </a:cubicBezTo>
                <a:lnTo>
                  <a:pt x="1093" y="17031"/>
                </a:lnTo>
                <a:lnTo>
                  <a:pt x="1063" y="17045"/>
                </a:lnTo>
                <a:lnTo>
                  <a:pt x="1036" y="17061"/>
                </a:lnTo>
                <a:lnTo>
                  <a:pt x="922" y="17131"/>
                </a:lnTo>
                <a:cubicBezTo>
                  <a:pt x="885" y="17154"/>
                  <a:pt x="850" y="17180"/>
                  <a:pt x="816" y="17205"/>
                </a:cubicBezTo>
                <a:lnTo>
                  <a:pt x="762" y="17244"/>
                </a:lnTo>
                <a:cubicBezTo>
                  <a:pt x="744" y="17256"/>
                  <a:pt x="727" y="17272"/>
                  <a:pt x="711" y="17284"/>
                </a:cubicBezTo>
                <a:lnTo>
                  <a:pt x="612" y="17370"/>
                </a:lnTo>
                <a:lnTo>
                  <a:pt x="519" y="17462"/>
                </a:lnTo>
                <a:cubicBezTo>
                  <a:pt x="505" y="17476"/>
                  <a:pt x="491" y="17492"/>
                  <a:pt x="475" y="17508"/>
                </a:cubicBezTo>
                <a:lnTo>
                  <a:pt x="431" y="17559"/>
                </a:lnTo>
                <a:cubicBezTo>
                  <a:pt x="417" y="17576"/>
                  <a:pt x="401" y="17592"/>
                  <a:pt x="389" y="17610"/>
                </a:cubicBezTo>
                <a:cubicBezTo>
                  <a:pt x="378" y="17629"/>
                  <a:pt x="361" y="17645"/>
                  <a:pt x="350" y="17664"/>
                </a:cubicBezTo>
                <a:cubicBezTo>
                  <a:pt x="301" y="17736"/>
                  <a:pt x="257" y="17812"/>
                  <a:pt x="218" y="17891"/>
                </a:cubicBezTo>
                <a:cubicBezTo>
                  <a:pt x="144" y="18044"/>
                  <a:pt x="93" y="18206"/>
                  <a:pt x="60" y="18375"/>
                </a:cubicBezTo>
                <a:cubicBezTo>
                  <a:pt x="0" y="18697"/>
                  <a:pt x="28" y="19030"/>
                  <a:pt x="141" y="19341"/>
                </a:cubicBezTo>
                <a:lnTo>
                  <a:pt x="167" y="19385"/>
                </a:lnTo>
                <a:cubicBezTo>
                  <a:pt x="176" y="19401"/>
                  <a:pt x="188" y="19417"/>
                  <a:pt x="199" y="19436"/>
                </a:cubicBezTo>
                <a:cubicBezTo>
                  <a:pt x="211" y="19454"/>
                  <a:pt x="225" y="19477"/>
                  <a:pt x="243" y="19498"/>
                </a:cubicBezTo>
                <a:cubicBezTo>
                  <a:pt x="320" y="19605"/>
                  <a:pt x="415" y="19695"/>
                  <a:pt x="524" y="19767"/>
                </a:cubicBezTo>
                <a:cubicBezTo>
                  <a:pt x="619" y="19832"/>
                  <a:pt x="727" y="19874"/>
                  <a:pt x="841" y="19890"/>
                </a:cubicBezTo>
                <a:cubicBezTo>
                  <a:pt x="850" y="19890"/>
                  <a:pt x="860" y="19892"/>
                  <a:pt x="869" y="19894"/>
                </a:cubicBezTo>
                <a:lnTo>
                  <a:pt x="894" y="19894"/>
                </a:lnTo>
                <a:cubicBezTo>
                  <a:pt x="906" y="19892"/>
                  <a:pt x="917" y="19892"/>
                  <a:pt x="929" y="19887"/>
                </a:cubicBezTo>
                <a:cubicBezTo>
                  <a:pt x="945" y="19881"/>
                  <a:pt x="948" y="19871"/>
                  <a:pt x="934" y="19855"/>
                </a:cubicBezTo>
                <a:cubicBezTo>
                  <a:pt x="919" y="19848"/>
                  <a:pt x="919" y="19845"/>
                  <a:pt x="925" y="19845"/>
                </a:cubicBezTo>
                <a:cubicBezTo>
                  <a:pt x="926" y="19845"/>
                  <a:pt x="929" y="19845"/>
                  <a:pt x="931" y="19846"/>
                </a:cubicBezTo>
                <a:cubicBezTo>
                  <a:pt x="945" y="19848"/>
                  <a:pt x="964" y="19853"/>
                  <a:pt x="987" y="19860"/>
                </a:cubicBezTo>
                <a:cubicBezTo>
                  <a:pt x="1006" y="19864"/>
                  <a:pt x="1023" y="19867"/>
                  <a:pt x="1028" y="19867"/>
                </a:cubicBezTo>
                <a:cubicBezTo>
                  <a:pt x="1036" y="19867"/>
                  <a:pt x="1025" y="19861"/>
                  <a:pt x="973" y="19841"/>
                </a:cubicBezTo>
                <a:cubicBezTo>
                  <a:pt x="948" y="19834"/>
                  <a:pt x="920" y="19827"/>
                  <a:pt x="894" y="19820"/>
                </a:cubicBezTo>
                <a:cubicBezTo>
                  <a:pt x="866" y="19811"/>
                  <a:pt x="841" y="19802"/>
                  <a:pt x="816" y="19790"/>
                </a:cubicBezTo>
                <a:lnTo>
                  <a:pt x="816" y="19790"/>
                </a:lnTo>
                <a:cubicBezTo>
                  <a:pt x="817" y="19790"/>
                  <a:pt x="818" y="19790"/>
                  <a:pt x="819" y="19790"/>
                </a:cubicBezTo>
                <a:cubicBezTo>
                  <a:pt x="827" y="19790"/>
                  <a:pt x="816" y="19780"/>
                  <a:pt x="802" y="19765"/>
                </a:cubicBezTo>
                <a:cubicBezTo>
                  <a:pt x="795" y="19755"/>
                  <a:pt x="785" y="19746"/>
                  <a:pt x="776" y="19739"/>
                </a:cubicBezTo>
                <a:cubicBezTo>
                  <a:pt x="771" y="19732"/>
                  <a:pt x="767" y="19725"/>
                  <a:pt x="762" y="19718"/>
                </a:cubicBezTo>
                <a:cubicBezTo>
                  <a:pt x="758" y="19717"/>
                  <a:pt x="755" y="19717"/>
                  <a:pt x="753" y="19717"/>
                </a:cubicBezTo>
                <a:cubicBezTo>
                  <a:pt x="747" y="19717"/>
                  <a:pt x="748" y="19721"/>
                  <a:pt x="755" y="19730"/>
                </a:cubicBezTo>
                <a:cubicBezTo>
                  <a:pt x="760" y="19737"/>
                  <a:pt x="765" y="19744"/>
                  <a:pt x="771" y="19751"/>
                </a:cubicBezTo>
                <a:cubicBezTo>
                  <a:pt x="778" y="19760"/>
                  <a:pt x="785" y="19765"/>
                  <a:pt x="792" y="19772"/>
                </a:cubicBezTo>
                <a:cubicBezTo>
                  <a:pt x="809" y="19788"/>
                  <a:pt x="820" y="19802"/>
                  <a:pt x="808" y="19802"/>
                </a:cubicBezTo>
                <a:cubicBezTo>
                  <a:pt x="800" y="19802"/>
                  <a:pt x="780" y="19795"/>
                  <a:pt x="741" y="19776"/>
                </a:cubicBezTo>
                <a:cubicBezTo>
                  <a:pt x="725" y="19769"/>
                  <a:pt x="709" y="19760"/>
                  <a:pt x="695" y="19751"/>
                </a:cubicBezTo>
                <a:cubicBezTo>
                  <a:pt x="674" y="19737"/>
                  <a:pt x="656" y="19721"/>
                  <a:pt x="635" y="19702"/>
                </a:cubicBezTo>
                <a:cubicBezTo>
                  <a:pt x="614" y="19686"/>
                  <a:pt x="595" y="19663"/>
                  <a:pt x="577" y="19644"/>
                </a:cubicBezTo>
                <a:cubicBezTo>
                  <a:pt x="574" y="19641"/>
                  <a:pt x="571" y="19638"/>
                  <a:pt x="568" y="19635"/>
                </a:cubicBezTo>
                <a:lnTo>
                  <a:pt x="568" y="19635"/>
                </a:lnTo>
                <a:cubicBezTo>
                  <a:pt x="577" y="19647"/>
                  <a:pt x="579" y="19651"/>
                  <a:pt x="577" y="19651"/>
                </a:cubicBezTo>
                <a:cubicBezTo>
                  <a:pt x="575" y="19651"/>
                  <a:pt x="569" y="19647"/>
                  <a:pt x="561" y="19640"/>
                </a:cubicBezTo>
                <a:cubicBezTo>
                  <a:pt x="549" y="19628"/>
                  <a:pt x="531" y="19612"/>
                  <a:pt x="512" y="19596"/>
                </a:cubicBezTo>
                <a:lnTo>
                  <a:pt x="468" y="19542"/>
                </a:lnTo>
                <a:lnTo>
                  <a:pt x="422" y="19461"/>
                </a:lnTo>
                <a:cubicBezTo>
                  <a:pt x="408" y="19433"/>
                  <a:pt x="389" y="19401"/>
                  <a:pt x="378" y="19371"/>
                </a:cubicBezTo>
                <a:lnTo>
                  <a:pt x="359" y="19327"/>
                </a:lnTo>
                <a:cubicBezTo>
                  <a:pt x="355" y="19313"/>
                  <a:pt x="350" y="19299"/>
                  <a:pt x="348" y="19288"/>
                </a:cubicBezTo>
                <a:cubicBezTo>
                  <a:pt x="341" y="19269"/>
                  <a:pt x="336" y="19250"/>
                  <a:pt x="334" y="19230"/>
                </a:cubicBezTo>
                <a:cubicBezTo>
                  <a:pt x="322" y="19211"/>
                  <a:pt x="315" y="19190"/>
                  <a:pt x="308" y="19169"/>
                </a:cubicBezTo>
                <a:cubicBezTo>
                  <a:pt x="299" y="19137"/>
                  <a:pt x="292" y="19105"/>
                  <a:pt x="285" y="19074"/>
                </a:cubicBezTo>
                <a:lnTo>
                  <a:pt x="290" y="19067"/>
                </a:lnTo>
                <a:cubicBezTo>
                  <a:pt x="281" y="19030"/>
                  <a:pt x="278" y="19018"/>
                  <a:pt x="277" y="19018"/>
                </a:cubicBezTo>
                <a:lnTo>
                  <a:pt x="277" y="19018"/>
                </a:lnTo>
                <a:cubicBezTo>
                  <a:pt x="275" y="19018"/>
                  <a:pt x="287" y="19083"/>
                  <a:pt x="283" y="19083"/>
                </a:cubicBezTo>
                <a:cubicBezTo>
                  <a:pt x="282" y="19083"/>
                  <a:pt x="282" y="19082"/>
                  <a:pt x="280" y="19079"/>
                </a:cubicBezTo>
                <a:cubicBezTo>
                  <a:pt x="255" y="18984"/>
                  <a:pt x="250" y="18829"/>
                  <a:pt x="257" y="18671"/>
                </a:cubicBezTo>
                <a:lnTo>
                  <a:pt x="257" y="18671"/>
                </a:lnTo>
                <a:cubicBezTo>
                  <a:pt x="253" y="18806"/>
                  <a:pt x="269" y="18940"/>
                  <a:pt x="306" y="19070"/>
                </a:cubicBezTo>
                <a:cubicBezTo>
                  <a:pt x="299" y="19033"/>
                  <a:pt x="294" y="18996"/>
                  <a:pt x="297" y="18959"/>
                </a:cubicBezTo>
                <a:cubicBezTo>
                  <a:pt x="297" y="18957"/>
                  <a:pt x="298" y="18957"/>
                  <a:pt x="299" y="18957"/>
                </a:cubicBezTo>
                <a:cubicBezTo>
                  <a:pt x="303" y="18957"/>
                  <a:pt x="309" y="18972"/>
                  <a:pt x="315" y="18993"/>
                </a:cubicBezTo>
                <a:cubicBezTo>
                  <a:pt x="324" y="19021"/>
                  <a:pt x="336" y="19058"/>
                  <a:pt x="348" y="19091"/>
                </a:cubicBezTo>
                <a:cubicBezTo>
                  <a:pt x="357" y="19116"/>
                  <a:pt x="368" y="19142"/>
                  <a:pt x="382" y="19167"/>
                </a:cubicBezTo>
                <a:cubicBezTo>
                  <a:pt x="355" y="19084"/>
                  <a:pt x="334" y="19000"/>
                  <a:pt x="317" y="18915"/>
                </a:cubicBezTo>
                <a:cubicBezTo>
                  <a:pt x="304" y="18836"/>
                  <a:pt x="294" y="18759"/>
                  <a:pt x="292" y="18681"/>
                </a:cubicBezTo>
                <a:cubicBezTo>
                  <a:pt x="300" y="18612"/>
                  <a:pt x="308" y="18587"/>
                  <a:pt x="315" y="18587"/>
                </a:cubicBezTo>
                <a:cubicBezTo>
                  <a:pt x="319" y="18587"/>
                  <a:pt x="323" y="18598"/>
                  <a:pt x="327" y="18613"/>
                </a:cubicBezTo>
                <a:cubicBezTo>
                  <a:pt x="329" y="18634"/>
                  <a:pt x="331" y="18662"/>
                  <a:pt x="336" y="18690"/>
                </a:cubicBezTo>
                <a:cubicBezTo>
                  <a:pt x="337" y="18701"/>
                  <a:pt x="339" y="18713"/>
                  <a:pt x="339" y="18725"/>
                </a:cubicBezTo>
                <a:lnTo>
                  <a:pt x="339" y="18725"/>
                </a:lnTo>
                <a:cubicBezTo>
                  <a:pt x="336" y="18635"/>
                  <a:pt x="337" y="18546"/>
                  <a:pt x="345" y="18456"/>
                </a:cubicBezTo>
                <a:cubicBezTo>
                  <a:pt x="352" y="18379"/>
                  <a:pt x="366" y="18305"/>
                  <a:pt x="382" y="18231"/>
                </a:cubicBezTo>
                <a:lnTo>
                  <a:pt x="382" y="18231"/>
                </a:lnTo>
                <a:cubicBezTo>
                  <a:pt x="378" y="18259"/>
                  <a:pt x="375" y="18287"/>
                  <a:pt x="375" y="18317"/>
                </a:cubicBezTo>
                <a:cubicBezTo>
                  <a:pt x="373" y="18335"/>
                  <a:pt x="373" y="18352"/>
                  <a:pt x="375" y="18370"/>
                </a:cubicBezTo>
                <a:cubicBezTo>
                  <a:pt x="378" y="18398"/>
                  <a:pt x="375" y="18428"/>
                  <a:pt x="378" y="18495"/>
                </a:cubicBezTo>
                <a:cubicBezTo>
                  <a:pt x="387" y="18456"/>
                  <a:pt x="394" y="18426"/>
                  <a:pt x="401" y="18400"/>
                </a:cubicBezTo>
                <a:cubicBezTo>
                  <a:pt x="405" y="18375"/>
                  <a:pt x="408" y="18352"/>
                  <a:pt x="412" y="18333"/>
                </a:cubicBezTo>
                <a:cubicBezTo>
                  <a:pt x="415" y="18315"/>
                  <a:pt x="417" y="18298"/>
                  <a:pt x="419" y="18282"/>
                </a:cubicBezTo>
                <a:cubicBezTo>
                  <a:pt x="419" y="18269"/>
                  <a:pt x="421" y="18256"/>
                  <a:pt x="424" y="18242"/>
                </a:cubicBezTo>
                <a:lnTo>
                  <a:pt x="424" y="18242"/>
                </a:lnTo>
                <a:cubicBezTo>
                  <a:pt x="415" y="18280"/>
                  <a:pt x="402" y="18318"/>
                  <a:pt x="389" y="18356"/>
                </a:cubicBezTo>
                <a:cubicBezTo>
                  <a:pt x="443" y="18171"/>
                  <a:pt x="401" y="18192"/>
                  <a:pt x="419" y="18090"/>
                </a:cubicBezTo>
                <a:cubicBezTo>
                  <a:pt x="459" y="18011"/>
                  <a:pt x="505" y="17937"/>
                  <a:pt x="556" y="17865"/>
                </a:cubicBezTo>
                <a:cubicBezTo>
                  <a:pt x="570" y="17849"/>
                  <a:pt x="582" y="17833"/>
                  <a:pt x="593" y="17821"/>
                </a:cubicBezTo>
                <a:cubicBezTo>
                  <a:pt x="605" y="17807"/>
                  <a:pt x="616" y="17796"/>
                  <a:pt x="623" y="17786"/>
                </a:cubicBezTo>
                <a:cubicBezTo>
                  <a:pt x="637" y="17775"/>
                  <a:pt x="646" y="17768"/>
                  <a:pt x="652" y="17768"/>
                </a:cubicBezTo>
                <a:lnTo>
                  <a:pt x="652" y="17768"/>
                </a:lnTo>
                <a:lnTo>
                  <a:pt x="635" y="17756"/>
                </a:lnTo>
                <a:cubicBezTo>
                  <a:pt x="653" y="17733"/>
                  <a:pt x="672" y="17712"/>
                  <a:pt x="690" y="17691"/>
                </a:cubicBezTo>
                <a:cubicBezTo>
                  <a:pt x="704" y="17680"/>
                  <a:pt x="709" y="17678"/>
                  <a:pt x="714" y="17678"/>
                </a:cubicBezTo>
                <a:cubicBezTo>
                  <a:pt x="716" y="17678"/>
                  <a:pt x="714" y="17688"/>
                  <a:pt x="722" y="17688"/>
                </a:cubicBezTo>
                <a:cubicBezTo>
                  <a:pt x="724" y="17688"/>
                  <a:pt x="725" y="17688"/>
                  <a:pt x="727" y="17687"/>
                </a:cubicBezTo>
                <a:cubicBezTo>
                  <a:pt x="744" y="17657"/>
                  <a:pt x="734" y="17652"/>
                  <a:pt x="744" y="17629"/>
                </a:cubicBezTo>
                <a:cubicBezTo>
                  <a:pt x="755" y="17610"/>
                  <a:pt x="767" y="17592"/>
                  <a:pt x="783" y="17573"/>
                </a:cubicBezTo>
                <a:cubicBezTo>
                  <a:pt x="820" y="17536"/>
                  <a:pt x="857" y="17499"/>
                  <a:pt x="899" y="17467"/>
                </a:cubicBezTo>
                <a:lnTo>
                  <a:pt x="899" y="17467"/>
                </a:lnTo>
                <a:cubicBezTo>
                  <a:pt x="898" y="17473"/>
                  <a:pt x="900" y="17476"/>
                  <a:pt x="904" y="17476"/>
                </a:cubicBezTo>
                <a:cubicBezTo>
                  <a:pt x="909" y="17476"/>
                  <a:pt x="917" y="17473"/>
                  <a:pt x="927" y="17467"/>
                </a:cubicBezTo>
                <a:cubicBezTo>
                  <a:pt x="954" y="17451"/>
                  <a:pt x="980" y="17434"/>
                  <a:pt x="1003" y="17416"/>
                </a:cubicBezTo>
                <a:cubicBezTo>
                  <a:pt x="1049" y="17382"/>
                  <a:pt x="1102" y="17351"/>
                  <a:pt x="1122" y="17351"/>
                </a:cubicBezTo>
                <a:cubicBezTo>
                  <a:pt x="1127" y="17351"/>
                  <a:pt x="1130" y="17352"/>
                  <a:pt x="1131" y="17356"/>
                </a:cubicBezTo>
                <a:cubicBezTo>
                  <a:pt x="1161" y="17337"/>
                  <a:pt x="1184" y="17321"/>
                  <a:pt x="1207" y="17305"/>
                </a:cubicBezTo>
                <a:lnTo>
                  <a:pt x="1272" y="17263"/>
                </a:lnTo>
                <a:cubicBezTo>
                  <a:pt x="1295" y="17249"/>
                  <a:pt x="1316" y="17235"/>
                  <a:pt x="1341" y="17221"/>
                </a:cubicBezTo>
                <a:cubicBezTo>
                  <a:pt x="1369" y="17207"/>
                  <a:pt x="1397" y="17196"/>
                  <a:pt x="1427" y="17184"/>
                </a:cubicBezTo>
                <a:cubicBezTo>
                  <a:pt x="1444" y="17179"/>
                  <a:pt x="1455" y="17177"/>
                  <a:pt x="1461" y="17177"/>
                </a:cubicBezTo>
                <a:cubicBezTo>
                  <a:pt x="1482" y="17177"/>
                  <a:pt x="1443" y="17205"/>
                  <a:pt x="1385" y="17235"/>
                </a:cubicBezTo>
                <a:cubicBezTo>
                  <a:pt x="1367" y="17244"/>
                  <a:pt x="1346" y="17258"/>
                  <a:pt x="1327" y="17270"/>
                </a:cubicBezTo>
                <a:lnTo>
                  <a:pt x="1270" y="17305"/>
                </a:lnTo>
                <a:cubicBezTo>
                  <a:pt x="1251" y="17316"/>
                  <a:pt x="1232" y="17325"/>
                  <a:pt x="1216" y="17332"/>
                </a:cubicBezTo>
                <a:cubicBezTo>
                  <a:pt x="1200" y="17342"/>
                  <a:pt x="1186" y="17351"/>
                  <a:pt x="1179" y="17356"/>
                </a:cubicBezTo>
                <a:cubicBezTo>
                  <a:pt x="1130" y="17385"/>
                  <a:pt x="1111" y="17395"/>
                  <a:pt x="1107" y="17395"/>
                </a:cubicBezTo>
                <a:cubicBezTo>
                  <a:pt x="1099" y="17395"/>
                  <a:pt x="1146" y="17359"/>
                  <a:pt x="1141" y="17359"/>
                </a:cubicBezTo>
                <a:cubicBezTo>
                  <a:pt x="1140" y="17359"/>
                  <a:pt x="1135" y="17362"/>
                  <a:pt x="1126" y="17367"/>
                </a:cubicBezTo>
                <a:cubicBezTo>
                  <a:pt x="1075" y="17404"/>
                  <a:pt x="1024" y="17441"/>
                  <a:pt x="978" y="17481"/>
                </a:cubicBezTo>
                <a:cubicBezTo>
                  <a:pt x="1053" y="17430"/>
                  <a:pt x="1203" y="17351"/>
                  <a:pt x="1228" y="17351"/>
                </a:cubicBezTo>
                <a:cubicBezTo>
                  <a:pt x="1231" y="17351"/>
                  <a:pt x="1232" y="17353"/>
                  <a:pt x="1230" y="17356"/>
                </a:cubicBezTo>
                <a:cubicBezTo>
                  <a:pt x="1273" y="17331"/>
                  <a:pt x="1284" y="17323"/>
                  <a:pt x="1279" y="17323"/>
                </a:cubicBezTo>
                <a:cubicBezTo>
                  <a:pt x="1274" y="17323"/>
                  <a:pt x="1258" y="17329"/>
                  <a:pt x="1242" y="17335"/>
                </a:cubicBezTo>
                <a:cubicBezTo>
                  <a:pt x="1228" y="17341"/>
                  <a:pt x="1214" y="17347"/>
                  <a:pt x="1210" y="17347"/>
                </a:cubicBezTo>
                <a:cubicBezTo>
                  <a:pt x="1210" y="17347"/>
                  <a:pt x="1209" y="17347"/>
                  <a:pt x="1209" y="17346"/>
                </a:cubicBezTo>
                <a:cubicBezTo>
                  <a:pt x="1207" y="17344"/>
                  <a:pt x="1221" y="17332"/>
                  <a:pt x="1267" y="17307"/>
                </a:cubicBezTo>
                <a:cubicBezTo>
                  <a:pt x="1304" y="17293"/>
                  <a:pt x="1344" y="17275"/>
                  <a:pt x="1383" y="17261"/>
                </a:cubicBezTo>
                <a:cubicBezTo>
                  <a:pt x="1476" y="17214"/>
                  <a:pt x="1464" y="17212"/>
                  <a:pt x="1457" y="17207"/>
                </a:cubicBezTo>
                <a:cubicBezTo>
                  <a:pt x="1453" y="17203"/>
                  <a:pt x="1455" y="17203"/>
                  <a:pt x="1471" y="17193"/>
                </a:cubicBezTo>
                <a:cubicBezTo>
                  <a:pt x="1478" y="17189"/>
                  <a:pt x="1490" y="17182"/>
                  <a:pt x="1508" y="17175"/>
                </a:cubicBezTo>
                <a:cubicBezTo>
                  <a:pt x="1527" y="17166"/>
                  <a:pt x="1550" y="17156"/>
                  <a:pt x="1582" y="17145"/>
                </a:cubicBezTo>
                <a:lnTo>
                  <a:pt x="1582" y="17145"/>
                </a:lnTo>
                <a:cubicBezTo>
                  <a:pt x="1552" y="17159"/>
                  <a:pt x="1542" y="17165"/>
                  <a:pt x="1546" y="17165"/>
                </a:cubicBezTo>
                <a:cubicBezTo>
                  <a:pt x="1554" y="17165"/>
                  <a:pt x="1604" y="17148"/>
                  <a:pt x="1661" y="17129"/>
                </a:cubicBezTo>
                <a:cubicBezTo>
                  <a:pt x="1732" y="17103"/>
                  <a:pt x="1819" y="17082"/>
                  <a:pt x="1850" y="17082"/>
                </a:cubicBezTo>
                <a:cubicBezTo>
                  <a:pt x="1859" y="17082"/>
                  <a:pt x="1863" y="17083"/>
                  <a:pt x="1863" y="17086"/>
                </a:cubicBezTo>
                <a:lnTo>
                  <a:pt x="1863" y="17086"/>
                </a:lnTo>
                <a:cubicBezTo>
                  <a:pt x="1867" y="17070"/>
                  <a:pt x="1987" y="17036"/>
                  <a:pt x="2115" y="17015"/>
                </a:cubicBezTo>
                <a:cubicBezTo>
                  <a:pt x="2245" y="16992"/>
                  <a:pt x="2381" y="16976"/>
                  <a:pt x="2409" y="16959"/>
                </a:cubicBezTo>
                <a:lnTo>
                  <a:pt x="2409" y="16959"/>
                </a:lnTo>
                <a:lnTo>
                  <a:pt x="2333" y="16964"/>
                </a:lnTo>
                <a:lnTo>
                  <a:pt x="2259" y="16971"/>
                </a:lnTo>
                <a:lnTo>
                  <a:pt x="2293" y="16980"/>
                </a:lnTo>
                <a:lnTo>
                  <a:pt x="2178" y="16999"/>
                </a:lnTo>
                <a:cubicBezTo>
                  <a:pt x="2141" y="17006"/>
                  <a:pt x="2106" y="17015"/>
                  <a:pt x="2069" y="17022"/>
                </a:cubicBezTo>
                <a:cubicBezTo>
                  <a:pt x="1995" y="17036"/>
                  <a:pt x="1923" y="17057"/>
                  <a:pt x="1842" y="17073"/>
                </a:cubicBezTo>
                <a:cubicBezTo>
                  <a:pt x="1967" y="17029"/>
                  <a:pt x="1791" y="17057"/>
                  <a:pt x="1937" y="17010"/>
                </a:cubicBezTo>
                <a:cubicBezTo>
                  <a:pt x="1981" y="16997"/>
                  <a:pt x="2022" y="16985"/>
                  <a:pt x="2069" y="16978"/>
                </a:cubicBezTo>
                <a:cubicBezTo>
                  <a:pt x="2075" y="16977"/>
                  <a:pt x="2080" y="16976"/>
                  <a:pt x="2083" y="16976"/>
                </a:cubicBezTo>
                <a:cubicBezTo>
                  <a:pt x="2090" y="16976"/>
                  <a:pt x="2090" y="16979"/>
                  <a:pt x="2085" y="16980"/>
                </a:cubicBezTo>
                <a:cubicBezTo>
                  <a:pt x="2076" y="16989"/>
                  <a:pt x="2041" y="17004"/>
                  <a:pt x="2054" y="17004"/>
                </a:cubicBezTo>
                <a:cubicBezTo>
                  <a:pt x="2055" y="17004"/>
                  <a:pt x="2056" y="17004"/>
                  <a:pt x="2057" y="17004"/>
                </a:cubicBezTo>
                <a:lnTo>
                  <a:pt x="2168" y="16973"/>
                </a:lnTo>
                <a:lnTo>
                  <a:pt x="2282" y="16948"/>
                </a:lnTo>
                <a:lnTo>
                  <a:pt x="2282" y="16948"/>
                </a:lnTo>
                <a:cubicBezTo>
                  <a:pt x="2229" y="16953"/>
                  <a:pt x="2175" y="16953"/>
                  <a:pt x="2124" y="16959"/>
                </a:cubicBezTo>
                <a:cubicBezTo>
                  <a:pt x="2347" y="16915"/>
                  <a:pt x="2571" y="16890"/>
                  <a:pt x="2796" y="16888"/>
                </a:cubicBezTo>
                <a:cubicBezTo>
                  <a:pt x="2805" y="16887"/>
                  <a:pt x="2815" y="16887"/>
                  <a:pt x="2824" y="16887"/>
                </a:cubicBezTo>
                <a:cubicBezTo>
                  <a:pt x="2866" y="16887"/>
                  <a:pt x="2909" y="16891"/>
                  <a:pt x="2949" y="16895"/>
                </a:cubicBezTo>
                <a:cubicBezTo>
                  <a:pt x="2967" y="16899"/>
                  <a:pt x="2958" y="16902"/>
                  <a:pt x="2947" y="16904"/>
                </a:cubicBezTo>
                <a:cubicBezTo>
                  <a:pt x="2921" y="16909"/>
                  <a:pt x="2884" y="16913"/>
                  <a:pt x="3016" y="16920"/>
                </a:cubicBezTo>
                <a:cubicBezTo>
                  <a:pt x="3074" y="16915"/>
                  <a:pt x="3097" y="16913"/>
                  <a:pt x="3127" y="16913"/>
                </a:cubicBezTo>
                <a:cubicBezTo>
                  <a:pt x="3148" y="16911"/>
                  <a:pt x="3168" y="16910"/>
                  <a:pt x="3189" y="16910"/>
                </a:cubicBezTo>
                <a:cubicBezTo>
                  <a:pt x="3218" y="16910"/>
                  <a:pt x="3246" y="16912"/>
                  <a:pt x="3276" y="16913"/>
                </a:cubicBezTo>
                <a:cubicBezTo>
                  <a:pt x="3244" y="16908"/>
                  <a:pt x="3215" y="16907"/>
                  <a:pt x="3188" y="16907"/>
                </a:cubicBezTo>
                <a:cubicBezTo>
                  <a:pt x="3142" y="16907"/>
                  <a:pt x="3102" y="16911"/>
                  <a:pt x="3064" y="16911"/>
                </a:cubicBezTo>
                <a:cubicBezTo>
                  <a:pt x="3059" y="16911"/>
                  <a:pt x="3054" y="16911"/>
                  <a:pt x="3049" y="16911"/>
                </a:cubicBezTo>
                <a:cubicBezTo>
                  <a:pt x="3009" y="16899"/>
                  <a:pt x="3083" y="16899"/>
                  <a:pt x="3167" y="16897"/>
                </a:cubicBezTo>
                <a:cubicBezTo>
                  <a:pt x="3195" y="16897"/>
                  <a:pt x="3224" y="16897"/>
                  <a:pt x="3250" y="16897"/>
                </a:cubicBezTo>
                <a:cubicBezTo>
                  <a:pt x="3302" y="16897"/>
                  <a:pt x="3340" y="16896"/>
                  <a:pt x="3336" y="16890"/>
                </a:cubicBezTo>
                <a:lnTo>
                  <a:pt x="3336" y="16890"/>
                </a:lnTo>
                <a:cubicBezTo>
                  <a:pt x="3405" y="16902"/>
                  <a:pt x="3391" y="16909"/>
                  <a:pt x="3336" y="16915"/>
                </a:cubicBezTo>
                <a:cubicBezTo>
                  <a:pt x="3621" y="16920"/>
                  <a:pt x="3896" y="16946"/>
                  <a:pt x="4001" y="16980"/>
                </a:cubicBezTo>
                <a:lnTo>
                  <a:pt x="4128" y="16964"/>
                </a:lnTo>
                <a:cubicBezTo>
                  <a:pt x="4335" y="16984"/>
                  <a:pt x="4307" y="16986"/>
                  <a:pt x="4236" y="16986"/>
                </a:cubicBezTo>
                <a:cubicBezTo>
                  <a:pt x="4210" y="16986"/>
                  <a:pt x="4178" y="16986"/>
                  <a:pt x="4150" y="16986"/>
                </a:cubicBezTo>
                <a:cubicBezTo>
                  <a:pt x="4074" y="16986"/>
                  <a:pt x="4027" y="16989"/>
                  <a:pt x="4202" y="17008"/>
                </a:cubicBezTo>
                <a:cubicBezTo>
                  <a:pt x="4319" y="17022"/>
                  <a:pt x="4436" y="17027"/>
                  <a:pt x="4553" y="17027"/>
                </a:cubicBezTo>
                <a:cubicBezTo>
                  <a:pt x="4575" y="17027"/>
                  <a:pt x="4597" y="17027"/>
                  <a:pt x="4619" y="17027"/>
                </a:cubicBezTo>
                <a:lnTo>
                  <a:pt x="4471" y="17017"/>
                </a:lnTo>
                <a:cubicBezTo>
                  <a:pt x="4566" y="17006"/>
                  <a:pt x="4663" y="17001"/>
                  <a:pt x="4760" y="16999"/>
                </a:cubicBezTo>
                <a:cubicBezTo>
                  <a:pt x="4859" y="17004"/>
                  <a:pt x="4842" y="17014"/>
                  <a:pt x="4899" y="17014"/>
                </a:cubicBezTo>
                <a:cubicBezTo>
                  <a:pt x="4916" y="17014"/>
                  <a:pt x="4941" y="17013"/>
                  <a:pt x="4978" y="17010"/>
                </a:cubicBezTo>
                <a:cubicBezTo>
                  <a:pt x="5299" y="17022"/>
                  <a:pt x="5185" y="17040"/>
                  <a:pt x="5094" y="17059"/>
                </a:cubicBezTo>
                <a:lnTo>
                  <a:pt x="5094" y="17059"/>
                </a:lnTo>
                <a:cubicBezTo>
                  <a:pt x="5124" y="17058"/>
                  <a:pt x="5157" y="17057"/>
                  <a:pt x="5189" y="17057"/>
                </a:cubicBezTo>
                <a:cubicBezTo>
                  <a:pt x="5245" y="17054"/>
                  <a:pt x="5298" y="17052"/>
                  <a:pt x="5342" y="17050"/>
                </a:cubicBezTo>
                <a:cubicBezTo>
                  <a:pt x="5370" y="17050"/>
                  <a:pt x="5397" y="17045"/>
                  <a:pt x="5423" y="17038"/>
                </a:cubicBezTo>
                <a:lnTo>
                  <a:pt x="5423" y="17038"/>
                </a:lnTo>
                <a:cubicBezTo>
                  <a:pt x="5426" y="17043"/>
                  <a:pt x="5407" y="17056"/>
                  <a:pt x="5333" y="17066"/>
                </a:cubicBezTo>
                <a:lnTo>
                  <a:pt x="5333" y="17066"/>
                </a:lnTo>
                <a:cubicBezTo>
                  <a:pt x="5286" y="17063"/>
                  <a:pt x="5252" y="17062"/>
                  <a:pt x="5227" y="17062"/>
                </a:cubicBezTo>
                <a:cubicBezTo>
                  <a:pt x="5177" y="17062"/>
                  <a:pt x="5163" y="17066"/>
                  <a:pt x="5159" y="17071"/>
                </a:cubicBezTo>
                <a:cubicBezTo>
                  <a:pt x="5156" y="17073"/>
                  <a:pt x="5160" y="17077"/>
                  <a:pt x="5151" y="17077"/>
                </a:cubicBezTo>
                <a:cubicBezTo>
                  <a:pt x="5145" y="17077"/>
                  <a:pt x="5134" y="17075"/>
                  <a:pt x="5110" y="17071"/>
                </a:cubicBezTo>
                <a:cubicBezTo>
                  <a:pt x="5088" y="17071"/>
                  <a:pt x="5066" y="17071"/>
                  <a:pt x="5044" y="17070"/>
                </a:cubicBezTo>
                <a:lnTo>
                  <a:pt x="5044" y="17070"/>
                </a:lnTo>
                <a:cubicBezTo>
                  <a:pt x="5041" y="17071"/>
                  <a:pt x="5038" y="17072"/>
                  <a:pt x="5036" y="17073"/>
                </a:cubicBezTo>
                <a:cubicBezTo>
                  <a:pt x="5154" y="17078"/>
                  <a:pt x="5155" y="17086"/>
                  <a:pt x="5125" y="17094"/>
                </a:cubicBezTo>
                <a:lnTo>
                  <a:pt x="5125" y="17094"/>
                </a:lnTo>
                <a:lnTo>
                  <a:pt x="5187" y="17087"/>
                </a:lnTo>
                <a:lnTo>
                  <a:pt x="5230" y="17081"/>
                </a:lnTo>
                <a:lnTo>
                  <a:pt x="5230" y="17081"/>
                </a:lnTo>
                <a:lnTo>
                  <a:pt x="5316" y="17103"/>
                </a:lnTo>
                <a:cubicBezTo>
                  <a:pt x="5403" y="17103"/>
                  <a:pt x="5464" y="17084"/>
                  <a:pt x="5515" y="17084"/>
                </a:cubicBezTo>
                <a:cubicBezTo>
                  <a:pt x="5525" y="17084"/>
                  <a:pt x="5536" y="17085"/>
                  <a:pt x="5546" y="17087"/>
                </a:cubicBezTo>
                <a:cubicBezTo>
                  <a:pt x="5669" y="17091"/>
                  <a:pt x="5462" y="17121"/>
                  <a:pt x="5548" y="17121"/>
                </a:cubicBezTo>
                <a:cubicBezTo>
                  <a:pt x="5573" y="17121"/>
                  <a:pt x="5620" y="17118"/>
                  <a:pt x="5706" y="17112"/>
                </a:cubicBezTo>
                <a:cubicBezTo>
                  <a:pt x="5756" y="17108"/>
                  <a:pt x="5801" y="17098"/>
                  <a:pt x="5840" y="17094"/>
                </a:cubicBezTo>
                <a:cubicBezTo>
                  <a:pt x="5879" y="17089"/>
                  <a:pt x="5914" y="17082"/>
                  <a:pt x="5944" y="17075"/>
                </a:cubicBezTo>
                <a:lnTo>
                  <a:pt x="5986" y="17066"/>
                </a:lnTo>
                <a:lnTo>
                  <a:pt x="6053" y="17050"/>
                </a:lnTo>
                <a:lnTo>
                  <a:pt x="6169" y="17020"/>
                </a:lnTo>
                <a:lnTo>
                  <a:pt x="6194" y="17013"/>
                </a:lnTo>
                <a:lnTo>
                  <a:pt x="6208" y="17010"/>
                </a:lnTo>
                <a:lnTo>
                  <a:pt x="6213" y="17008"/>
                </a:lnTo>
                <a:cubicBezTo>
                  <a:pt x="6213" y="17008"/>
                  <a:pt x="6215" y="17006"/>
                  <a:pt x="6217" y="17004"/>
                </a:cubicBezTo>
                <a:lnTo>
                  <a:pt x="6241" y="16955"/>
                </a:lnTo>
                <a:lnTo>
                  <a:pt x="6289" y="16855"/>
                </a:lnTo>
                <a:lnTo>
                  <a:pt x="6333" y="16770"/>
                </a:lnTo>
                <a:cubicBezTo>
                  <a:pt x="6347" y="16746"/>
                  <a:pt x="6361" y="16721"/>
                  <a:pt x="6377" y="16691"/>
                </a:cubicBezTo>
                <a:lnTo>
                  <a:pt x="6377" y="16691"/>
                </a:lnTo>
                <a:cubicBezTo>
                  <a:pt x="6363" y="16707"/>
                  <a:pt x="6350" y="16728"/>
                  <a:pt x="6338" y="16749"/>
                </a:cubicBezTo>
                <a:lnTo>
                  <a:pt x="6312" y="16793"/>
                </a:lnTo>
                <a:cubicBezTo>
                  <a:pt x="6296" y="16823"/>
                  <a:pt x="6280" y="16851"/>
                  <a:pt x="6261" y="16883"/>
                </a:cubicBezTo>
                <a:cubicBezTo>
                  <a:pt x="6280" y="16844"/>
                  <a:pt x="6284" y="16833"/>
                  <a:pt x="6281" y="16833"/>
                </a:cubicBezTo>
                <a:cubicBezTo>
                  <a:pt x="6278" y="16833"/>
                  <a:pt x="6271" y="16841"/>
                  <a:pt x="6266" y="16846"/>
                </a:cubicBezTo>
                <a:cubicBezTo>
                  <a:pt x="6264" y="16848"/>
                  <a:pt x="6262" y="16850"/>
                  <a:pt x="6261" y="16850"/>
                </a:cubicBezTo>
                <a:cubicBezTo>
                  <a:pt x="6259" y="16850"/>
                  <a:pt x="6259" y="16848"/>
                  <a:pt x="6261" y="16841"/>
                </a:cubicBezTo>
                <a:cubicBezTo>
                  <a:pt x="6264" y="16834"/>
                  <a:pt x="6268" y="16825"/>
                  <a:pt x="6275" y="16809"/>
                </a:cubicBezTo>
                <a:lnTo>
                  <a:pt x="6299" y="16760"/>
                </a:lnTo>
                <a:cubicBezTo>
                  <a:pt x="6352" y="16695"/>
                  <a:pt x="6396" y="16624"/>
                  <a:pt x="6431" y="16549"/>
                </a:cubicBezTo>
                <a:cubicBezTo>
                  <a:pt x="6456" y="16501"/>
                  <a:pt x="6482" y="16448"/>
                  <a:pt x="6509" y="16392"/>
                </a:cubicBezTo>
                <a:lnTo>
                  <a:pt x="6579" y="16232"/>
                </a:lnTo>
                <a:lnTo>
                  <a:pt x="6579" y="16232"/>
                </a:lnTo>
                <a:cubicBezTo>
                  <a:pt x="6577" y="16244"/>
                  <a:pt x="6577" y="16248"/>
                  <a:pt x="6580" y="16248"/>
                </a:cubicBezTo>
                <a:cubicBezTo>
                  <a:pt x="6587" y="16248"/>
                  <a:pt x="6610" y="16212"/>
                  <a:pt x="6615" y="16212"/>
                </a:cubicBezTo>
                <a:cubicBezTo>
                  <a:pt x="6617" y="16212"/>
                  <a:pt x="6616" y="16217"/>
                  <a:pt x="6611" y="16232"/>
                </a:cubicBezTo>
                <a:cubicBezTo>
                  <a:pt x="6623" y="16204"/>
                  <a:pt x="6632" y="16179"/>
                  <a:pt x="6644" y="16153"/>
                </a:cubicBezTo>
                <a:cubicBezTo>
                  <a:pt x="6653" y="16130"/>
                  <a:pt x="6660" y="16105"/>
                  <a:pt x="6667" y="16084"/>
                </a:cubicBezTo>
                <a:cubicBezTo>
                  <a:pt x="6678" y="16049"/>
                  <a:pt x="6690" y="16014"/>
                  <a:pt x="6697" y="15980"/>
                </a:cubicBezTo>
                <a:lnTo>
                  <a:pt x="6697" y="15980"/>
                </a:lnTo>
                <a:cubicBezTo>
                  <a:pt x="6659" y="16067"/>
                  <a:pt x="6644" y="16099"/>
                  <a:pt x="6641" y="16099"/>
                </a:cubicBezTo>
                <a:cubicBezTo>
                  <a:pt x="6638" y="16099"/>
                  <a:pt x="6660" y="16036"/>
                  <a:pt x="6683" y="15968"/>
                </a:cubicBezTo>
                <a:cubicBezTo>
                  <a:pt x="6699" y="15922"/>
                  <a:pt x="6716" y="15873"/>
                  <a:pt x="6727" y="15822"/>
                </a:cubicBezTo>
                <a:cubicBezTo>
                  <a:pt x="6729" y="15814"/>
                  <a:pt x="6729" y="15809"/>
                  <a:pt x="6728" y="15809"/>
                </a:cubicBezTo>
                <a:cubicBezTo>
                  <a:pt x="6726" y="15809"/>
                  <a:pt x="6715" y="15831"/>
                  <a:pt x="6690" y="15885"/>
                </a:cubicBezTo>
                <a:cubicBezTo>
                  <a:pt x="6806" y="15556"/>
                  <a:pt x="6841" y="15496"/>
                  <a:pt x="6910" y="15287"/>
                </a:cubicBezTo>
                <a:lnTo>
                  <a:pt x="6910" y="15287"/>
                </a:lnTo>
                <a:cubicBezTo>
                  <a:pt x="6913" y="15299"/>
                  <a:pt x="6860" y="15498"/>
                  <a:pt x="6867" y="15498"/>
                </a:cubicBezTo>
                <a:cubicBezTo>
                  <a:pt x="6869" y="15498"/>
                  <a:pt x="6881" y="15467"/>
                  <a:pt x="6908" y="15384"/>
                </a:cubicBezTo>
                <a:cubicBezTo>
                  <a:pt x="6912" y="15361"/>
                  <a:pt x="6915" y="15343"/>
                  <a:pt x="6919" y="15326"/>
                </a:cubicBezTo>
                <a:cubicBezTo>
                  <a:pt x="6924" y="15308"/>
                  <a:pt x="6924" y="15294"/>
                  <a:pt x="6926" y="15282"/>
                </a:cubicBezTo>
                <a:cubicBezTo>
                  <a:pt x="6929" y="15268"/>
                  <a:pt x="6929" y="15255"/>
                  <a:pt x="6929" y="15238"/>
                </a:cubicBezTo>
                <a:cubicBezTo>
                  <a:pt x="6929" y="15232"/>
                  <a:pt x="6928" y="15230"/>
                  <a:pt x="6926" y="15230"/>
                </a:cubicBezTo>
                <a:cubicBezTo>
                  <a:pt x="6923" y="15230"/>
                  <a:pt x="6919" y="15236"/>
                  <a:pt x="6915" y="15243"/>
                </a:cubicBezTo>
                <a:cubicBezTo>
                  <a:pt x="6909" y="15253"/>
                  <a:pt x="6903" y="15264"/>
                  <a:pt x="6899" y="15264"/>
                </a:cubicBezTo>
                <a:cubicBezTo>
                  <a:pt x="6893" y="15264"/>
                  <a:pt x="6892" y="15242"/>
                  <a:pt x="6903" y="15162"/>
                </a:cubicBezTo>
                <a:lnTo>
                  <a:pt x="6903" y="15162"/>
                </a:lnTo>
                <a:cubicBezTo>
                  <a:pt x="6885" y="15234"/>
                  <a:pt x="6866" y="15306"/>
                  <a:pt x="6841" y="15377"/>
                </a:cubicBezTo>
                <a:cubicBezTo>
                  <a:pt x="6840" y="15378"/>
                  <a:pt x="6839" y="15378"/>
                  <a:pt x="6839" y="15378"/>
                </a:cubicBezTo>
                <a:cubicBezTo>
                  <a:pt x="6834" y="15378"/>
                  <a:pt x="6836" y="15358"/>
                  <a:pt x="6841" y="15326"/>
                </a:cubicBezTo>
                <a:cubicBezTo>
                  <a:pt x="6848" y="15289"/>
                  <a:pt x="6859" y="15241"/>
                  <a:pt x="6873" y="15187"/>
                </a:cubicBezTo>
                <a:lnTo>
                  <a:pt x="6912" y="15037"/>
                </a:lnTo>
                <a:cubicBezTo>
                  <a:pt x="6922" y="14991"/>
                  <a:pt x="6929" y="14956"/>
                  <a:pt x="6931" y="14942"/>
                </a:cubicBezTo>
                <a:cubicBezTo>
                  <a:pt x="6937" y="14918"/>
                  <a:pt x="6939" y="14909"/>
                  <a:pt x="6940" y="14909"/>
                </a:cubicBezTo>
                <a:lnTo>
                  <a:pt x="6940" y="14909"/>
                </a:lnTo>
                <a:cubicBezTo>
                  <a:pt x="6944" y="14909"/>
                  <a:pt x="6922" y="15033"/>
                  <a:pt x="6931" y="15033"/>
                </a:cubicBezTo>
                <a:cubicBezTo>
                  <a:pt x="6933" y="15033"/>
                  <a:pt x="6937" y="15025"/>
                  <a:pt x="6945" y="15002"/>
                </a:cubicBezTo>
                <a:cubicBezTo>
                  <a:pt x="6968" y="14902"/>
                  <a:pt x="6980" y="14826"/>
                  <a:pt x="6991" y="14757"/>
                </a:cubicBezTo>
                <a:cubicBezTo>
                  <a:pt x="6996" y="14694"/>
                  <a:pt x="7007" y="14629"/>
                  <a:pt x="7019" y="14567"/>
                </a:cubicBezTo>
                <a:cubicBezTo>
                  <a:pt x="7019" y="14696"/>
                  <a:pt x="7024" y="14615"/>
                  <a:pt x="7019" y="14761"/>
                </a:cubicBezTo>
                <a:cubicBezTo>
                  <a:pt x="7045" y="14582"/>
                  <a:pt x="7054" y="14540"/>
                  <a:pt x="7058" y="14540"/>
                </a:cubicBezTo>
                <a:cubicBezTo>
                  <a:pt x="7059" y="14540"/>
                  <a:pt x="7060" y="14545"/>
                  <a:pt x="7061" y="14550"/>
                </a:cubicBezTo>
                <a:cubicBezTo>
                  <a:pt x="7062" y="14558"/>
                  <a:pt x="7064" y="14567"/>
                  <a:pt x="7067" y="14567"/>
                </a:cubicBezTo>
                <a:cubicBezTo>
                  <a:pt x="7068" y="14567"/>
                  <a:pt x="7069" y="14566"/>
                  <a:pt x="7070" y="14564"/>
                </a:cubicBezTo>
                <a:cubicBezTo>
                  <a:pt x="7077" y="14550"/>
                  <a:pt x="7079" y="14536"/>
                  <a:pt x="7082" y="14523"/>
                </a:cubicBezTo>
                <a:cubicBezTo>
                  <a:pt x="7091" y="14490"/>
                  <a:pt x="7095" y="14455"/>
                  <a:pt x="7100" y="14423"/>
                </a:cubicBezTo>
                <a:cubicBezTo>
                  <a:pt x="7107" y="14305"/>
                  <a:pt x="7084" y="14377"/>
                  <a:pt x="7107" y="14189"/>
                </a:cubicBezTo>
                <a:lnTo>
                  <a:pt x="7107" y="14189"/>
                </a:lnTo>
                <a:cubicBezTo>
                  <a:pt x="7093" y="14242"/>
                  <a:pt x="7084" y="14265"/>
                  <a:pt x="7075" y="14314"/>
                </a:cubicBezTo>
                <a:cubicBezTo>
                  <a:pt x="7070" y="14340"/>
                  <a:pt x="7065" y="14370"/>
                  <a:pt x="7061" y="14411"/>
                </a:cubicBezTo>
                <a:cubicBezTo>
                  <a:pt x="7054" y="14455"/>
                  <a:pt x="7047" y="14511"/>
                  <a:pt x="7035" y="14587"/>
                </a:cubicBezTo>
                <a:cubicBezTo>
                  <a:pt x="7033" y="14550"/>
                  <a:pt x="7035" y="14511"/>
                  <a:pt x="7040" y="14476"/>
                </a:cubicBezTo>
                <a:cubicBezTo>
                  <a:pt x="7044" y="14430"/>
                  <a:pt x="7051" y="14377"/>
                  <a:pt x="7058" y="14319"/>
                </a:cubicBezTo>
                <a:cubicBezTo>
                  <a:pt x="7063" y="14291"/>
                  <a:pt x="7065" y="14261"/>
                  <a:pt x="7070" y="14233"/>
                </a:cubicBezTo>
                <a:cubicBezTo>
                  <a:pt x="7075" y="14203"/>
                  <a:pt x="7077" y="14175"/>
                  <a:pt x="7079" y="14143"/>
                </a:cubicBezTo>
                <a:cubicBezTo>
                  <a:pt x="7082" y="14085"/>
                  <a:pt x="7086" y="14025"/>
                  <a:pt x="7084" y="13971"/>
                </a:cubicBezTo>
                <a:lnTo>
                  <a:pt x="7084" y="13971"/>
                </a:lnTo>
                <a:cubicBezTo>
                  <a:pt x="7070" y="14143"/>
                  <a:pt x="7077" y="14025"/>
                  <a:pt x="7068" y="14210"/>
                </a:cubicBezTo>
                <a:cubicBezTo>
                  <a:pt x="7054" y="14221"/>
                  <a:pt x="7045" y="14242"/>
                  <a:pt x="7038" y="14242"/>
                </a:cubicBezTo>
                <a:cubicBezTo>
                  <a:pt x="7038" y="14242"/>
                  <a:pt x="7038" y="14242"/>
                  <a:pt x="7037" y="14242"/>
                </a:cubicBezTo>
                <a:cubicBezTo>
                  <a:pt x="7033" y="14242"/>
                  <a:pt x="7033" y="14235"/>
                  <a:pt x="7031" y="14219"/>
                </a:cubicBezTo>
                <a:cubicBezTo>
                  <a:pt x="7028" y="14201"/>
                  <a:pt x="7026" y="14173"/>
                  <a:pt x="7024" y="14131"/>
                </a:cubicBezTo>
                <a:cubicBezTo>
                  <a:pt x="7024" y="14182"/>
                  <a:pt x="7019" y="14224"/>
                  <a:pt x="7019" y="14263"/>
                </a:cubicBezTo>
                <a:cubicBezTo>
                  <a:pt x="7019" y="14305"/>
                  <a:pt x="7017" y="14342"/>
                  <a:pt x="7017" y="14384"/>
                </a:cubicBezTo>
                <a:cubicBezTo>
                  <a:pt x="7014" y="14488"/>
                  <a:pt x="7003" y="14594"/>
                  <a:pt x="6982" y="14699"/>
                </a:cubicBezTo>
                <a:cubicBezTo>
                  <a:pt x="6979" y="14704"/>
                  <a:pt x="6977" y="14707"/>
                  <a:pt x="6975" y="14707"/>
                </a:cubicBezTo>
                <a:cubicBezTo>
                  <a:pt x="6966" y="14707"/>
                  <a:pt x="6974" y="14633"/>
                  <a:pt x="6982" y="14550"/>
                </a:cubicBezTo>
                <a:cubicBezTo>
                  <a:pt x="6991" y="14453"/>
                  <a:pt x="6993" y="14349"/>
                  <a:pt x="6980" y="14344"/>
                </a:cubicBezTo>
                <a:cubicBezTo>
                  <a:pt x="6980" y="14309"/>
                  <a:pt x="6982" y="14261"/>
                  <a:pt x="6987" y="14208"/>
                </a:cubicBezTo>
                <a:cubicBezTo>
                  <a:pt x="6991" y="14152"/>
                  <a:pt x="6993" y="14092"/>
                  <a:pt x="6998" y="14034"/>
                </a:cubicBezTo>
                <a:cubicBezTo>
                  <a:pt x="7012" y="13911"/>
                  <a:pt x="7017" y="13788"/>
                  <a:pt x="7024" y="13710"/>
                </a:cubicBezTo>
                <a:cubicBezTo>
                  <a:pt x="7007" y="13436"/>
                  <a:pt x="6989" y="13100"/>
                  <a:pt x="6931" y="12896"/>
                </a:cubicBezTo>
                <a:cubicBezTo>
                  <a:pt x="6924" y="12799"/>
                  <a:pt x="6892" y="12628"/>
                  <a:pt x="6852" y="12440"/>
                </a:cubicBezTo>
                <a:cubicBezTo>
                  <a:pt x="6813" y="12250"/>
                  <a:pt x="6760" y="12046"/>
                  <a:pt x="6736" y="11868"/>
                </a:cubicBezTo>
                <a:cubicBezTo>
                  <a:pt x="6739" y="11838"/>
                  <a:pt x="6727" y="11729"/>
                  <a:pt x="6725" y="11655"/>
                </a:cubicBezTo>
                <a:cubicBezTo>
                  <a:pt x="6722" y="11612"/>
                  <a:pt x="6722" y="11581"/>
                  <a:pt x="6724" y="11581"/>
                </a:cubicBezTo>
                <a:cubicBezTo>
                  <a:pt x="6726" y="11581"/>
                  <a:pt x="6730" y="11600"/>
                  <a:pt x="6736" y="11648"/>
                </a:cubicBezTo>
                <a:cubicBezTo>
                  <a:pt x="6736" y="11639"/>
                  <a:pt x="6732" y="11615"/>
                  <a:pt x="6729" y="11585"/>
                </a:cubicBezTo>
                <a:cubicBezTo>
                  <a:pt x="6727" y="11555"/>
                  <a:pt x="6725" y="11518"/>
                  <a:pt x="6725" y="11483"/>
                </a:cubicBezTo>
                <a:cubicBezTo>
                  <a:pt x="6723" y="11433"/>
                  <a:pt x="6724" y="11390"/>
                  <a:pt x="6719" y="11390"/>
                </a:cubicBezTo>
                <a:cubicBezTo>
                  <a:pt x="6718" y="11390"/>
                  <a:pt x="6716" y="11394"/>
                  <a:pt x="6713" y="11402"/>
                </a:cubicBezTo>
                <a:cubicBezTo>
                  <a:pt x="6716" y="11419"/>
                  <a:pt x="6716" y="11435"/>
                  <a:pt x="6713" y="11453"/>
                </a:cubicBezTo>
                <a:cubicBezTo>
                  <a:pt x="6713" y="11476"/>
                  <a:pt x="6713" y="11502"/>
                  <a:pt x="6713" y="11527"/>
                </a:cubicBezTo>
                <a:cubicBezTo>
                  <a:pt x="6709" y="11509"/>
                  <a:pt x="6702" y="11490"/>
                  <a:pt x="6697" y="11470"/>
                </a:cubicBezTo>
                <a:cubicBezTo>
                  <a:pt x="6699" y="11381"/>
                  <a:pt x="6709" y="11293"/>
                  <a:pt x="6720" y="11205"/>
                </a:cubicBezTo>
                <a:cubicBezTo>
                  <a:pt x="6734" y="11120"/>
                  <a:pt x="6760" y="11036"/>
                  <a:pt x="6797" y="10958"/>
                </a:cubicBezTo>
                <a:cubicBezTo>
                  <a:pt x="6798" y="10955"/>
                  <a:pt x="6799" y="10953"/>
                  <a:pt x="6800" y="10953"/>
                </a:cubicBezTo>
                <a:cubicBezTo>
                  <a:pt x="6802" y="10953"/>
                  <a:pt x="6800" y="10966"/>
                  <a:pt x="6797" y="10983"/>
                </a:cubicBezTo>
                <a:cubicBezTo>
                  <a:pt x="6792" y="10995"/>
                  <a:pt x="6787" y="11009"/>
                  <a:pt x="6783" y="11025"/>
                </a:cubicBezTo>
                <a:cubicBezTo>
                  <a:pt x="6776" y="11041"/>
                  <a:pt x="6773" y="11057"/>
                  <a:pt x="6769" y="11073"/>
                </a:cubicBezTo>
                <a:cubicBezTo>
                  <a:pt x="6755" y="11124"/>
                  <a:pt x="6745" y="11170"/>
                  <a:pt x="6749" y="11170"/>
                </a:cubicBezTo>
                <a:cubicBezTo>
                  <a:pt x="6751" y="11170"/>
                  <a:pt x="6754" y="11164"/>
                  <a:pt x="6760" y="11152"/>
                </a:cubicBezTo>
                <a:cubicBezTo>
                  <a:pt x="6766" y="11087"/>
                  <a:pt x="6783" y="11025"/>
                  <a:pt x="6804" y="10965"/>
                </a:cubicBezTo>
                <a:cubicBezTo>
                  <a:pt x="6838" y="10872"/>
                  <a:pt x="6878" y="10784"/>
                  <a:pt x="6929" y="10700"/>
                </a:cubicBezTo>
                <a:cubicBezTo>
                  <a:pt x="7019" y="10550"/>
                  <a:pt x="7126" y="10406"/>
                  <a:pt x="7246" y="10277"/>
                </a:cubicBezTo>
                <a:cubicBezTo>
                  <a:pt x="7341" y="10172"/>
                  <a:pt x="7369" y="10175"/>
                  <a:pt x="7410" y="10133"/>
                </a:cubicBezTo>
                <a:lnTo>
                  <a:pt x="7566" y="9952"/>
                </a:lnTo>
                <a:cubicBezTo>
                  <a:pt x="7589" y="9938"/>
                  <a:pt x="7612" y="9927"/>
                  <a:pt x="7633" y="9911"/>
                </a:cubicBezTo>
                <a:cubicBezTo>
                  <a:pt x="7695" y="9846"/>
                  <a:pt x="7753" y="9776"/>
                  <a:pt x="7807" y="9704"/>
                </a:cubicBezTo>
                <a:cubicBezTo>
                  <a:pt x="7891" y="9619"/>
                  <a:pt x="7928" y="9587"/>
                  <a:pt x="7936" y="9587"/>
                </a:cubicBezTo>
                <a:cubicBezTo>
                  <a:pt x="7949" y="9587"/>
                  <a:pt x="7890" y="9668"/>
                  <a:pt x="7832" y="9746"/>
                </a:cubicBezTo>
                <a:lnTo>
                  <a:pt x="7709" y="9873"/>
                </a:lnTo>
                <a:cubicBezTo>
                  <a:pt x="7647" y="9956"/>
                  <a:pt x="7553" y="10061"/>
                  <a:pt x="7566" y="10061"/>
                </a:cubicBezTo>
                <a:cubicBezTo>
                  <a:pt x="7569" y="10061"/>
                  <a:pt x="7577" y="10055"/>
                  <a:pt x="7593" y="10043"/>
                </a:cubicBezTo>
                <a:cubicBezTo>
                  <a:pt x="7621" y="10012"/>
                  <a:pt x="7642" y="9980"/>
                  <a:pt x="7661" y="9945"/>
                </a:cubicBezTo>
                <a:lnTo>
                  <a:pt x="7737" y="9876"/>
                </a:lnTo>
                <a:cubicBezTo>
                  <a:pt x="7798" y="9793"/>
                  <a:pt x="7976" y="9588"/>
                  <a:pt x="7957" y="9588"/>
                </a:cubicBezTo>
                <a:cubicBezTo>
                  <a:pt x="7957" y="9588"/>
                  <a:pt x="7956" y="9588"/>
                  <a:pt x="7955" y="9589"/>
                </a:cubicBezTo>
                <a:cubicBezTo>
                  <a:pt x="8105" y="9441"/>
                  <a:pt x="8257" y="9256"/>
                  <a:pt x="8396" y="9131"/>
                </a:cubicBezTo>
                <a:lnTo>
                  <a:pt x="8396" y="9131"/>
                </a:lnTo>
                <a:cubicBezTo>
                  <a:pt x="8372" y="9153"/>
                  <a:pt x="8361" y="9161"/>
                  <a:pt x="8358" y="9161"/>
                </a:cubicBezTo>
                <a:cubicBezTo>
                  <a:pt x="8350" y="9161"/>
                  <a:pt x="8389" y="9111"/>
                  <a:pt x="8380" y="9111"/>
                </a:cubicBezTo>
                <a:cubicBezTo>
                  <a:pt x="8379" y="9111"/>
                  <a:pt x="8377" y="9112"/>
                  <a:pt x="8374" y="9114"/>
                </a:cubicBezTo>
                <a:cubicBezTo>
                  <a:pt x="8321" y="9165"/>
                  <a:pt x="8270" y="9218"/>
                  <a:pt x="8217" y="9271"/>
                </a:cubicBezTo>
                <a:cubicBezTo>
                  <a:pt x="8337" y="9137"/>
                  <a:pt x="8506" y="8945"/>
                  <a:pt x="8636" y="8833"/>
                </a:cubicBezTo>
                <a:lnTo>
                  <a:pt x="8636" y="8833"/>
                </a:lnTo>
                <a:cubicBezTo>
                  <a:pt x="8632" y="8842"/>
                  <a:pt x="8629" y="8849"/>
                  <a:pt x="8633" y="8849"/>
                </a:cubicBezTo>
                <a:cubicBezTo>
                  <a:pt x="8638" y="8849"/>
                  <a:pt x="8653" y="8839"/>
                  <a:pt x="8688" y="8812"/>
                </a:cubicBezTo>
                <a:lnTo>
                  <a:pt x="8688" y="8812"/>
                </a:lnTo>
                <a:cubicBezTo>
                  <a:pt x="8681" y="8817"/>
                  <a:pt x="8677" y="8820"/>
                  <a:pt x="8676" y="8820"/>
                </a:cubicBezTo>
                <a:cubicBezTo>
                  <a:pt x="8665" y="8820"/>
                  <a:pt x="8785" y="8695"/>
                  <a:pt x="8775" y="8695"/>
                </a:cubicBezTo>
                <a:cubicBezTo>
                  <a:pt x="8771" y="8695"/>
                  <a:pt x="8752" y="8709"/>
                  <a:pt x="8708" y="8748"/>
                </a:cubicBezTo>
                <a:cubicBezTo>
                  <a:pt x="8643" y="8820"/>
                  <a:pt x="8580" y="8882"/>
                  <a:pt x="8492" y="8970"/>
                </a:cubicBezTo>
                <a:cubicBezTo>
                  <a:pt x="8483" y="8976"/>
                  <a:pt x="8477" y="8978"/>
                  <a:pt x="8473" y="8978"/>
                </a:cubicBezTo>
                <a:cubicBezTo>
                  <a:pt x="8452" y="8978"/>
                  <a:pt x="8564" y="8862"/>
                  <a:pt x="8624" y="8787"/>
                </a:cubicBezTo>
                <a:cubicBezTo>
                  <a:pt x="8719" y="8687"/>
                  <a:pt x="8909" y="8495"/>
                  <a:pt x="9044" y="8365"/>
                </a:cubicBezTo>
                <a:cubicBezTo>
                  <a:pt x="9134" y="8291"/>
                  <a:pt x="9176" y="8287"/>
                  <a:pt x="9319" y="8148"/>
                </a:cubicBezTo>
                <a:lnTo>
                  <a:pt x="9319" y="8148"/>
                </a:lnTo>
                <a:cubicBezTo>
                  <a:pt x="9282" y="8174"/>
                  <a:pt x="9263" y="8185"/>
                  <a:pt x="9257" y="8185"/>
                </a:cubicBezTo>
                <a:cubicBezTo>
                  <a:pt x="9247" y="8185"/>
                  <a:pt x="9280" y="8150"/>
                  <a:pt x="9326" y="8104"/>
                </a:cubicBezTo>
                <a:cubicBezTo>
                  <a:pt x="9398" y="8034"/>
                  <a:pt x="9505" y="7939"/>
                  <a:pt x="9523" y="7911"/>
                </a:cubicBezTo>
                <a:cubicBezTo>
                  <a:pt x="9683" y="7800"/>
                  <a:pt x="9766" y="7710"/>
                  <a:pt x="9903" y="7633"/>
                </a:cubicBezTo>
                <a:lnTo>
                  <a:pt x="9903" y="7633"/>
                </a:lnTo>
                <a:cubicBezTo>
                  <a:pt x="9875" y="7659"/>
                  <a:pt x="9796" y="7712"/>
                  <a:pt x="9722" y="7772"/>
                </a:cubicBezTo>
                <a:cubicBezTo>
                  <a:pt x="9685" y="7800"/>
                  <a:pt x="9648" y="7830"/>
                  <a:pt x="9618" y="7856"/>
                </a:cubicBezTo>
                <a:cubicBezTo>
                  <a:pt x="9595" y="7874"/>
                  <a:pt x="9572" y="7895"/>
                  <a:pt x="9551" y="7918"/>
                </a:cubicBezTo>
                <a:cubicBezTo>
                  <a:pt x="9551" y="7928"/>
                  <a:pt x="9569" y="7925"/>
                  <a:pt x="9560" y="7944"/>
                </a:cubicBezTo>
                <a:cubicBezTo>
                  <a:pt x="9551" y="7962"/>
                  <a:pt x="9514" y="8002"/>
                  <a:pt x="9403" y="8097"/>
                </a:cubicBezTo>
                <a:cubicBezTo>
                  <a:pt x="9539" y="7988"/>
                  <a:pt x="9581" y="7955"/>
                  <a:pt x="9599" y="7935"/>
                </a:cubicBezTo>
                <a:cubicBezTo>
                  <a:pt x="9620" y="7908"/>
                  <a:pt x="9644" y="7884"/>
                  <a:pt x="9669" y="7864"/>
                </a:cubicBezTo>
                <a:lnTo>
                  <a:pt x="9669" y="7864"/>
                </a:lnTo>
                <a:cubicBezTo>
                  <a:pt x="9641" y="7885"/>
                  <a:pt x="9614" y="7907"/>
                  <a:pt x="9586" y="7930"/>
                </a:cubicBezTo>
                <a:cubicBezTo>
                  <a:pt x="9599" y="7917"/>
                  <a:pt x="9598" y="7914"/>
                  <a:pt x="9593" y="7914"/>
                </a:cubicBezTo>
                <a:cubicBezTo>
                  <a:pt x="9591" y="7914"/>
                  <a:pt x="9587" y="7915"/>
                  <a:pt x="9585" y="7915"/>
                </a:cubicBezTo>
                <a:cubicBezTo>
                  <a:pt x="9580" y="7915"/>
                  <a:pt x="9581" y="7910"/>
                  <a:pt x="9620" y="7879"/>
                </a:cubicBezTo>
                <a:cubicBezTo>
                  <a:pt x="9736" y="7793"/>
                  <a:pt x="9857" y="7712"/>
                  <a:pt x="9982" y="7640"/>
                </a:cubicBezTo>
                <a:cubicBezTo>
                  <a:pt x="10072" y="7587"/>
                  <a:pt x="10151" y="7548"/>
                  <a:pt x="10274" y="7483"/>
                </a:cubicBezTo>
                <a:lnTo>
                  <a:pt x="10274" y="7483"/>
                </a:lnTo>
                <a:cubicBezTo>
                  <a:pt x="10266" y="7486"/>
                  <a:pt x="10261" y="7487"/>
                  <a:pt x="10258" y="7487"/>
                </a:cubicBezTo>
                <a:cubicBezTo>
                  <a:pt x="10243" y="7487"/>
                  <a:pt x="10327" y="7430"/>
                  <a:pt x="10375" y="7400"/>
                </a:cubicBezTo>
                <a:cubicBezTo>
                  <a:pt x="10450" y="7363"/>
                  <a:pt x="10479" y="7352"/>
                  <a:pt x="10489" y="7352"/>
                </a:cubicBezTo>
                <a:cubicBezTo>
                  <a:pt x="10506" y="7352"/>
                  <a:pt x="10468" y="7384"/>
                  <a:pt x="10491" y="7384"/>
                </a:cubicBezTo>
                <a:cubicBezTo>
                  <a:pt x="10499" y="7384"/>
                  <a:pt x="10515" y="7380"/>
                  <a:pt x="10542" y="7369"/>
                </a:cubicBezTo>
                <a:cubicBezTo>
                  <a:pt x="10610" y="7319"/>
                  <a:pt x="10751" y="7251"/>
                  <a:pt x="10732" y="7251"/>
                </a:cubicBezTo>
                <a:cubicBezTo>
                  <a:pt x="10730" y="7251"/>
                  <a:pt x="10726" y="7252"/>
                  <a:pt x="10721" y="7254"/>
                </a:cubicBezTo>
                <a:cubicBezTo>
                  <a:pt x="10816" y="7207"/>
                  <a:pt x="10769" y="7237"/>
                  <a:pt x="10839" y="7210"/>
                </a:cubicBezTo>
                <a:cubicBezTo>
                  <a:pt x="10871" y="7186"/>
                  <a:pt x="10906" y="7166"/>
                  <a:pt x="10941" y="7149"/>
                </a:cubicBezTo>
                <a:cubicBezTo>
                  <a:pt x="10992" y="7122"/>
                  <a:pt x="11047" y="7098"/>
                  <a:pt x="11101" y="7078"/>
                </a:cubicBezTo>
                <a:lnTo>
                  <a:pt x="11101" y="7078"/>
                </a:lnTo>
                <a:cubicBezTo>
                  <a:pt x="11092" y="7089"/>
                  <a:pt x="11076" y="7102"/>
                  <a:pt x="10960" y="7148"/>
                </a:cubicBezTo>
                <a:lnTo>
                  <a:pt x="10960" y="7148"/>
                </a:lnTo>
                <a:cubicBezTo>
                  <a:pt x="11028" y="7122"/>
                  <a:pt x="11076" y="7111"/>
                  <a:pt x="11100" y="7111"/>
                </a:cubicBezTo>
                <a:cubicBezTo>
                  <a:pt x="11123" y="7111"/>
                  <a:pt x="11123" y="7121"/>
                  <a:pt x="11096" y="7138"/>
                </a:cubicBezTo>
                <a:cubicBezTo>
                  <a:pt x="11054" y="7149"/>
                  <a:pt x="11015" y="7166"/>
                  <a:pt x="10975" y="7182"/>
                </a:cubicBezTo>
                <a:cubicBezTo>
                  <a:pt x="10936" y="7196"/>
                  <a:pt x="10897" y="7210"/>
                  <a:pt x="10860" y="7228"/>
                </a:cubicBezTo>
                <a:cubicBezTo>
                  <a:pt x="10843" y="7238"/>
                  <a:pt x="10837" y="7242"/>
                  <a:pt x="10841" y="7242"/>
                </a:cubicBezTo>
                <a:cubicBezTo>
                  <a:pt x="10847" y="7242"/>
                  <a:pt x="10886" y="7226"/>
                  <a:pt x="10929" y="7207"/>
                </a:cubicBezTo>
                <a:cubicBezTo>
                  <a:pt x="10988" y="7183"/>
                  <a:pt x="11055" y="7157"/>
                  <a:pt x="11071" y="7157"/>
                </a:cubicBezTo>
                <a:cubicBezTo>
                  <a:pt x="11074" y="7157"/>
                  <a:pt x="11075" y="7157"/>
                  <a:pt x="11075" y="7159"/>
                </a:cubicBezTo>
                <a:cubicBezTo>
                  <a:pt x="11024" y="7182"/>
                  <a:pt x="10978" y="7198"/>
                  <a:pt x="10938" y="7214"/>
                </a:cubicBezTo>
                <a:cubicBezTo>
                  <a:pt x="10901" y="7228"/>
                  <a:pt x="10864" y="7244"/>
                  <a:pt x="10830" y="7263"/>
                </a:cubicBezTo>
                <a:cubicBezTo>
                  <a:pt x="10899" y="7244"/>
                  <a:pt x="11096" y="7147"/>
                  <a:pt x="11214" y="7103"/>
                </a:cubicBezTo>
                <a:cubicBezTo>
                  <a:pt x="11298" y="7075"/>
                  <a:pt x="11333" y="7066"/>
                  <a:pt x="11346" y="7066"/>
                </a:cubicBezTo>
                <a:cubicBezTo>
                  <a:pt x="11363" y="7066"/>
                  <a:pt x="11344" y="7081"/>
                  <a:pt x="11348" y="7084"/>
                </a:cubicBezTo>
                <a:cubicBezTo>
                  <a:pt x="11427" y="7052"/>
                  <a:pt x="11443" y="7043"/>
                  <a:pt x="11425" y="7043"/>
                </a:cubicBezTo>
                <a:cubicBezTo>
                  <a:pt x="11385" y="7050"/>
                  <a:pt x="11348" y="7057"/>
                  <a:pt x="11309" y="7068"/>
                </a:cubicBezTo>
                <a:lnTo>
                  <a:pt x="11240" y="7087"/>
                </a:lnTo>
                <a:cubicBezTo>
                  <a:pt x="11219" y="7094"/>
                  <a:pt x="11200" y="7098"/>
                  <a:pt x="11191" y="7098"/>
                </a:cubicBezTo>
                <a:cubicBezTo>
                  <a:pt x="11188" y="7099"/>
                  <a:pt x="11186" y="7099"/>
                  <a:pt x="11185" y="7099"/>
                </a:cubicBezTo>
                <a:cubicBezTo>
                  <a:pt x="11176" y="7099"/>
                  <a:pt x="11192" y="7087"/>
                  <a:pt x="11256" y="7059"/>
                </a:cubicBezTo>
                <a:cubicBezTo>
                  <a:pt x="11284" y="7045"/>
                  <a:pt x="11323" y="7029"/>
                  <a:pt x="11369" y="7010"/>
                </a:cubicBezTo>
                <a:cubicBezTo>
                  <a:pt x="11416" y="6994"/>
                  <a:pt x="11469" y="6978"/>
                  <a:pt x="11527" y="6959"/>
                </a:cubicBezTo>
                <a:cubicBezTo>
                  <a:pt x="11582" y="6941"/>
                  <a:pt x="11645" y="6927"/>
                  <a:pt x="11703" y="6911"/>
                </a:cubicBezTo>
                <a:cubicBezTo>
                  <a:pt x="11763" y="6897"/>
                  <a:pt x="11821" y="6885"/>
                  <a:pt x="11874" y="6874"/>
                </a:cubicBezTo>
                <a:lnTo>
                  <a:pt x="11874" y="6874"/>
                </a:lnTo>
                <a:cubicBezTo>
                  <a:pt x="11850" y="6876"/>
                  <a:pt x="11832" y="6877"/>
                  <a:pt x="11820" y="6877"/>
                </a:cubicBezTo>
                <a:cubicBezTo>
                  <a:pt x="11742" y="6877"/>
                  <a:pt x="11918" y="6830"/>
                  <a:pt x="12111" y="6800"/>
                </a:cubicBezTo>
                <a:lnTo>
                  <a:pt x="12111" y="6800"/>
                </a:lnTo>
                <a:cubicBezTo>
                  <a:pt x="11967" y="6818"/>
                  <a:pt x="11946" y="6818"/>
                  <a:pt x="11921" y="6818"/>
                </a:cubicBezTo>
                <a:cubicBezTo>
                  <a:pt x="11916" y="6818"/>
                  <a:pt x="11911" y="6817"/>
                  <a:pt x="11906" y="6817"/>
                </a:cubicBezTo>
                <a:cubicBezTo>
                  <a:pt x="11892" y="6817"/>
                  <a:pt x="11877" y="6820"/>
                  <a:pt x="11863" y="6825"/>
                </a:cubicBezTo>
                <a:cubicBezTo>
                  <a:pt x="11830" y="6830"/>
                  <a:pt x="11779" y="6841"/>
                  <a:pt x="11696" y="6862"/>
                </a:cubicBezTo>
                <a:lnTo>
                  <a:pt x="11687" y="6848"/>
                </a:lnTo>
                <a:cubicBezTo>
                  <a:pt x="11721" y="6839"/>
                  <a:pt x="11761" y="6832"/>
                  <a:pt x="11800" y="6825"/>
                </a:cubicBezTo>
                <a:cubicBezTo>
                  <a:pt x="11837" y="6818"/>
                  <a:pt x="11879" y="6811"/>
                  <a:pt x="11918" y="6804"/>
                </a:cubicBezTo>
                <a:cubicBezTo>
                  <a:pt x="11997" y="6795"/>
                  <a:pt x="12078" y="6781"/>
                  <a:pt x="12152" y="6776"/>
                </a:cubicBezTo>
                <a:lnTo>
                  <a:pt x="12152" y="6776"/>
                </a:lnTo>
                <a:cubicBezTo>
                  <a:pt x="12122" y="6783"/>
                  <a:pt x="12157" y="6783"/>
                  <a:pt x="12108" y="6793"/>
                </a:cubicBezTo>
                <a:cubicBezTo>
                  <a:pt x="12180" y="6783"/>
                  <a:pt x="12252" y="6772"/>
                  <a:pt x="12326" y="6765"/>
                </a:cubicBezTo>
                <a:cubicBezTo>
                  <a:pt x="12400" y="6758"/>
                  <a:pt x="12472" y="6753"/>
                  <a:pt x="12546" y="6749"/>
                </a:cubicBezTo>
                <a:lnTo>
                  <a:pt x="12546" y="6749"/>
                </a:lnTo>
                <a:cubicBezTo>
                  <a:pt x="12530" y="6753"/>
                  <a:pt x="12516" y="6756"/>
                  <a:pt x="12502" y="6762"/>
                </a:cubicBezTo>
                <a:cubicBezTo>
                  <a:pt x="12569" y="6760"/>
                  <a:pt x="12641" y="6760"/>
                  <a:pt x="12713" y="6760"/>
                </a:cubicBezTo>
                <a:cubicBezTo>
                  <a:pt x="12723" y="6760"/>
                  <a:pt x="12733" y="6760"/>
                  <a:pt x="12744" y="6760"/>
                </a:cubicBezTo>
                <a:cubicBezTo>
                  <a:pt x="12805" y="6760"/>
                  <a:pt x="12866" y="6765"/>
                  <a:pt x="12926" y="6765"/>
                </a:cubicBezTo>
                <a:cubicBezTo>
                  <a:pt x="13052" y="6771"/>
                  <a:pt x="13165" y="6778"/>
                  <a:pt x="13246" y="6782"/>
                </a:cubicBezTo>
                <a:lnTo>
                  <a:pt x="13246" y="6782"/>
                </a:lnTo>
                <a:cubicBezTo>
                  <a:pt x="13202" y="6779"/>
                  <a:pt x="13158" y="6773"/>
                  <a:pt x="13114" y="6767"/>
                </a:cubicBezTo>
                <a:cubicBezTo>
                  <a:pt x="13086" y="6760"/>
                  <a:pt x="13093" y="6756"/>
                  <a:pt x="13162" y="6756"/>
                </a:cubicBezTo>
                <a:cubicBezTo>
                  <a:pt x="13188" y="6755"/>
                  <a:pt x="13214" y="6755"/>
                  <a:pt x="13240" y="6755"/>
                </a:cubicBezTo>
                <a:cubicBezTo>
                  <a:pt x="13330" y="6755"/>
                  <a:pt x="13420" y="6758"/>
                  <a:pt x="13510" y="6767"/>
                </a:cubicBezTo>
                <a:cubicBezTo>
                  <a:pt x="13568" y="6788"/>
                  <a:pt x="13959" y="6826"/>
                  <a:pt x="13808" y="6826"/>
                </a:cubicBezTo>
                <a:cubicBezTo>
                  <a:pt x="13793" y="6826"/>
                  <a:pt x="13771" y="6826"/>
                  <a:pt x="13744" y="6825"/>
                </a:cubicBezTo>
                <a:lnTo>
                  <a:pt x="13744" y="6825"/>
                </a:lnTo>
                <a:cubicBezTo>
                  <a:pt x="14128" y="6851"/>
                  <a:pt x="13987" y="6834"/>
                  <a:pt x="14353" y="6855"/>
                </a:cubicBezTo>
                <a:cubicBezTo>
                  <a:pt x="14272" y="6851"/>
                  <a:pt x="14188" y="6844"/>
                  <a:pt x="14107" y="6839"/>
                </a:cubicBezTo>
                <a:cubicBezTo>
                  <a:pt x="14077" y="6820"/>
                  <a:pt x="14283" y="6813"/>
                  <a:pt x="14049" y="6781"/>
                </a:cubicBezTo>
                <a:lnTo>
                  <a:pt x="14049" y="6781"/>
                </a:lnTo>
                <a:cubicBezTo>
                  <a:pt x="14097" y="6784"/>
                  <a:pt x="14131" y="6785"/>
                  <a:pt x="14157" y="6785"/>
                </a:cubicBezTo>
                <a:cubicBezTo>
                  <a:pt x="14244" y="6785"/>
                  <a:pt x="14238" y="6773"/>
                  <a:pt x="14332" y="6773"/>
                </a:cubicBezTo>
                <a:cubicBezTo>
                  <a:pt x="14373" y="6773"/>
                  <a:pt x="14431" y="6775"/>
                  <a:pt x="14522" y="6781"/>
                </a:cubicBezTo>
                <a:cubicBezTo>
                  <a:pt x="14596" y="6793"/>
                  <a:pt x="14584" y="6800"/>
                  <a:pt x="14527" y="6802"/>
                </a:cubicBezTo>
                <a:cubicBezTo>
                  <a:pt x="14511" y="6803"/>
                  <a:pt x="14492" y="6804"/>
                  <a:pt x="14471" y="6804"/>
                </a:cubicBezTo>
                <a:cubicBezTo>
                  <a:pt x="14415" y="6804"/>
                  <a:pt x="14342" y="6800"/>
                  <a:pt x="14267" y="6795"/>
                </a:cubicBezTo>
                <a:lnTo>
                  <a:pt x="14267" y="6795"/>
                </a:lnTo>
                <a:cubicBezTo>
                  <a:pt x="14369" y="6811"/>
                  <a:pt x="14471" y="6818"/>
                  <a:pt x="14575" y="6820"/>
                </a:cubicBezTo>
                <a:cubicBezTo>
                  <a:pt x="14603" y="6826"/>
                  <a:pt x="14583" y="6830"/>
                  <a:pt x="14546" y="6831"/>
                </a:cubicBezTo>
                <a:lnTo>
                  <a:pt x="14546" y="6831"/>
                </a:lnTo>
                <a:cubicBezTo>
                  <a:pt x="14526" y="6830"/>
                  <a:pt x="14512" y="6830"/>
                  <a:pt x="14502" y="6830"/>
                </a:cubicBezTo>
                <a:cubicBezTo>
                  <a:pt x="14491" y="6830"/>
                  <a:pt x="14485" y="6830"/>
                  <a:pt x="14482" y="6831"/>
                </a:cubicBezTo>
                <a:lnTo>
                  <a:pt x="14482" y="6831"/>
                </a:lnTo>
                <a:cubicBezTo>
                  <a:pt x="14470" y="6830"/>
                  <a:pt x="14458" y="6830"/>
                  <a:pt x="14445" y="6830"/>
                </a:cubicBezTo>
                <a:cubicBezTo>
                  <a:pt x="14425" y="6830"/>
                  <a:pt x="14405" y="6831"/>
                  <a:pt x="14385" y="6832"/>
                </a:cubicBezTo>
                <a:cubicBezTo>
                  <a:pt x="14433" y="6836"/>
                  <a:pt x="14457" y="6838"/>
                  <a:pt x="14468" y="6838"/>
                </a:cubicBezTo>
                <a:cubicBezTo>
                  <a:pt x="14489" y="6838"/>
                  <a:pt x="14470" y="6833"/>
                  <a:pt x="14482" y="6831"/>
                </a:cubicBezTo>
                <a:lnTo>
                  <a:pt x="14482" y="6831"/>
                </a:lnTo>
                <a:cubicBezTo>
                  <a:pt x="14490" y="6831"/>
                  <a:pt x="14498" y="6832"/>
                  <a:pt x="14506" y="6832"/>
                </a:cubicBezTo>
                <a:cubicBezTo>
                  <a:pt x="14520" y="6832"/>
                  <a:pt x="14534" y="6832"/>
                  <a:pt x="14546" y="6831"/>
                </a:cubicBezTo>
                <a:lnTo>
                  <a:pt x="14546" y="6831"/>
                </a:lnTo>
                <a:cubicBezTo>
                  <a:pt x="14552" y="6831"/>
                  <a:pt x="14557" y="6832"/>
                  <a:pt x="14564" y="6832"/>
                </a:cubicBezTo>
                <a:cubicBezTo>
                  <a:pt x="14574" y="6832"/>
                  <a:pt x="14585" y="6832"/>
                  <a:pt x="14596" y="6832"/>
                </a:cubicBezTo>
                <a:cubicBezTo>
                  <a:pt x="14671" y="6832"/>
                  <a:pt x="14745" y="6839"/>
                  <a:pt x="14818" y="6853"/>
                </a:cubicBezTo>
                <a:cubicBezTo>
                  <a:pt x="14842" y="6857"/>
                  <a:pt x="14865" y="6862"/>
                  <a:pt x="14902" y="6867"/>
                </a:cubicBezTo>
                <a:cubicBezTo>
                  <a:pt x="14920" y="6869"/>
                  <a:pt x="14941" y="6871"/>
                  <a:pt x="14969" y="6871"/>
                </a:cubicBezTo>
                <a:cubicBezTo>
                  <a:pt x="14977" y="6872"/>
                  <a:pt x="14987" y="6872"/>
                  <a:pt x="14997" y="6872"/>
                </a:cubicBezTo>
                <a:cubicBezTo>
                  <a:pt x="15017" y="6872"/>
                  <a:pt x="15039" y="6871"/>
                  <a:pt x="15064" y="6871"/>
                </a:cubicBezTo>
                <a:cubicBezTo>
                  <a:pt x="15032" y="6871"/>
                  <a:pt x="14985" y="6871"/>
                  <a:pt x="14957" y="6867"/>
                </a:cubicBezTo>
                <a:cubicBezTo>
                  <a:pt x="14930" y="6864"/>
                  <a:pt x="14920" y="6860"/>
                  <a:pt x="14960" y="6860"/>
                </a:cubicBezTo>
                <a:cubicBezTo>
                  <a:pt x="15011" y="6861"/>
                  <a:pt x="15052" y="6862"/>
                  <a:pt x="15087" y="6862"/>
                </a:cubicBezTo>
                <a:cubicBezTo>
                  <a:pt x="15121" y="6862"/>
                  <a:pt x="15149" y="6861"/>
                  <a:pt x="15171" y="6860"/>
                </a:cubicBezTo>
                <a:cubicBezTo>
                  <a:pt x="15201" y="6860"/>
                  <a:pt x="15231" y="6857"/>
                  <a:pt x="15261" y="6853"/>
                </a:cubicBezTo>
                <a:cubicBezTo>
                  <a:pt x="15282" y="6851"/>
                  <a:pt x="15300" y="6848"/>
                  <a:pt x="15330" y="6846"/>
                </a:cubicBezTo>
                <a:cubicBezTo>
                  <a:pt x="15363" y="6841"/>
                  <a:pt x="15407" y="6839"/>
                  <a:pt x="15479" y="6832"/>
                </a:cubicBezTo>
                <a:cubicBezTo>
                  <a:pt x="15527" y="6837"/>
                  <a:pt x="15576" y="6844"/>
                  <a:pt x="15625" y="6857"/>
                </a:cubicBezTo>
                <a:cubicBezTo>
                  <a:pt x="15648" y="6862"/>
                  <a:pt x="15673" y="6862"/>
                  <a:pt x="15696" y="6862"/>
                </a:cubicBezTo>
                <a:cubicBezTo>
                  <a:pt x="15713" y="6862"/>
                  <a:pt x="15733" y="6862"/>
                  <a:pt x="15757" y="6860"/>
                </a:cubicBezTo>
                <a:cubicBezTo>
                  <a:pt x="15782" y="6857"/>
                  <a:pt x="15810" y="6855"/>
                  <a:pt x="15845" y="6853"/>
                </a:cubicBezTo>
                <a:lnTo>
                  <a:pt x="15845" y="6853"/>
                </a:lnTo>
                <a:cubicBezTo>
                  <a:pt x="15796" y="6857"/>
                  <a:pt x="15745" y="6864"/>
                  <a:pt x="15696" y="6869"/>
                </a:cubicBezTo>
                <a:cubicBezTo>
                  <a:pt x="15808" y="6869"/>
                  <a:pt x="15919" y="6860"/>
                  <a:pt x="16028" y="6834"/>
                </a:cubicBezTo>
                <a:cubicBezTo>
                  <a:pt x="16408" y="6739"/>
                  <a:pt x="16769" y="6575"/>
                  <a:pt x="17091" y="6348"/>
                </a:cubicBezTo>
                <a:cubicBezTo>
                  <a:pt x="17202" y="6269"/>
                  <a:pt x="17309" y="6183"/>
                  <a:pt x="17408" y="6093"/>
                </a:cubicBezTo>
                <a:lnTo>
                  <a:pt x="17408" y="6093"/>
                </a:lnTo>
                <a:cubicBezTo>
                  <a:pt x="17360" y="6137"/>
                  <a:pt x="17309" y="6181"/>
                  <a:pt x="17255" y="6223"/>
                </a:cubicBezTo>
                <a:cubicBezTo>
                  <a:pt x="17249" y="6227"/>
                  <a:pt x="17245" y="6229"/>
                  <a:pt x="17244" y="6229"/>
                </a:cubicBezTo>
                <a:cubicBezTo>
                  <a:pt x="17240" y="6229"/>
                  <a:pt x="17266" y="6206"/>
                  <a:pt x="17297" y="6181"/>
                </a:cubicBezTo>
                <a:cubicBezTo>
                  <a:pt x="17325" y="6160"/>
                  <a:pt x="17350" y="6135"/>
                  <a:pt x="17373" y="6107"/>
                </a:cubicBezTo>
                <a:cubicBezTo>
                  <a:pt x="17406" y="6081"/>
                  <a:pt x="17441" y="6056"/>
                  <a:pt x="17473" y="6030"/>
                </a:cubicBezTo>
                <a:cubicBezTo>
                  <a:pt x="17474" y="6028"/>
                  <a:pt x="17474" y="6026"/>
                  <a:pt x="17472" y="6026"/>
                </a:cubicBezTo>
                <a:cubicBezTo>
                  <a:pt x="17463" y="6026"/>
                  <a:pt x="17418" y="6064"/>
                  <a:pt x="17373" y="6098"/>
                </a:cubicBezTo>
                <a:cubicBezTo>
                  <a:pt x="17336" y="6128"/>
                  <a:pt x="17299" y="6153"/>
                  <a:pt x="17292" y="6153"/>
                </a:cubicBezTo>
                <a:cubicBezTo>
                  <a:pt x="17289" y="6153"/>
                  <a:pt x="17290" y="6150"/>
                  <a:pt x="17297" y="6142"/>
                </a:cubicBezTo>
                <a:cubicBezTo>
                  <a:pt x="17318" y="6128"/>
                  <a:pt x="17339" y="6109"/>
                  <a:pt x="17360" y="6091"/>
                </a:cubicBezTo>
                <a:lnTo>
                  <a:pt x="17360" y="6091"/>
                </a:lnTo>
                <a:cubicBezTo>
                  <a:pt x="17329" y="6114"/>
                  <a:pt x="17299" y="6139"/>
                  <a:pt x="17267" y="6160"/>
                </a:cubicBezTo>
                <a:cubicBezTo>
                  <a:pt x="17362" y="6088"/>
                  <a:pt x="17450" y="6007"/>
                  <a:pt x="17529" y="5919"/>
                </a:cubicBezTo>
                <a:cubicBezTo>
                  <a:pt x="17600" y="5838"/>
                  <a:pt x="17661" y="5759"/>
                  <a:pt x="17728" y="5688"/>
                </a:cubicBezTo>
                <a:lnTo>
                  <a:pt x="17728" y="5688"/>
                </a:lnTo>
                <a:cubicBezTo>
                  <a:pt x="17656" y="5790"/>
                  <a:pt x="17612" y="5843"/>
                  <a:pt x="17591" y="5875"/>
                </a:cubicBezTo>
                <a:cubicBezTo>
                  <a:pt x="17577" y="5892"/>
                  <a:pt x="17568" y="5910"/>
                  <a:pt x="17563" y="5929"/>
                </a:cubicBezTo>
                <a:cubicBezTo>
                  <a:pt x="17561" y="5949"/>
                  <a:pt x="17552" y="5968"/>
                  <a:pt x="17538" y="5982"/>
                </a:cubicBezTo>
                <a:cubicBezTo>
                  <a:pt x="17526" y="5998"/>
                  <a:pt x="17510" y="6019"/>
                  <a:pt x="17485" y="6047"/>
                </a:cubicBezTo>
                <a:lnTo>
                  <a:pt x="17436" y="6091"/>
                </a:lnTo>
                <a:cubicBezTo>
                  <a:pt x="17420" y="6109"/>
                  <a:pt x="17399" y="6128"/>
                  <a:pt x="17374" y="6149"/>
                </a:cubicBezTo>
                <a:lnTo>
                  <a:pt x="17374" y="6149"/>
                </a:lnTo>
                <a:cubicBezTo>
                  <a:pt x="17399" y="6128"/>
                  <a:pt x="17420" y="6109"/>
                  <a:pt x="17434" y="6098"/>
                </a:cubicBezTo>
                <a:cubicBezTo>
                  <a:pt x="17448" y="6084"/>
                  <a:pt x="17459" y="6075"/>
                  <a:pt x="17466" y="6070"/>
                </a:cubicBezTo>
                <a:cubicBezTo>
                  <a:pt x="17473" y="6064"/>
                  <a:pt x="17476" y="6062"/>
                  <a:pt x="17478" y="6062"/>
                </a:cubicBezTo>
                <a:cubicBezTo>
                  <a:pt x="17479" y="6062"/>
                  <a:pt x="17478" y="6065"/>
                  <a:pt x="17475" y="6070"/>
                </a:cubicBezTo>
                <a:cubicBezTo>
                  <a:pt x="17467" y="6085"/>
                  <a:pt x="17439" y="6119"/>
                  <a:pt x="17443" y="6119"/>
                </a:cubicBezTo>
                <a:cubicBezTo>
                  <a:pt x="17444" y="6119"/>
                  <a:pt x="17444" y="6119"/>
                  <a:pt x="17445" y="6119"/>
                </a:cubicBezTo>
                <a:cubicBezTo>
                  <a:pt x="17473" y="6095"/>
                  <a:pt x="17489" y="6079"/>
                  <a:pt x="17501" y="6068"/>
                </a:cubicBezTo>
                <a:cubicBezTo>
                  <a:pt x="17510" y="6061"/>
                  <a:pt x="17517" y="6051"/>
                  <a:pt x="17524" y="6040"/>
                </a:cubicBezTo>
                <a:cubicBezTo>
                  <a:pt x="17531" y="6030"/>
                  <a:pt x="17540" y="6021"/>
                  <a:pt x="17547" y="6012"/>
                </a:cubicBezTo>
                <a:lnTo>
                  <a:pt x="17605" y="5952"/>
                </a:lnTo>
                <a:lnTo>
                  <a:pt x="17605" y="5952"/>
                </a:lnTo>
                <a:cubicBezTo>
                  <a:pt x="17598" y="5968"/>
                  <a:pt x="17589" y="5984"/>
                  <a:pt x="17575" y="5998"/>
                </a:cubicBezTo>
                <a:lnTo>
                  <a:pt x="17508" y="6077"/>
                </a:lnTo>
                <a:cubicBezTo>
                  <a:pt x="17477" y="6109"/>
                  <a:pt x="17452" y="6135"/>
                  <a:pt x="17455" y="6135"/>
                </a:cubicBezTo>
                <a:cubicBezTo>
                  <a:pt x="17457" y="6135"/>
                  <a:pt x="17467" y="6128"/>
                  <a:pt x="17487" y="6112"/>
                </a:cubicBezTo>
                <a:cubicBezTo>
                  <a:pt x="17489" y="6088"/>
                  <a:pt x="17596" y="5991"/>
                  <a:pt x="17633" y="5929"/>
                </a:cubicBezTo>
                <a:cubicBezTo>
                  <a:pt x="17659" y="5901"/>
                  <a:pt x="17669" y="5892"/>
                  <a:pt x="17672" y="5892"/>
                </a:cubicBezTo>
                <a:cubicBezTo>
                  <a:pt x="17676" y="5892"/>
                  <a:pt x="17663" y="5912"/>
                  <a:pt x="17666" y="5912"/>
                </a:cubicBezTo>
                <a:cubicBezTo>
                  <a:pt x="17667" y="5912"/>
                  <a:pt x="17671" y="5910"/>
                  <a:pt x="17677" y="5903"/>
                </a:cubicBezTo>
                <a:cubicBezTo>
                  <a:pt x="17700" y="5878"/>
                  <a:pt x="17714" y="5857"/>
                  <a:pt x="17728" y="5836"/>
                </a:cubicBezTo>
                <a:cubicBezTo>
                  <a:pt x="17744" y="5813"/>
                  <a:pt x="17758" y="5792"/>
                  <a:pt x="17774" y="5769"/>
                </a:cubicBezTo>
                <a:lnTo>
                  <a:pt x="17774" y="5769"/>
                </a:lnTo>
                <a:lnTo>
                  <a:pt x="17758" y="5813"/>
                </a:lnTo>
                <a:cubicBezTo>
                  <a:pt x="17793" y="5771"/>
                  <a:pt x="17825" y="5727"/>
                  <a:pt x="17853" y="5681"/>
                </a:cubicBezTo>
                <a:cubicBezTo>
                  <a:pt x="17865" y="5665"/>
                  <a:pt x="17874" y="5644"/>
                  <a:pt x="17881" y="5625"/>
                </a:cubicBezTo>
                <a:cubicBezTo>
                  <a:pt x="17890" y="5595"/>
                  <a:pt x="17909" y="5563"/>
                  <a:pt x="17985" y="5389"/>
                </a:cubicBezTo>
                <a:cubicBezTo>
                  <a:pt x="17984" y="5387"/>
                  <a:pt x="17983" y="5387"/>
                  <a:pt x="17982" y="5387"/>
                </a:cubicBezTo>
                <a:cubicBezTo>
                  <a:pt x="17976" y="5387"/>
                  <a:pt x="17964" y="5409"/>
                  <a:pt x="17948" y="5447"/>
                </a:cubicBezTo>
                <a:cubicBezTo>
                  <a:pt x="17929" y="5488"/>
                  <a:pt x="17902" y="5551"/>
                  <a:pt x="17862" y="5620"/>
                </a:cubicBezTo>
                <a:cubicBezTo>
                  <a:pt x="17859" y="5623"/>
                  <a:pt x="17856" y="5624"/>
                  <a:pt x="17854" y="5624"/>
                </a:cubicBezTo>
                <a:cubicBezTo>
                  <a:pt x="17839" y="5624"/>
                  <a:pt x="17887" y="5527"/>
                  <a:pt x="17925" y="5419"/>
                </a:cubicBezTo>
                <a:cubicBezTo>
                  <a:pt x="17934" y="5391"/>
                  <a:pt x="17946" y="5361"/>
                  <a:pt x="17955" y="5333"/>
                </a:cubicBezTo>
                <a:cubicBezTo>
                  <a:pt x="17962" y="5303"/>
                  <a:pt x="17969" y="5278"/>
                  <a:pt x="17973" y="5254"/>
                </a:cubicBezTo>
                <a:cubicBezTo>
                  <a:pt x="17980" y="5213"/>
                  <a:pt x="17980" y="5184"/>
                  <a:pt x="17972" y="5184"/>
                </a:cubicBezTo>
                <a:cubicBezTo>
                  <a:pt x="17971" y="5184"/>
                  <a:pt x="17970" y="5184"/>
                  <a:pt x="17969" y="5185"/>
                </a:cubicBezTo>
                <a:cubicBezTo>
                  <a:pt x="17980" y="5143"/>
                  <a:pt x="17985" y="5113"/>
                  <a:pt x="17990" y="5092"/>
                </a:cubicBezTo>
                <a:cubicBezTo>
                  <a:pt x="17994" y="5069"/>
                  <a:pt x="17997" y="5058"/>
                  <a:pt x="17997" y="5053"/>
                </a:cubicBezTo>
                <a:cubicBezTo>
                  <a:pt x="17998" y="5050"/>
                  <a:pt x="17999" y="5048"/>
                  <a:pt x="18000" y="5048"/>
                </a:cubicBezTo>
                <a:cubicBezTo>
                  <a:pt x="18001" y="5048"/>
                  <a:pt x="18001" y="5058"/>
                  <a:pt x="18001" y="5069"/>
                </a:cubicBezTo>
                <a:cubicBezTo>
                  <a:pt x="17999" y="5083"/>
                  <a:pt x="18001" y="5096"/>
                  <a:pt x="18003" y="5096"/>
                </a:cubicBezTo>
                <a:cubicBezTo>
                  <a:pt x="18003" y="5096"/>
                  <a:pt x="18003" y="5095"/>
                  <a:pt x="18004" y="5095"/>
                </a:cubicBezTo>
                <a:cubicBezTo>
                  <a:pt x="18017" y="5062"/>
                  <a:pt x="18027" y="5025"/>
                  <a:pt x="18029" y="4990"/>
                </a:cubicBezTo>
                <a:cubicBezTo>
                  <a:pt x="18035" y="4962"/>
                  <a:pt x="18040" y="4950"/>
                  <a:pt x="18042" y="4950"/>
                </a:cubicBezTo>
                <a:cubicBezTo>
                  <a:pt x="18047" y="4950"/>
                  <a:pt x="18046" y="4992"/>
                  <a:pt x="18043" y="5048"/>
                </a:cubicBezTo>
                <a:cubicBezTo>
                  <a:pt x="18041" y="5071"/>
                  <a:pt x="18038" y="5095"/>
                  <a:pt x="18034" y="5118"/>
                </a:cubicBezTo>
                <a:cubicBezTo>
                  <a:pt x="18031" y="5141"/>
                  <a:pt x="18029" y="5164"/>
                  <a:pt x="18022" y="5185"/>
                </a:cubicBezTo>
                <a:cubicBezTo>
                  <a:pt x="18015" y="5229"/>
                  <a:pt x="18008" y="5268"/>
                  <a:pt x="18004" y="5287"/>
                </a:cubicBezTo>
                <a:cubicBezTo>
                  <a:pt x="18015" y="5264"/>
                  <a:pt x="18022" y="5238"/>
                  <a:pt x="18029" y="5213"/>
                </a:cubicBezTo>
                <a:cubicBezTo>
                  <a:pt x="18038" y="5187"/>
                  <a:pt x="18045" y="5162"/>
                  <a:pt x="18052" y="5136"/>
                </a:cubicBezTo>
                <a:lnTo>
                  <a:pt x="18071" y="5060"/>
                </a:lnTo>
                <a:lnTo>
                  <a:pt x="18082" y="4981"/>
                </a:lnTo>
                <a:cubicBezTo>
                  <a:pt x="18087" y="5014"/>
                  <a:pt x="18089" y="5044"/>
                  <a:pt x="18087" y="5076"/>
                </a:cubicBezTo>
                <a:cubicBezTo>
                  <a:pt x="18082" y="5111"/>
                  <a:pt x="18080" y="5148"/>
                  <a:pt x="18073" y="5183"/>
                </a:cubicBezTo>
                <a:cubicBezTo>
                  <a:pt x="18066" y="5217"/>
                  <a:pt x="18059" y="5250"/>
                  <a:pt x="18055" y="5278"/>
                </a:cubicBezTo>
                <a:cubicBezTo>
                  <a:pt x="18050" y="5301"/>
                  <a:pt x="18048" y="5324"/>
                  <a:pt x="18048" y="5347"/>
                </a:cubicBezTo>
                <a:cubicBezTo>
                  <a:pt x="18057" y="5317"/>
                  <a:pt x="18066" y="5294"/>
                  <a:pt x="18071" y="5271"/>
                </a:cubicBezTo>
                <a:lnTo>
                  <a:pt x="18087" y="5213"/>
                </a:lnTo>
                <a:cubicBezTo>
                  <a:pt x="18094" y="5185"/>
                  <a:pt x="18101" y="5155"/>
                  <a:pt x="18103" y="5127"/>
                </a:cubicBezTo>
                <a:cubicBezTo>
                  <a:pt x="18105" y="5099"/>
                  <a:pt x="18112" y="5071"/>
                  <a:pt x="18112" y="5037"/>
                </a:cubicBezTo>
                <a:cubicBezTo>
                  <a:pt x="18115" y="5002"/>
                  <a:pt x="18119" y="4958"/>
                  <a:pt x="18117" y="4895"/>
                </a:cubicBezTo>
                <a:lnTo>
                  <a:pt x="18117" y="4895"/>
                </a:lnTo>
                <a:cubicBezTo>
                  <a:pt x="18115" y="4921"/>
                  <a:pt x="18115" y="4942"/>
                  <a:pt x="18110" y="4958"/>
                </a:cubicBezTo>
                <a:lnTo>
                  <a:pt x="18103" y="5002"/>
                </a:lnTo>
                <a:cubicBezTo>
                  <a:pt x="18101" y="5014"/>
                  <a:pt x="18099" y="5025"/>
                  <a:pt x="18094" y="5037"/>
                </a:cubicBezTo>
                <a:cubicBezTo>
                  <a:pt x="18094" y="5037"/>
                  <a:pt x="18093" y="5037"/>
                  <a:pt x="18093" y="5037"/>
                </a:cubicBezTo>
                <a:cubicBezTo>
                  <a:pt x="18089" y="5037"/>
                  <a:pt x="18089" y="5013"/>
                  <a:pt x="18092" y="4983"/>
                </a:cubicBezTo>
                <a:cubicBezTo>
                  <a:pt x="18094" y="4956"/>
                  <a:pt x="18092" y="4928"/>
                  <a:pt x="18089" y="4900"/>
                </a:cubicBezTo>
                <a:cubicBezTo>
                  <a:pt x="18088" y="4896"/>
                  <a:pt x="18087" y="4893"/>
                  <a:pt x="18085" y="4893"/>
                </a:cubicBezTo>
                <a:cubicBezTo>
                  <a:pt x="18081" y="4893"/>
                  <a:pt x="18077" y="4907"/>
                  <a:pt x="18071" y="4946"/>
                </a:cubicBezTo>
                <a:cubicBezTo>
                  <a:pt x="18073" y="4902"/>
                  <a:pt x="18078" y="4872"/>
                  <a:pt x="18080" y="4849"/>
                </a:cubicBezTo>
                <a:cubicBezTo>
                  <a:pt x="18082" y="4824"/>
                  <a:pt x="18082" y="4807"/>
                  <a:pt x="18082" y="4787"/>
                </a:cubicBezTo>
                <a:cubicBezTo>
                  <a:pt x="18085" y="4712"/>
                  <a:pt x="18080" y="4638"/>
                  <a:pt x="18066" y="4567"/>
                </a:cubicBezTo>
                <a:lnTo>
                  <a:pt x="18066" y="4567"/>
                </a:lnTo>
                <a:cubicBezTo>
                  <a:pt x="18082" y="4648"/>
                  <a:pt x="18087" y="4648"/>
                  <a:pt x="18092" y="4657"/>
                </a:cubicBezTo>
                <a:cubicBezTo>
                  <a:pt x="18099" y="4664"/>
                  <a:pt x="18101" y="4675"/>
                  <a:pt x="18101" y="4685"/>
                </a:cubicBezTo>
                <a:cubicBezTo>
                  <a:pt x="18103" y="4692"/>
                  <a:pt x="18105" y="4702"/>
                  <a:pt x="18107" y="4715"/>
                </a:cubicBezTo>
                <a:lnTo>
                  <a:pt x="18107" y="4715"/>
                </a:lnTo>
                <a:lnTo>
                  <a:pt x="18103" y="4675"/>
                </a:lnTo>
                <a:cubicBezTo>
                  <a:pt x="18101" y="4643"/>
                  <a:pt x="18096" y="4617"/>
                  <a:pt x="18092" y="4594"/>
                </a:cubicBezTo>
                <a:cubicBezTo>
                  <a:pt x="18085" y="4548"/>
                  <a:pt x="18080" y="4518"/>
                  <a:pt x="18071" y="4485"/>
                </a:cubicBezTo>
                <a:cubicBezTo>
                  <a:pt x="18057" y="4423"/>
                  <a:pt x="18043" y="4360"/>
                  <a:pt x="17999" y="4194"/>
                </a:cubicBezTo>
                <a:cubicBezTo>
                  <a:pt x="17994" y="4183"/>
                  <a:pt x="17991" y="4179"/>
                  <a:pt x="17990" y="4179"/>
                </a:cubicBezTo>
                <a:cubicBezTo>
                  <a:pt x="17980" y="4179"/>
                  <a:pt x="18006" y="4310"/>
                  <a:pt x="17999" y="4310"/>
                </a:cubicBezTo>
                <a:cubicBezTo>
                  <a:pt x="17995" y="4310"/>
                  <a:pt x="17981" y="4268"/>
                  <a:pt x="17943" y="4138"/>
                </a:cubicBezTo>
                <a:cubicBezTo>
                  <a:pt x="17931" y="4094"/>
                  <a:pt x="17929" y="4076"/>
                  <a:pt x="17931" y="4076"/>
                </a:cubicBezTo>
                <a:lnTo>
                  <a:pt x="17931" y="4076"/>
                </a:lnTo>
                <a:cubicBezTo>
                  <a:pt x="17933" y="4076"/>
                  <a:pt x="17939" y="4092"/>
                  <a:pt x="17946" y="4117"/>
                </a:cubicBezTo>
                <a:cubicBezTo>
                  <a:pt x="17925" y="4026"/>
                  <a:pt x="17917" y="3999"/>
                  <a:pt x="17913" y="3999"/>
                </a:cubicBezTo>
                <a:cubicBezTo>
                  <a:pt x="17907" y="3999"/>
                  <a:pt x="17912" y="4057"/>
                  <a:pt x="17904" y="4057"/>
                </a:cubicBezTo>
                <a:cubicBezTo>
                  <a:pt x="17900" y="4057"/>
                  <a:pt x="17893" y="4044"/>
                  <a:pt x="17881" y="4004"/>
                </a:cubicBezTo>
                <a:cubicBezTo>
                  <a:pt x="17855" y="3912"/>
                  <a:pt x="17848" y="3861"/>
                  <a:pt x="17853" y="3861"/>
                </a:cubicBezTo>
                <a:cubicBezTo>
                  <a:pt x="17855" y="3861"/>
                  <a:pt x="17858" y="3867"/>
                  <a:pt x="17862" y="3881"/>
                </a:cubicBezTo>
                <a:cubicBezTo>
                  <a:pt x="17837" y="3788"/>
                  <a:pt x="17827" y="3765"/>
                  <a:pt x="17818" y="3753"/>
                </a:cubicBezTo>
                <a:cubicBezTo>
                  <a:pt x="17811" y="3742"/>
                  <a:pt x="17807" y="3737"/>
                  <a:pt x="17795" y="3670"/>
                </a:cubicBezTo>
                <a:lnTo>
                  <a:pt x="17795" y="3670"/>
                </a:lnTo>
                <a:lnTo>
                  <a:pt x="17800" y="3730"/>
                </a:lnTo>
                <a:cubicBezTo>
                  <a:pt x="17797" y="3721"/>
                  <a:pt x="17795" y="3718"/>
                  <a:pt x="17793" y="3718"/>
                </a:cubicBezTo>
                <a:cubicBezTo>
                  <a:pt x="17790" y="3718"/>
                  <a:pt x="17787" y="3726"/>
                  <a:pt x="17783" y="3726"/>
                </a:cubicBezTo>
                <a:cubicBezTo>
                  <a:pt x="17782" y="3726"/>
                  <a:pt x="17782" y="3726"/>
                  <a:pt x="17781" y="3726"/>
                </a:cubicBezTo>
                <a:cubicBezTo>
                  <a:pt x="17772" y="3723"/>
                  <a:pt x="17772" y="3716"/>
                  <a:pt x="17765" y="3691"/>
                </a:cubicBezTo>
                <a:cubicBezTo>
                  <a:pt x="17760" y="3677"/>
                  <a:pt x="17756" y="3658"/>
                  <a:pt x="17753" y="3635"/>
                </a:cubicBezTo>
                <a:cubicBezTo>
                  <a:pt x="17749" y="3612"/>
                  <a:pt x="17746" y="3582"/>
                  <a:pt x="17744" y="3545"/>
                </a:cubicBezTo>
                <a:cubicBezTo>
                  <a:pt x="17742" y="3489"/>
                  <a:pt x="17744" y="3455"/>
                  <a:pt x="17744" y="3429"/>
                </a:cubicBezTo>
                <a:cubicBezTo>
                  <a:pt x="17744" y="3415"/>
                  <a:pt x="17749" y="3401"/>
                  <a:pt x="17751" y="3387"/>
                </a:cubicBezTo>
                <a:cubicBezTo>
                  <a:pt x="17752" y="3384"/>
                  <a:pt x="17754" y="3383"/>
                  <a:pt x="17755" y="3383"/>
                </a:cubicBezTo>
                <a:cubicBezTo>
                  <a:pt x="17758" y="3383"/>
                  <a:pt x="17760" y="3390"/>
                  <a:pt x="17762" y="3390"/>
                </a:cubicBezTo>
                <a:cubicBezTo>
                  <a:pt x="17762" y="3390"/>
                  <a:pt x="17762" y="3390"/>
                  <a:pt x="17763" y="3390"/>
                </a:cubicBezTo>
                <a:cubicBezTo>
                  <a:pt x="17763" y="3369"/>
                  <a:pt x="17765" y="3348"/>
                  <a:pt x="17765" y="3330"/>
                </a:cubicBezTo>
                <a:cubicBezTo>
                  <a:pt x="17765" y="3309"/>
                  <a:pt x="17772" y="3290"/>
                  <a:pt x="17774" y="3272"/>
                </a:cubicBezTo>
                <a:cubicBezTo>
                  <a:pt x="17777" y="3253"/>
                  <a:pt x="17779" y="3235"/>
                  <a:pt x="17783" y="3216"/>
                </a:cubicBezTo>
                <a:cubicBezTo>
                  <a:pt x="17788" y="3197"/>
                  <a:pt x="17793" y="3181"/>
                  <a:pt x="17797" y="3165"/>
                </a:cubicBezTo>
                <a:cubicBezTo>
                  <a:pt x="17804" y="3149"/>
                  <a:pt x="17807" y="3133"/>
                  <a:pt x="17814" y="3116"/>
                </a:cubicBezTo>
                <a:lnTo>
                  <a:pt x="17832" y="3072"/>
                </a:lnTo>
                <a:cubicBezTo>
                  <a:pt x="17844" y="3045"/>
                  <a:pt x="17858" y="3017"/>
                  <a:pt x="17874" y="2991"/>
                </a:cubicBezTo>
                <a:lnTo>
                  <a:pt x="17874" y="2991"/>
                </a:lnTo>
                <a:cubicBezTo>
                  <a:pt x="17872" y="2993"/>
                  <a:pt x="17871" y="2994"/>
                  <a:pt x="17870" y="2994"/>
                </a:cubicBezTo>
                <a:cubicBezTo>
                  <a:pt x="17868" y="2994"/>
                  <a:pt x="17868" y="2991"/>
                  <a:pt x="17869" y="2987"/>
                </a:cubicBezTo>
                <a:cubicBezTo>
                  <a:pt x="17874" y="2970"/>
                  <a:pt x="17883" y="2954"/>
                  <a:pt x="17890" y="2940"/>
                </a:cubicBezTo>
                <a:cubicBezTo>
                  <a:pt x="17962" y="2813"/>
                  <a:pt x="17997" y="2787"/>
                  <a:pt x="18013" y="2776"/>
                </a:cubicBezTo>
                <a:cubicBezTo>
                  <a:pt x="18034" y="2767"/>
                  <a:pt x="18052" y="2753"/>
                  <a:pt x="18066" y="2734"/>
                </a:cubicBezTo>
                <a:cubicBezTo>
                  <a:pt x="18136" y="2662"/>
                  <a:pt x="18170" y="2632"/>
                  <a:pt x="18184" y="2616"/>
                </a:cubicBezTo>
                <a:cubicBezTo>
                  <a:pt x="18198" y="2600"/>
                  <a:pt x="18191" y="2600"/>
                  <a:pt x="18184" y="2598"/>
                </a:cubicBezTo>
                <a:cubicBezTo>
                  <a:pt x="18177" y="2595"/>
                  <a:pt x="18173" y="2593"/>
                  <a:pt x="18191" y="2572"/>
                </a:cubicBezTo>
                <a:cubicBezTo>
                  <a:pt x="18227" y="2532"/>
                  <a:pt x="18268" y="2497"/>
                  <a:pt x="18311" y="2466"/>
                </a:cubicBezTo>
                <a:lnTo>
                  <a:pt x="18311" y="2466"/>
                </a:lnTo>
                <a:cubicBezTo>
                  <a:pt x="18177" y="2560"/>
                  <a:pt x="18054" y="2673"/>
                  <a:pt x="17953" y="2801"/>
                </a:cubicBezTo>
                <a:cubicBezTo>
                  <a:pt x="17955" y="2791"/>
                  <a:pt x="17955" y="2782"/>
                  <a:pt x="17948" y="2782"/>
                </a:cubicBezTo>
                <a:cubicBezTo>
                  <a:pt x="17947" y="2782"/>
                  <a:pt x="17947" y="2783"/>
                  <a:pt x="17946" y="2783"/>
                </a:cubicBezTo>
                <a:cubicBezTo>
                  <a:pt x="17936" y="2787"/>
                  <a:pt x="17918" y="2806"/>
                  <a:pt x="17883" y="2857"/>
                </a:cubicBezTo>
                <a:cubicBezTo>
                  <a:pt x="17883" y="2871"/>
                  <a:pt x="17878" y="2885"/>
                  <a:pt x="17872" y="2896"/>
                </a:cubicBezTo>
                <a:cubicBezTo>
                  <a:pt x="17865" y="2917"/>
                  <a:pt x="17848" y="2945"/>
                  <a:pt x="17837" y="2980"/>
                </a:cubicBezTo>
                <a:cubicBezTo>
                  <a:pt x="17830" y="2998"/>
                  <a:pt x="17821" y="3014"/>
                  <a:pt x="17814" y="3035"/>
                </a:cubicBezTo>
                <a:lnTo>
                  <a:pt x="17793" y="3096"/>
                </a:lnTo>
                <a:cubicBezTo>
                  <a:pt x="17786" y="3116"/>
                  <a:pt x="17781" y="3140"/>
                  <a:pt x="17774" y="3160"/>
                </a:cubicBezTo>
                <a:cubicBezTo>
                  <a:pt x="17767" y="3184"/>
                  <a:pt x="17763" y="3204"/>
                  <a:pt x="17758" y="3228"/>
                </a:cubicBezTo>
                <a:cubicBezTo>
                  <a:pt x="17756" y="3230"/>
                  <a:pt x="17755" y="3231"/>
                  <a:pt x="17755" y="3231"/>
                </a:cubicBezTo>
                <a:cubicBezTo>
                  <a:pt x="17753" y="3231"/>
                  <a:pt x="17753" y="3227"/>
                  <a:pt x="17753" y="3221"/>
                </a:cubicBezTo>
                <a:cubicBezTo>
                  <a:pt x="17753" y="3207"/>
                  <a:pt x="17756" y="3191"/>
                  <a:pt x="17758" y="3177"/>
                </a:cubicBezTo>
                <a:cubicBezTo>
                  <a:pt x="17763" y="3158"/>
                  <a:pt x="17767" y="3135"/>
                  <a:pt x="17772" y="3112"/>
                </a:cubicBezTo>
                <a:cubicBezTo>
                  <a:pt x="17779" y="3086"/>
                  <a:pt x="17788" y="3063"/>
                  <a:pt x="17795" y="3042"/>
                </a:cubicBezTo>
                <a:cubicBezTo>
                  <a:pt x="17809" y="2998"/>
                  <a:pt x="17825" y="2964"/>
                  <a:pt x="17825" y="2954"/>
                </a:cubicBezTo>
                <a:cubicBezTo>
                  <a:pt x="17825" y="2952"/>
                  <a:pt x="17825" y="2951"/>
                  <a:pt x="17825" y="2951"/>
                </a:cubicBezTo>
                <a:cubicBezTo>
                  <a:pt x="17823" y="2951"/>
                  <a:pt x="17820" y="2957"/>
                  <a:pt x="17814" y="2966"/>
                </a:cubicBezTo>
                <a:cubicBezTo>
                  <a:pt x="17805" y="2980"/>
                  <a:pt x="17796" y="2994"/>
                  <a:pt x="17789" y="3009"/>
                </a:cubicBezTo>
                <a:lnTo>
                  <a:pt x="17789" y="3009"/>
                </a:lnTo>
                <a:cubicBezTo>
                  <a:pt x="17812" y="2959"/>
                  <a:pt x="17837" y="2911"/>
                  <a:pt x="17865" y="2864"/>
                </a:cubicBezTo>
                <a:cubicBezTo>
                  <a:pt x="17885" y="2836"/>
                  <a:pt x="17904" y="2804"/>
                  <a:pt x="17925" y="2776"/>
                </a:cubicBezTo>
                <a:cubicBezTo>
                  <a:pt x="17948" y="2748"/>
                  <a:pt x="17969" y="2720"/>
                  <a:pt x="17992" y="2695"/>
                </a:cubicBezTo>
                <a:lnTo>
                  <a:pt x="17992" y="2695"/>
                </a:lnTo>
                <a:cubicBezTo>
                  <a:pt x="17983" y="2708"/>
                  <a:pt x="17981" y="2714"/>
                  <a:pt x="17983" y="2714"/>
                </a:cubicBezTo>
                <a:cubicBezTo>
                  <a:pt x="17985" y="2714"/>
                  <a:pt x="17993" y="2707"/>
                  <a:pt x="18004" y="2695"/>
                </a:cubicBezTo>
                <a:cubicBezTo>
                  <a:pt x="18015" y="2683"/>
                  <a:pt x="18029" y="2669"/>
                  <a:pt x="18045" y="2653"/>
                </a:cubicBezTo>
                <a:lnTo>
                  <a:pt x="18096" y="2604"/>
                </a:lnTo>
                <a:cubicBezTo>
                  <a:pt x="18140" y="2564"/>
                  <a:pt x="18182" y="2529"/>
                  <a:pt x="18187" y="2529"/>
                </a:cubicBezTo>
                <a:cubicBezTo>
                  <a:pt x="18190" y="2529"/>
                  <a:pt x="18180" y="2541"/>
                  <a:pt x="18149" y="2572"/>
                </a:cubicBezTo>
                <a:cubicBezTo>
                  <a:pt x="18238" y="2493"/>
                  <a:pt x="18330" y="2424"/>
                  <a:pt x="18430" y="2359"/>
                </a:cubicBezTo>
                <a:cubicBezTo>
                  <a:pt x="18509" y="2308"/>
                  <a:pt x="18576" y="2269"/>
                  <a:pt x="18643" y="2229"/>
                </a:cubicBezTo>
                <a:cubicBezTo>
                  <a:pt x="18773" y="2153"/>
                  <a:pt x="18898" y="2083"/>
                  <a:pt x="19111" y="1951"/>
                </a:cubicBezTo>
                <a:lnTo>
                  <a:pt x="19111" y="1951"/>
                </a:lnTo>
                <a:cubicBezTo>
                  <a:pt x="19051" y="2000"/>
                  <a:pt x="18988" y="2046"/>
                  <a:pt x="18923" y="2088"/>
                </a:cubicBezTo>
                <a:cubicBezTo>
                  <a:pt x="18824" y="2153"/>
                  <a:pt x="18701" y="2229"/>
                  <a:pt x="18585" y="2294"/>
                </a:cubicBezTo>
                <a:lnTo>
                  <a:pt x="18562" y="2296"/>
                </a:lnTo>
                <a:cubicBezTo>
                  <a:pt x="18498" y="2339"/>
                  <a:pt x="18476" y="2355"/>
                  <a:pt x="18480" y="2355"/>
                </a:cubicBezTo>
                <a:cubicBezTo>
                  <a:pt x="18483" y="2355"/>
                  <a:pt x="18521" y="2334"/>
                  <a:pt x="18566" y="2308"/>
                </a:cubicBezTo>
                <a:cubicBezTo>
                  <a:pt x="18639" y="2267"/>
                  <a:pt x="18733" y="2217"/>
                  <a:pt x="18748" y="2217"/>
                </a:cubicBezTo>
                <a:cubicBezTo>
                  <a:pt x="18750" y="2217"/>
                  <a:pt x="18750" y="2219"/>
                  <a:pt x="18747" y="2222"/>
                </a:cubicBezTo>
                <a:cubicBezTo>
                  <a:pt x="19081" y="1998"/>
                  <a:pt x="19523" y="1789"/>
                  <a:pt x="19945" y="1534"/>
                </a:cubicBezTo>
                <a:lnTo>
                  <a:pt x="19945" y="1534"/>
                </a:lnTo>
                <a:cubicBezTo>
                  <a:pt x="19926" y="1542"/>
                  <a:pt x="19916" y="1546"/>
                  <a:pt x="19912" y="1546"/>
                </a:cubicBezTo>
                <a:cubicBezTo>
                  <a:pt x="19899" y="1546"/>
                  <a:pt x="19950" y="1511"/>
                  <a:pt x="19959" y="1497"/>
                </a:cubicBezTo>
                <a:lnTo>
                  <a:pt x="19959" y="1497"/>
                </a:lnTo>
                <a:cubicBezTo>
                  <a:pt x="19790" y="1597"/>
                  <a:pt x="19822" y="1583"/>
                  <a:pt x="19690" y="1645"/>
                </a:cubicBezTo>
                <a:cubicBezTo>
                  <a:pt x="19706" y="1620"/>
                  <a:pt x="19813" y="1567"/>
                  <a:pt x="19861" y="1527"/>
                </a:cubicBezTo>
                <a:cubicBezTo>
                  <a:pt x="19867" y="1522"/>
                  <a:pt x="19868" y="1520"/>
                  <a:pt x="19866" y="1520"/>
                </a:cubicBezTo>
                <a:cubicBezTo>
                  <a:pt x="19854" y="1520"/>
                  <a:pt x="19723" y="1605"/>
                  <a:pt x="19667" y="1629"/>
                </a:cubicBezTo>
                <a:cubicBezTo>
                  <a:pt x="19748" y="1581"/>
                  <a:pt x="19824" y="1527"/>
                  <a:pt x="19898" y="1472"/>
                </a:cubicBezTo>
                <a:cubicBezTo>
                  <a:pt x="19952" y="1449"/>
                  <a:pt x="20007" y="1430"/>
                  <a:pt x="20061" y="1414"/>
                </a:cubicBezTo>
                <a:cubicBezTo>
                  <a:pt x="20453" y="1192"/>
                  <a:pt x="20411" y="1187"/>
                  <a:pt x="20704" y="1021"/>
                </a:cubicBezTo>
                <a:lnTo>
                  <a:pt x="20704" y="1021"/>
                </a:lnTo>
                <a:cubicBezTo>
                  <a:pt x="20673" y="1039"/>
                  <a:pt x="20666" y="1044"/>
                  <a:pt x="20669" y="1044"/>
                </a:cubicBezTo>
                <a:cubicBezTo>
                  <a:pt x="20673" y="1044"/>
                  <a:pt x="20699" y="1033"/>
                  <a:pt x="20703" y="1033"/>
                </a:cubicBezTo>
                <a:cubicBezTo>
                  <a:pt x="20704" y="1033"/>
                  <a:pt x="20703" y="1034"/>
                  <a:pt x="20697" y="1038"/>
                </a:cubicBezTo>
                <a:lnTo>
                  <a:pt x="20697" y="1038"/>
                </a:lnTo>
                <a:lnTo>
                  <a:pt x="20737" y="1015"/>
                </a:lnTo>
                <a:lnTo>
                  <a:pt x="20737" y="1015"/>
                </a:lnTo>
                <a:cubicBezTo>
                  <a:pt x="20468" y="1196"/>
                  <a:pt x="19986" y="1472"/>
                  <a:pt x="20051" y="1474"/>
                </a:cubicBezTo>
                <a:cubicBezTo>
                  <a:pt x="20278" y="1340"/>
                  <a:pt x="20434" y="1226"/>
                  <a:pt x="20711" y="1066"/>
                </a:cubicBezTo>
                <a:lnTo>
                  <a:pt x="20711" y="1066"/>
                </a:lnTo>
                <a:lnTo>
                  <a:pt x="20705" y="1078"/>
                </a:lnTo>
                <a:cubicBezTo>
                  <a:pt x="20778" y="1036"/>
                  <a:pt x="20797" y="1024"/>
                  <a:pt x="20794" y="1024"/>
                </a:cubicBezTo>
                <a:cubicBezTo>
                  <a:pt x="20789" y="1024"/>
                  <a:pt x="20742" y="1047"/>
                  <a:pt x="20736" y="1047"/>
                </a:cubicBezTo>
                <a:cubicBezTo>
                  <a:pt x="20734" y="1047"/>
                  <a:pt x="20736" y="1045"/>
                  <a:pt x="20742" y="1041"/>
                </a:cubicBezTo>
                <a:cubicBezTo>
                  <a:pt x="20962" y="900"/>
                  <a:pt x="21050" y="900"/>
                  <a:pt x="21193" y="791"/>
                </a:cubicBezTo>
                <a:lnTo>
                  <a:pt x="21193" y="791"/>
                </a:lnTo>
                <a:lnTo>
                  <a:pt x="20962" y="918"/>
                </a:lnTo>
                <a:cubicBezTo>
                  <a:pt x="21012" y="884"/>
                  <a:pt x="21027" y="873"/>
                  <a:pt x="21024" y="873"/>
                </a:cubicBezTo>
                <a:cubicBezTo>
                  <a:pt x="21020" y="873"/>
                  <a:pt x="20955" y="911"/>
                  <a:pt x="20939" y="911"/>
                </a:cubicBezTo>
                <a:cubicBezTo>
                  <a:pt x="20935" y="911"/>
                  <a:pt x="20934" y="908"/>
                  <a:pt x="20938" y="902"/>
                </a:cubicBezTo>
                <a:cubicBezTo>
                  <a:pt x="21240" y="710"/>
                  <a:pt x="21779" y="408"/>
                  <a:pt x="22210" y="144"/>
                </a:cubicBezTo>
                <a:lnTo>
                  <a:pt x="22210" y="144"/>
                </a:lnTo>
                <a:cubicBezTo>
                  <a:pt x="22094" y="198"/>
                  <a:pt x="21983" y="256"/>
                  <a:pt x="21877" y="320"/>
                </a:cubicBezTo>
                <a:cubicBezTo>
                  <a:pt x="21922" y="266"/>
                  <a:pt x="21974" y="233"/>
                  <a:pt x="21950" y="233"/>
                </a:cubicBezTo>
                <a:cubicBezTo>
                  <a:pt x="21943" y="233"/>
                  <a:pt x="21930" y="236"/>
                  <a:pt x="21909" y="242"/>
                </a:cubicBezTo>
                <a:lnTo>
                  <a:pt x="21708" y="358"/>
                </a:lnTo>
                <a:lnTo>
                  <a:pt x="21691" y="334"/>
                </a:lnTo>
                <a:cubicBezTo>
                  <a:pt x="21745" y="302"/>
                  <a:pt x="21800" y="272"/>
                  <a:pt x="21851" y="246"/>
                </a:cubicBezTo>
                <a:cubicBezTo>
                  <a:pt x="21870" y="216"/>
                  <a:pt x="22157" y="75"/>
                  <a:pt x="22164" y="54"/>
                </a:cubicBezTo>
                <a:lnTo>
                  <a:pt x="22164" y="54"/>
                </a:lnTo>
                <a:lnTo>
                  <a:pt x="21992" y="154"/>
                </a:lnTo>
                <a:cubicBezTo>
                  <a:pt x="21981" y="159"/>
                  <a:pt x="21974" y="161"/>
                  <a:pt x="21971" y="161"/>
                </a:cubicBezTo>
                <a:cubicBezTo>
                  <a:pt x="21954" y="161"/>
                  <a:pt x="22119" y="65"/>
                  <a:pt x="22222"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61" name="Google Shape;361;p19"/>
          <p:cNvSpPr txBox="1">
            <a:spLocks noGrp="1"/>
          </p:cNvSpPr>
          <p:nvPr>
            <p:ph type="body" idx="1"/>
          </p:nvPr>
        </p:nvSpPr>
        <p:spPr>
          <a:xfrm>
            <a:off x="720000" y="1392625"/>
            <a:ext cx="7704000" cy="2184300"/>
          </a:xfrm>
          <a:prstGeom prst="rect">
            <a:avLst/>
          </a:prstGeom>
        </p:spPr>
        <p:txBody>
          <a:bodyPr spcFirstLastPara="1" wrap="square" lIns="91425" tIns="91425" rIns="91425" bIns="91425" anchor="ctr" anchorCtr="0">
            <a:noAutofit/>
          </a:bodyPr>
          <a:lstStyle>
            <a:lvl1pPr marL="457200" lvl="0" indent="-330200" rtl="0">
              <a:spcBef>
                <a:spcPts val="0"/>
              </a:spcBef>
              <a:spcAft>
                <a:spcPts val="0"/>
              </a:spcAft>
              <a:buClr>
                <a:schemeClr val="accent1"/>
              </a:buClr>
              <a:buSzPts val="1600"/>
              <a:buChar char="●"/>
              <a:defRPr sz="1200">
                <a:solidFill>
                  <a:srgbClr val="434343"/>
                </a:solidFill>
              </a:defRPr>
            </a:lvl1pPr>
            <a:lvl2pPr marL="914400" lvl="1" indent="-317500" rtl="0">
              <a:lnSpc>
                <a:spcPct val="115000"/>
              </a:lnSpc>
              <a:spcBef>
                <a:spcPts val="0"/>
              </a:spcBef>
              <a:spcAft>
                <a:spcPts val="0"/>
              </a:spcAft>
              <a:buSzPts val="1400"/>
              <a:buFont typeface="Raleway"/>
              <a:buChar char="○"/>
              <a:defRPr>
                <a:solidFill>
                  <a:srgbClr val="434343"/>
                </a:solidFill>
              </a:defRPr>
            </a:lvl2pPr>
            <a:lvl3pPr marL="1371600" lvl="2" indent="-317500" rtl="0">
              <a:lnSpc>
                <a:spcPct val="115000"/>
              </a:lnSpc>
              <a:spcBef>
                <a:spcPts val="0"/>
              </a:spcBef>
              <a:spcAft>
                <a:spcPts val="0"/>
              </a:spcAft>
              <a:buSzPts val="1400"/>
              <a:buFont typeface="Raleway"/>
              <a:buChar char="■"/>
              <a:defRPr>
                <a:solidFill>
                  <a:srgbClr val="434343"/>
                </a:solidFill>
              </a:defRPr>
            </a:lvl3pPr>
            <a:lvl4pPr marL="1828800" lvl="3" indent="-317500" rtl="0">
              <a:lnSpc>
                <a:spcPct val="115000"/>
              </a:lnSpc>
              <a:spcBef>
                <a:spcPts val="0"/>
              </a:spcBef>
              <a:spcAft>
                <a:spcPts val="0"/>
              </a:spcAft>
              <a:buSzPts val="1400"/>
              <a:buFont typeface="Raleway"/>
              <a:buChar char="●"/>
              <a:defRPr>
                <a:solidFill>
                  <a:srgbClr val="434343"/>
                </a:solidFill>
              </a:defRPr>
            </a:lvl4pPr>
            <a:lvl5pPr marL="2286000" lvl="4" indent="-317500" rtl="0">
              <a:lnSpc>
                <a:spcPct val="115000"/>
              </a:lnSpc>
              <a:spcBef>
                <a:spcPts val="0"/>
              </a:spcBef>
              <a:spcAft>
                <a:spcPts val="0"/>
              </a:spcAft>
              <a:buSzPts val="1400"/>
              <a:buFont typeface="Raleway"/>
              <a:buChar char="○"/>
              <a:defRPr>
                <a:solidFill>
                  <a:srgbClr val="434343"/>
                </a:solidFill>
              </a:defRPr>
            </a:lvl5pPr>
            <a:lvl6pPr marL="2743200" lvl="5" indent="-317500" rtl="0">
              <a:lnSpc>
                <a:spcPct val="115000"/>
              </a:lnSpc>
              <a:spcBef>
                <a:spcPts val="0"/>
              </a:spcBef>
              <a:spcAft>
                <a:spcPts val="0"/>
              </a:spcAft>
              <a:buSzPts val="1400"/>
              <a:buFont typeface="Raleway"/>
              <a:buChar char="■"/>
              <a:defRPr>
                <a:solidFill>
                  <a:srgbClr val="434343"/>
                </a:solidFill>
              </a:defRPr>
            </a:lvl6pPr>
            <a:lvl7pPr marL="3200400" lvl="6" indent="-317500" rtl="0">
              <a:lnSpc>
                <a:spcPct val="115000"/>
              </a:lnSpc>
              <a:spcBef>
                <a:spcPts val="0"/>
              </a:spcBef>
              <a:spcAft>
                <a:spcPts val="0"/>
              </a:spcAft>
              <a:buSzPts val="1400"/>
              <a:buFont typeface="Raleway"/>
              <a:buChar char="●"/>
              <a:defRPr>
                <a:solidFill>
                  <a:srgbClr val="434343"/>
                </a:solidFill>
              </a:defRPr>
            </a:lvl7pPr>
            <a:lvl8pPr marL="3657600" lvl="7" indent="-317500" rtl="0">
              <a:lnSpc>
                <a:spcPct val="115000"/>
              </a:lnSpc>
              <a:spcBef>
                <a:spcPts val="0"/>
              </a:spcBef>
              <a:spcAft>
                <a:spcPts val="0"/>
              </a:spcAft>
              <a:buSzPts val="1400"/>
              <a:buFont typeface="Raleway"/>
              <a:buChar char="○"/>
              <a:defRPr>
                <a:solidFill>
                  <a:srgbClr val="434343"/>
                </a:solidFill>
              </a:defRPr>
            </a:lvl8pPr>
            <a:lvl9pPr marL="4114800" lvl="8" indent="-317500" rtl="0">
              <a:lnSpc>
                <a:spcPct val="115000"/>
              </a:lnSpc>
              <a:spcBef>
                <a:spcPts val="0"/>
              </a:spcBef>
              <a:spcAft>
                <a:spcPts val="0"/>
              </a:spcAft>
              <a:buSzPts val="1400"/>
              <a:buFont typeface="Raleway"/>
              <a:buChar char="■"/>
              <a:defRPr>
                <a:solidFill>
                  <a:srgbClr val="434343"/>
                </a:solidFill>
              </a:defRPr>
            </a:lvl9pPr>
          </a:lstStyle>
          <a:p>
            <a:endParaRPr/>
          </a:p>
        </p:txBody>
      </p:sp>
      <p:sp>
        <p:nvSpPr>
          <p:cNvPr id="362" name="Google Shape;362;p19"/>
          <p:cNvSpPr txBox="1">
            <a:spLocks noGrp="1"/>
          </p:cNvSpPr>
          <p:nvPr>
            <p:ph type="title"/>
          </p:nvPr>
        </p:nvSpPr>
        <p:spPr>
          <a:xfrm>
            <a:off x="720000" y="535000"/>
            <a:ext cx="77040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0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matchingName="Title and three columns">
  <p:cSld name="BLANK_1_1_1_2">
    <p:spTree>
      <p:nvGrpSpPr>
        <p:cNvPr id="1" name="Shape 392"/>
        <p:cNvGrpSpPr/>
        <p:nvPr/>
      </p:nvGrpSpPr>
      <p:grpSpPr>
        <a:xfrm>
          <a:off x="0" y="0"/>
          <a:ext cx="0" cy="0"/>
          <a:chOff x="0" y="0"/>
          <a:chExt cx="0" cy="0"/>
        </a:xfrm>
      </p:grpSpPr>
      <p:sp>
        <p:nvSpPr>
          <p:cNvPr id="393" name="Google Shape;393;p22"/>
          <p:cNvSpPr/>
          <p:nvPr/>
        </p:nvSpPr>
        <p:spPr>
          <a:xfrm>
            <a:off x="-726125" y="4488711"/>
            <a:ext cx="10532289" cy="1659580"/>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394" name="Google Shape;394;p22"/>
          <p:cNvGrpSpPr/>
          <p:nvPr/>
        </p:nvGrpSpPr>
        <p:grpSpPr>
          <a:xfrm>
            <a:off x="-243300" y="-226651"/>
            <a:ext cx="1534133" cy="1304962"/>
            <a:chOff x="-191150" y="-216551"/>
            <a:chExt cx="1534133" cy="1304962"/>
          </a:xfrm>
        </p:grpSpPr>
        <p:sp>
          <p:nvSpPr>
            <p:cNvPr id="395" name="Google Shape;395;p22"/>
            <p:cNvSpPr/>
            <p:nvPr/>
          </p:nvSpPr>
          <p:spPr>
            <a:xfrm>
              <a:off x="-191150" y="-216551"/>
              <a:ext cx="1284155" cy="1062262"/>
            </a:xfrm>
            <a:custGeom>
              <a:avLst/>
              <a:gdLst/>
              <a:ahLst/>
              <a:cxnLst/>
              <a:rect l="l" t="t" r="r" b="b"/>
              <a:pathLst>
                <a:path w="11372" h="9407" extrusionOk="0">
                  <a:moveTo>
                    <a:pt x="5657" y="0"/>
                  </a:moveTo>
                  <a:cubicBezTo>
                    <a:pt x="5590" y="0"/>
                    <a:pt x="5524" y="1"/>
                    <a:pt x="5458" y="3"/>
                  </a:cubicBezTo>
                  <a:cubicBezTo>
                    <a:pt x="4869" y="19"/>
                    <a:pt x="4279" y="96"/>
                    <a:pt x="3732" y="309"/>
                  </a:cubicBezTo>
                  <a:cubicBezTo>
                    <a:pt x="3132" y="543"/>
                    <a:pt x="2609" y="937"/>
                    <a:pt x="2143" y="1379"/>
                  </a:cubicBezTo>
                  <a:cubicBezTo>
                    <a:pt x="897" y="2558"/>
                    <a:pt x="0" y="4258"/>
                    <a:pt x="253" y="5954"/>
                  </a:cubicBezTo>
                  <a:cubicBezTo>
                    <a:pt x="436" y="7183"/>
                    <a:pt x="1271" y="8265"/>
                    <a:pt x="2361" y="8849"/>
                  </a:cubicBezTo>
                  <a:lnTo>
                    <a:pt x="2361" y="8849"/>
                  </a:lnTo>
                  <a:lnTo>
                    <a:pt x="1330" y="8572"/>
                  </a:lnTo>
                  <a:lnTo>
                    <a:pt x="1330" y="8572"/>
                  </a:lnTo>
                  <a:cubicBezTo>
                    <a:pt x="2447" y="9122"/>
                    <a:pt x="3673" y="9407"/>
                    <a:pt x="4913" y="9407"/>
                  </a:cubicBezTo>
                  <a:cubicBezTo>
                    <a:pt x="5149" y="9407"/>
                    <a:pt x="5386" y="9396"/>
                    <a:pt x="5622" y="9375"/>
                  </a:cubicBezTo>
                  <a:cubicBezTo>
                    <a:pt x="7239" y="9232"/>
                    <a:pt x="8849" y="8558"/>
                    <a:pt x="9905" y="7323"/>
                  </a:cubicBezTo>
                  <a:cubicBezTo>
                    <a:pt x="10962" y="6091"/>
                    <a:pt x="11372" y="4268"/>
                    <a:pt x="10728" y="2778"/>
                  </a:cubicBezTo>
                  <a:cubicBezTo>
                    <a:pt x="9915" y="902"/>
                    <a:pt x="7710" y="0"/>
                    <a:pt x="565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96" name="Google Shape;396;p22"/>
            <p:cNvSpPr/>
            <p:nvPr/>
          </p:nvSpPr>
          <p:spPr>
            <a:xfrm>
              <a:off x="-191150" y="-174350"/>
              <a:ext cx="1534133" cy="1262760"/>
            </a:xfrm>
            <a:custGeom>
              <a:avLst/>
              <a:gdLst/>
              <a:ahLst/>
              <a:cxnLst/>
              <a:rect l="l" t="t" r="r" b="b"/>
              <a:pathLst>
                <a:path w="10322" h="8496" extrusionOk="0">
                  <a:moveTo>
                    <a:pt x="10271" y="0"/>
                  </a:moveTo>
                  <a:cubicBezTo>
                    <a:pt x="10245" y="0"/>
                    <a:pt x="10219" y="16"/>
                    <a:pt x="10218" y="49"/>
                  </a:cubicBezTo>
                  <a:cubicBezTo>
                    <a:pt x="10172" y="2089"/>
                    <a:pt x="9734" y="4195"/>
                    <a:pt x="8497" y="5861"/>
                  </a:cubicBezTo>
                  <a:cubicBezTo>
                    <a:pt x="7946" y="6607"/>
                    <a:pt x="7241" y="7248"/>
                    <a:pt x="6421" y="7686"/>
                  </a:cubicBezTo>
                  <a:cubicBezTo>
                    <a:pt x="5516" y="8168"/>
                    <a:pt x="4496" y="8376"/>
                    <a:pt x="3479" y="8432"/>
                  </a:cubicBezTo>
                  <a:cubicBezTo>
                    <a:pt x="3287" y="8443"/>
                    <a:pt x="3096" y="8447"/>
                    <a:pt x="2905" y="8447"/>
                  </a:cubicBezTo>
                  <a:cubicBezTo>
                    <a:pt x="1942" y="8447"/>
                    <a:pt x="986" y="8327"/>
                    <a:pt x="26" y="8240"/>
                  </a:cubicBezTo>
                  <a:cubicBezTo>
                    <a:pt x="7" y="8240"/>
                    <a:pt x="0" y="8274"/>
                    <a:pt x="21" y="8277"/>
                  </a:cubicBezTo>
                  <a:lnTo>
                    <a:pt x="19" y="8277"/>
                  </a:lnTo>
                  <a:cubicBezTo>
                    <a:pt x="959" y="8409"/>
                    <a:pt x="1920" y="8495"/>
                    <a:pt x="2873" y="8495"/>
                  </a:cubicBezTo>
                  <a:cubicBezTo>
                    <a:pt x="2974" y="8495"/>
                    <a:pt x="3075" y="8494"/>
                    <a:pt x="3176" y="8492"/>
                  </a:cubicBezTo>
                  <a:cubicBezTo>
                    <a:pt x="4188" y="8471"/>
                    <a:pt x="5203" y="8311"/>
                    <a:pt x="6132" y="7894"/>
                  </a:cubicBezTo>
                  <a:cubicBezTo>
                    <a:pt x="7881" y="7107"/>
                    <a:pt x="9097" y="5465"/>
                    <a:pt x="9711" y="3685"/>
                  </a:cubicBezTo>
                  <a:cubicBezTo>
                    <a:pt x="10114" y="2516"/>
                    <a:pt x="10281" y="1281"/>
                    <a:pt x="10320" y="49"/>
                  </a:cubicBezTo>
                  <a:cubicBezTo>
                    <a:pt x="10321" y="16"/>
                    <a:pt x="10296" y="0"/>
                    <a:pt x="10271" y="0"/>
                  </a:cubicBezTo>
                  <a:close/>
                </a:path>
              </a:pathLst>
            </a:custGeom>
            <a:solidFill>
              <a:schemeClr val="accent2"/>
            </a:solidFill>
            <a:ln w="19050" cap="flat" cmpd="sng">
              <a:solidFill>
                <a:schemeClr val="accent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97" name="Google Shape;397;p22"/>
          <p:cNvSpPr/>
          <p:nvPr/>
        </p:nvSpPr>
        <p:spPr>
          <a:xfrm rot="3653997">
            <a:off x="7362575" y="-287719"/>
            <a:ext cx="3569355" cy="1645455"/>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398" name="Google Shape;398;p22"/>
          <p:cNvGrpSpPr/>
          <p:nvPr/>
        </p:nvGrpSpPr>
        <p:grpSpPr>
          <a:xfrm>
            <a:off x="7410324" y="-1357555"/>
            <a:ext cx="2622810" cy="2104290"/>
            <a:chOff x="7029324" y="-1128955"/>
            <a:chExt cx="2622810" cy="2104290"/>
          </a:xfrm>
        </p:grpSpPr>
        <p:sp>
          <p:nvSpPr>
            <p:cNvPr id="399" name="Google Shape;399;p22"/>
            <p:cNvSpPr/>
            <p:nvPr/>
          </p:nvSpPr>
          <p:spPr>
            <a:xfrm>
              <a:off x="7241820" y="-305742"/>
              <a:ext cx="2066229" cy="844835"/>
            </a:xfrm>
            <a:custGeom>
              <a:avLst/>
              <a:gdLst/>
              <a:ahLst/>
              <a:cxnLst/>
              <a:rect l="l" t="t" r="r" b="b"/>
              <a:pathLst>
                <a:path w="29016" h="11864" extrusionOk="0">
                  <a:moveTo>
                    <a:pt x="215" y="0"/>
                  </a:moveTo>
                  <a:cubicBezTo>
                    <a:pt x="176" y="0"/>
                    <a:pt x="136" y="25"/>
                    <a:pt x="132" y="74"/>
                  </a:cubicBezTo>
                  <a:lnTo>
                    <a:pt x="134" y="72"/>
                  </a:lnTo>
                  <a:lnTo>
                    <a:pt x="134" y="72"/>
                  </a:lnTo>
                  <a:cubicBezTo>
                    <a:pt x="0" y="2481"/>
                    <a:pt x="649" y="4932"/>
                    <a:pt x="1916" y="6982"/>
                  </a:cubicBezTo>
                  <a:cubicBezTo>
                    <a:pt x="2553" y="8015"/>
                    <a:pt x="3352" y="8941"/>
                    <a:pt x="4281" y="9724"/>
                  </a:cubicBezTo>
                  <a:cubicBezTo>
                    <a:pt x="5226" y="10517"/>
                    <a:pt x="6347" y="11147"/>
                    <a:pt x="7577" y="11348"/>
                  </a:cubicBezTo>
                  <a:cubicBezTo>
                    <a:pt x="7912" y="11403"/>
                    <a:pt x="8243" y="11428"/>
                    <a:pt x="8572" y="11428"/>
                  </a:cubicBezTo>
                  <a:cubicBezTo>
                    <a:pt x="10620" y="11428"/>
                    <a:pt x="12553" y="10466"/>
                    <a:pt x="14478" y="9836"/>
                  </a:cubicBezTo>
                  <a:cubicBezTo>
                    <a:pt x="15465" y="9512"/>
                    <a:pt x="16470" y="9273"/>
                    <a:pt x="17505" y="9273"/>
                  </a:cubicBezTo>
                  <a:cubicBezTo>
                    <a:pt x="17634" y="9273"/>
                    <a:pt x="17763" y="9277"/>
                    <a:pt x="17892" y="9284"/>
                  </a:cubicBezTo>
                  <a:cubicBezTo>
                    <a:pt x="19004" y="9351"/>
                    <a:pt x="20118" y="9699"/>
                    <a:pt x="21179" y="10095"/>
                  </a:cubicBezTo>
                  <a:cubicBezTo>
                    <a:pt x="23160" y="10832"/>
                    <a:pt x="25183" y="11863"/>
                    <a:pt x="27337" y="11863"/>
                  </a:cubicBezTo>
                  <a:cubicBezTo>
                    <a:pt x="27506" y="11863"/>
                    <a:pt x="27676" y="11857"/>
                    <a:pt x="27846" y="11844"/>
                  </a:cubicBezTo>
                  <a:cubicBezTo>
                    <a:pt x="28138" y="11823"/>
                    <a:pt x="28430" y="11772"/>
                    <a:pt x="28713" y="11691"/>
                  </a:cubicBezTo>
                  <a:cubicBezTo>
                    <a:pt x="28902" y="11635"/>
                    <a:pt x="29016" y="11438"/>
                    <a:pt x="28967" y="11246"/>
                  </a:cubicBezTo>
                  <a:cubicBezTo>
                    <a:pt x="28917" y="11064"/>
                    <a:pt x="28765" y="10986"/>
                    <a:pt x="28599" y="10986"/>
                  </a:cubicBezTo>
                  <a:cubicBezTo>
                    <a:pt x="28573" y="10986"/>
                    <a:pt x="28547" y="10988"/>
                    <a:pt x="28520" y="10991"/>
                  </a:cubicBezTo>
                  <a:cubicBezTo>
                    <a:pt x="28268" y="11026"/>
                    <a:pt x="28020" y="11056"/>
                    <a:pt x="27740" y="11072"/>
                  </a:cubicBezTo>
                  <a:cubicBezTo>
                    <a:pt x="27610" y="11080"/>
                    <a:pt x="27481" y="11084"/>
                    <a:pt x="27351" y="11084"/>
                  </a:cubicBezTo>
                  <a:cubicBezTo>
                    <a:pt x="27204" y="11084"/>
                    <a:pt x="27057" y="11079"/>
                    <a:pt x="26910" y="11068"/>
                  </a:cubicBezTo>
                  <a:cubicBezTo>
                    <a:pt x="26394" y="11033"/>
                    <a:pt x="25907" y="10940"/>
                    <a:pt x="25370" y="10799"/>
                  </a:cubicBezTo>
                  <a:cubicBezTo>
                    <a:pt x="24265" y="10510"/>
                    <a:pt x="23204" y="10069"/>
                    <a:pt x="22136" y="9662"/>
                  </a:cubicBezTo>
                  <a:cubicBezTo>
                    <a:pt x="21071" y="9254"/>
                    <a:pt x="19986" y="8863"/>
                    <a:pt x="18856" y="8682"/>
                  </a:cubicBezTo>
                  <a:cubicBezTo>
                    <a:pt x="18422" y="8613"/>
                    <a:pt x="17984" y="8569"/>
                    <a:pt x="17546" y="8569"/>
                  </a:cubicBezTo>
                  <a:cubicBezTo>
                    <a:pt x="17411" y="8569"/>
                    <a:pt x="17276" y="8574"/>
                    <a:pt x="17142" y="8582"/>
                  </a:cubicBezTo>
                  <a:cubicBezTo>
                    <a:pt x="16537" y="8626"/>
                    <a:pt x="15940" y="8728"/>
                    <a:pt x="15358" y="8890"/>
                  </a:cubicBezTo>
                  <a:cubicBezTo>
                    <a:pt x="14214" y="9198"/>
                    <a:pt x="13123" y="9676"/>
                    <a:pt x="12018" y="10095"/>
                  </a:cubicBezTo>
                  <a:cubicBezTo>
                    <a:pt x="10962" y="10493"/>
                    <a:pt x="9859" y="10873"/>
                    <a:pt x="8724" y="10940"/>
                  </a:cubicBezTo>
                  <a:cubicBezTo>
                    <a:pt x="8612" y="10947"/>
                    <a:pt x="8501" y="10951"/>
                    <a:pt x="8390" y="10951"/>
                  </a:cubicBezTo>
                  <a:cubicBezTo>
                    <a:pt x="7301" y="10951"/>
                    <a:pt x="6263" y="10624"/>
                    <a:pt x="5323" y="10060"/>
                  </a:cubicBezTo>
                  <a:cubicBezTo>
                    <a:pt x="4288" y="9439"/>
                    <a:pt x="3394" y="8578"/>
                    <a:pt x="2659" y="7621"/>
                  </a:cubicBezTo>
                  <a:cubicBezTo>
                    <a:pt x="1195" y="5715"/>
                    <a:pt x="343" y="3361"/>
                    <a:pt x="276" y="957"/>
                  </a:cubicBezTo>
                  <a:cubicBezTo>
                    <a:pt x="269" y="662"/>
                    <a:pt x="271" y="368"/>
                    <a:pt x="287" y="74"/>
                  </a:cubicBezTo>
                  <a:cubicBezTo>
                    <a:pt x="290" y="24"/>
                    <a:pt x="253" y="0"/>
                    <a:pt x="21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00" name="Google Shape;400;p22"/>
            <p:cNvSpPr/>
            <p:nvPr/>
          </p:nvSpPr>
          <p:spPr>
            <a:xfrm>
              <a:off x="7029324" y="-2307"/>
              <a:ext cx="2456531" cy="977642"/>
            </a:xfrm>
            <a:custGeom>
              <a:avLst/>
              <a:gdLst/>
              <a:ahLst/>
              <a:cxnLst/>
              <a:rect l="l" t="t" r="r" b="b"/>
              <a:pathLst>
                <a:path w="34497" h="13729" extrusionOk="0">
                  <a:moveTo>
                    <a:pt x="35" y="0"/>
                  </a:moveTo>
                  <a:cubicBezTo>
                    <a:pt x="19" y="0"/>
                    <a:pt x="1" y="14"/>
                    <a:pt x="5" y="34"/>
                  </a:cubicBezTo>
                  <a:lnTo>
                    <a:pt x="8" y="36"/>
                  </a:lnTo>
                  <a:cubicBezTo>
                    <a:pt x="239" y="1405"/>
                    <a:pt x="631" y="2746"/>
                    <a:pt x="1207" y="4011"/>
                  </a:cubicBezTo>
                  <a:cubicBezTo>
                    <a:pt x="1782" y="5269"/>
                    <a:pt x="2495" y="6483"/>
                    <a:pt x="3422" y="7513"/>
                  </a:cubicBezTo>
                  <a:cubicBezTo>
                    <a:pt x="5236" y="9538"/>
                    <a:pt x="7909" y="10849"/>
                    <a:pt x="10640" y="10914"/>
                  </a:cubicBezTo>
                  <a:cubicBezTo>
                    <a:pt x="10698" y="10915"/>
                    <a:pt x="10756" y="10916"/>
                    <a:pt x="10814" y="10916"/>
                  </a:cubicBezTo>
                  <a:cubicBezTo>
                    <a:pt x="12243" y="10916"/>
                    <a:pt x="13587" y="10509"/>
                    <a:pt x="14914" y="9994"/>
                  </a:cubicBezTo>
                  <a:cubicBezTo>
                    <a:pt x="16299" y="9457"/>
                    <a:pt x="17698" y="8855"/>
                    <a:pt x="19209" y="8813"/>
                  </a:cubicBezTo>
                  <a:cubicBezTo>
                    <a:pt x="19265" y="8811"/>
                    <a:pt x="19321" y="8811"/>
                    <a:pt x="19378" y="8811"/>
                  </a:cubicBezTo>
                  <a:cubicBezTo>
                    <a:pt x="19996" y="8811"/>
                    <a:pt x="20627" y="8907"/>
                    <a:pt x="21189" y="9172"/>
                  </a:cubicBezTo>
                  <a:cubicBezTo>
                    <a:pt x="21842" y="9480"/>
                    <a:pt x="22340" y="9987"/>
                    <a:pt x="22834" y="10504"/>
                  </a:cubicBezTo>
                  <a:cubicBezTo>
                    <a:pt x="23306" y="10997"/>
                    <a:pt x="23788" y="11463"/>
                    <a:pt x="24337" y="11871"/>
                  </a:cubicBezTo>
                  <a:cubicBezTo>
                    <a:pt x="24842" y="12244"/>
                    <a:pt x="25389" y="12561"/>
                    <a:pt x="25963" y="12818"/>
                  </a:cubicBezTo>
                  <a:cubicBezTo>
                    <a:pt x="27273" y="13403"/>
                    <a:pt x="28745" y="13729"/>
                    <a:pt x="30208" y="13729"/>
                  </a:cubicBezTo>
                  <a:cubicBezTo>
                    <a:pt x="31347" y="13729"/>
                    <a:pt x="32481" y="13531"/>
                    <a:pt x="33529" y="13103"/>
                  </a:cubicBezTo>
                  <a:cubicBezTo>
                    <a:pt x="33684" y="13040"/>
                    <a:pt x="33848" y="12973"/>
                    <a:pt x="33992" y="12885"/>
                  </a:cubicBezTo>
                  <a:cubicBezTo>
                    <a:pt x="34133" y="12797"/>
                    <a:pt x="34247" y="12658"/>
                    <a:pt x="34360" y="12538"/>
                  </a:cubicBezTo>
                  <a:cubicBezTo>
                    <a:pt x="34497" y="12390"/>
                    <a:pt x="34419" y="12085"/>
                    <a:pt x="34197" y="12085"/>
                  </a:cubicBezTo>
                  <a:cubicBezTo>
                    <a:pt x="34189" y="12085"/>
                    <a:pt x="34181" y="12085"/>
                    <a:pt x="34173" y="12086"/>
                  </a:cubicBezTo>
                  <a:cubicBezTo>
                    <a:pt x="34020" y="12100"/>
                    <a:pt x="33848" y="12093"/>
                    <a:pt x="33698" y="12128"/>
                  </a:cubicBezTo>
                  <a:cubicBezTo>
                    <a:pt x="33540" y="12165"/>
                    <a:pt x="33381" y="12234"/>
                    <a:pt x="33225" y="12290"/>
                  </a:cubicBezTo>
                  <a:cubicBezTo>
                    <a:pt x="32940" y="12389"/>
                    <a:pt x="32653" y="12478"/>
                    <a:pt x="32359" y="12549"/>
                  </a:cubicBezTo>
                  <a:cubicBezTo>
                    <a:pt x="31738" y="12702"/>
                    <a:pt x="31210" y="12793"/>
                    <a:pt x="30594" y="12825"/>
                  </a:cubicBezTo>
                  <a:cubicBezTo>
                    <a:pt x="30408" y="12836"/>
                    <a:pt x="30223" y="12842"/>
                    <a:pt x="30037" y="12842"/>
                  </a:cubicBezTo>
                  <a:cubicBezTo>
                    <a:pt x="29001" y="12842"/>
                    <a:pt x="27970" y="12667"/>
                    <a:pt x="26987" y="12327"/>
                  </a:cubicBezTo>
                  <a:cubicBezTo>
                    <a:pt x="25868" y="11942"/>
                    <a:pt x="24775" y="11322"/>
                    <a:pt x="23885" y="10506"/>
                  </a:cubicBezTo>
                  <a:cubicBezTo>
                    <a:pt x="23355" y="10022"/>
                    <a:pt x="22871" y="9494"/>
                    <a:pt x="22296" y="9063"/>
                  </a:cubicBezTo>
                  <a:cubicBezTo>
                    <a:pt x="21733" y="8641"/>
                    <a:pt x="21076" y="8366"/>
                    <a:pt x="20383" y="8259"/>
                  </a:cubicBezTo>
                  <a:cubicBezTo>
                    <a:pt x="20084" y="8212"/>
                    <a:pt x="19786" y="8191"/>
                    <a:pt x="19489" y="8191"/>
                  </a:cubicBezTo>
                  <a:cubicBezTo>
                    <a:pt x="18348" y="8191"/>
                    <a:pt x="17224" y="8507"/>
                    <a:pt x="16158" y="8917"/>
                  </a:cubicBezTo>
                  <a:cubicBezTo>
                    <a:pt x="14752" y="9457"/>
                    <a:pt x="13376" y="10138"/>
                    <a:pt x="11870" y="10358"/>
                  </a:cubicBezTo>
                  <a:cubicBezTo>
                    <a:pt x="11484" y="10415"/>
                    <a:pt x="11095" y="10442"/>
                    <a:pt x="10707" y="10442"/>
                  </a:cubicBezTo>
                  <a:cubicBezTo>
                    <a:pt x="8417" y="10442"/>
                    <a:pt x="6135" y="9490"/>
                    <a:pt x="4413" y="8004"/>
                  </a:cubicBezTo>
                  <a:cubicBezTo>
                    <a:pt x="3387" y="7117"/>
                    <a:pt x="2437" y="6054"/>
                    <a:pt x="1770" y="4868"/>
                  </a:cubicBezTo>
                  <a:cubicBezTo>
                    <a:pt x="1087" y="3659"/>
                    <a:pt x="591" y="2350"/>
                    <a:pt x="265" y="1000"/>
                  </a:cubicBezTo>
                  <a:cubicBezTo>
                    <a:pt x="186" y="675"/>
                    <a:pt x="116" y="349"/>
                    <a:pt x="56" y="20"/>
                  </a:cubicBezTo>
                  <a:cubicBezTo>
                    <a:pt x="54" y="6"/>
                    <a:pt x="45" y="0"/>
                    <a:pt x="3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01" name="Google Shape;401;p22"/>
            <p:cNvSpPr/>
            <p:nvPr/>
          </p:nvSpPr>
          <p:spPr>
            <a:xfrm>
              <a:off x="7142551" y="-1128955"/>
              <a:ext cx="2509583" cy="1348504"/>
            </a:xfrm>
            <a:custGeom>
              <a:avLst/>
              <a:gdLst/>
              <a:ahLst/>
              <a:cxnLst/>
              <a:rect l="l" t="t" r="r" b="b"/>
              <a:pathLst>
                <a:path w="35242" h="18937" extrusionOk="0">
                  <a:moveTo>
                    <a:pt x="109" y="0"/>
                  </a:moveTo>
                  <a:cubicBezTo>
                    <a:pt x="54" y="0"/>
                    <a:pt x="1" y="55"/>
                    <a:pt x="41" y="112"/>
                  </a:cubicBezTo>
                  <a:lnTo>
                    <a:pt x="44" y="112"/>
                  </a:lnTo>
                  <a:cubicBezTo>
                    <a:pt x="2152" y="3026"/>
                    <a:pt x="3845" y="6223"/>
                    <a:pt x="5073" y="9605"/>
                  </a:cubicBezTo>
                  <a:cubicBezTo>
                    <a:pt x="5677" y="11266"/>
                    <a:pt x="6087" y="13005"/>
                    <a:pt x="6805" y="14622"/>
                  </a:cubicBezTo>
                  <a:cubicBezTo>
                    <a:pt x="7440" y="16051"/>
                    <a:pt x="8404" y="17404"/>
                    <a:pt x="9814" y="18155"/>
                  </a:cubicBezTo>
                  <a:cubicBezTo>
                    <a:pt x="10442" y="18488"/>
                    <a:pt x="11137" y="18688"/>
                    <a:pt x="11851" y="18699"/>
                  </a:cubicBezTo>
                  <a:cubicBezTo>
                    <a:pt x="11872" y="18699"/>
                    <a:pt x="11893" y="18700"/>
                    <a:pt x="11914" y="18700"/>
                  </a:cubicBezTo>
                  <a:cubicBezTo>
                    <a:pt x="12532" y="18700"/>
                    <a:pt x="13145" y="18570"/>
                    <a:pt x="13727" y="18375"/>
                  </a:cubicBezTo>
                  <a:cubicBezTo>
                    <a:pt x="15003" y="17944"/>
                    <a:pt x="16148" y="17221"/>
                    <a:pt x="17366" y="16663"/>
                  </a:cubicBezTo>
                  <a:cubicBezTo>
                    <a:pt x="18191" y="16283"/>
                    <a:pt x="19096" y="15961"/>
                    <a:pt x="20008" y="15961"/>
                  </a:cubicBezTo>
                  <a:cubicBezTo>
                    <a:pt x="20330" y="15961"/>
                    <a:pt x="20652" y="16001"/>
                    <a:pt x="20973" y="16093"/>
                  </a:cubicBezTo>
                  <a:cubicBezTo>
                    <a:pt x="21795" y="16329"/>
                    <a:pt x="22453" y="16883"/>
                    <a:pt x="23162" y="17332"/>
                  </a:cubicBezTo>
                  <a:cubicBezTo>
                    <a:pt x="23817" y="17747"/>
                    <a:pt x="24517" y="18085"/>
                    <a:pt x="25247" y="18340"/>
                  </a:cubicBezTo>
                  <a:cubicBezTo>
                    <a:pt x="26379" y="18739"/>
                    <a:pt x="27581" y="18936"/>
                    <a:pt x="28784" y="18936"/>
                  </a:cubicBezTo>
                  <a:cubicBezTo>
                    <a:pt x="30679" y="18936"/>
                    <a:pt x="32575" y="18445"/>
                    <a:pt x="34202" y="17476"/>
                  </a:cubicBezTo>
                  <a:cubicBezTo>
                    <a:pt x="34529" y="17279"/>
                    <a:pt x="34820" y="17034"/>
                    <a:pt x="35071" y="16746"/>
                  </a:cubicBezTo>
                  <a:cubicBezTo>
                    <a:pt x="35242" y="16556"/>
                    <a:pt x="35091" y="16308"/>
                    <a:pt x="34880" y="16308"/>
                  </a:cubicBezTo>
                  <a:cubicBezTo>
                    <a:pt x="34840" y="16308"/>
                    <a:pt x="34798" y="16316"/>
                    <a:pt x="34756" y="16336"/>
                  </a:cubicBezTo>
                  <a:cubicBezTo>
                    <a:pt x="34589" y="16415"/>
                    <a:pt x="34410" y="16478"/>
                    <a:pt x="34251" y="16570"/>
                  </a:cubicBezTo>
                  <a:cubicBezTo>
                    <a:pt x="34077" y="16672"/>
                    <a:pt x="33899" y="16770"/>
                    <a:pt x="33722" y="16869"/>
                  </a:cubicBezTo>
                  <a:cubicBezTo>
                    <a:pt x="33403" y="17050"/>
                    <a:pt x="33072" y="17214"/>
                    <a:pt x="32731" y="17358"/>
                  </a:cubicBezTo>
                  <a:cubicBezTo>
                    <a:pt x="32064" y="17638"/>
                    <a:pt x="31369" y="17849"/>
                    <a:pt x="30658" y="17986"/>
                  </a:cubicBezTo>
                  <a:cubicBezTo>
                    <a:pt x="30000" y="18112"/>
                    <a:pt x="29333" y="18175"/>
                    <a:pt x="28667" y="18175"/>
                  </a:cubicBezTo>
                  <a:cubicBezTo>
                    <a:pt x="27863" y="18175"/>
                    <a:pt x="27059" y="18083"/>
                    <a:pt x="26270" y="17898"/>
                  </a:cubicBezTo>
                  <a:cubicBezTo>
                    <a:pt x="25555" y="17731"/>
                    <a:pt x="24860" y="17483"/>
                    <a:pt x="24200" y="17156"/>
                  </a:cubicBezTo>
                  <a:cubicBezTo>
                    <a:pt x="23468" y="16788"/>
                    <a:pt x="22805" y="16297"/>
                    <a:pt x="22080" y="15919"/>
                  </a:cubicBezTo>
                  <a:cubicBezTo>
                    <a:pt x="21460" y="15597"/>
                    <a:pt x="20794" y="15404"/>
                    <a:pt x="20094" y="15404"/>
                  </a:cubicBezTo>
                  <a:cubicBezTo>
                    <a:pt x="20069" y="15404"/>
                    <a:pt x="20045" y="15405"/>
                    <a:pt x="20021" y="15405"/>
                  </a:cubicBezTo>
                  <a:cubicBezTo>
                    <a:pt x="19393" y="15419"/>
                    <a:pt x="18774" y="15584"/>
                    <a:pt x="18191" y="15811"/>
                  </a:cubicBezTo>
                  <a:cubicBezTo>
                    <a:pt x="16958" y="16297"/>
                    <a:pt x="15842" y="17027"/>
                    <a:pt x="14656" y="17610"/>
                  </a:cubicBezTo>
                  <a:cubicBezTo>
                    <a:pt x="13763" y="18049"/>
                    <a:pt x="12789" y="18408"/>
                    <a:pt x="11796" y="18408"/>
                  </a:cubicBezTo>
                  <a:cubicBezTo>
                    <a:pt x="11488" y="18408"/>
                    <a:pt x="11178" y="18373"/>
                    <a:pt x="10868" y="18296"/>
                  </a:cubicBezTo>
                  <a:cubicBezTo>
                    <a:pt x="9386" y="17928"/>
                    <a:pt x="8223" y="16728"/>
                    <a:pt x="7486" y="15438"/>
                  </a:cubicBezTo>
                  <a:cubicBezTo>
                    <a:pt x="6608" y="13895"/>
                    <a:pt x="6196" y="12148"/>
                    <a:pt x="5631" y="10480"/>
                  </a:cubicBezTo>
                  <a:cubicBezTo>
                    <a:pt x="4498" y="7154"/>
                    <a:pt x="2916" y="3997"/>
                    <a:pt x="929" y="1099"/>
                  </a:cubicBezTo>
                  <a:cubicBezTo>
                    <a:pt x="683" y="740"/>
                    <a:pt x="430" y="383"/>
                    <a:pt x="173" y="33"/>
                  </a:cubicBezTo>
                  <a:cubicBezTo>
                    <a:pt x="156" y="10"/>
                    <a:pt x="133" y="0"/>
                    <a:pt x="109"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02" name="Google Shape;402;p22"/>
          <p:cNvGrpSpPr/>
          <p:nvPr/>
        </p:nvGrpSpPr>
        <p:grpSpPr>
          <a:xfrm>
            <a:off x="1" y="4158956"/>
            <a:ext cx="778277" cy="1041907"/>
            <a:chOff x="113834" y="3966188"/>
            <a:chExt cx="818808" cy="1096167"/>
          </a:xfrm>
        </p:grpSpPr>
        <p:sp>
          <p:nvSpPr>
            <p:cNvPr id="403" name="Google Shape;403;p22"/>
            <p:cNvSpPr/>
            <p:nvPr/>
          </p:nvSpPr>
          <p:spPr>
            <a:xfrm>
              <a:off x="164788" y="4075897"/>
              <a:ext cx="767854" cy="568901"/>
            </a:xfrm>
            <a:custGeom>
              <a:avLst/>
              <a:gdLst/>
              <a:ahLst/>
              <a:cxnLst/>
              <a:rect l="l" t="t" r="r" b="b"/>
              <a:pathLst>
                <a:path w="7580" h="5616" extrusionOk="0">
                  <a:moveTo>
                    <a:pt x="4274" y="1"/>
                  </a:moveTo>
                  <a:cubicBezTo>
                    <a:pt x="3072" y="1"/>
                    <a:pt x="1264" y="791"/>
                    <a:pt x="753" y="1609"/>
                  </a:cubicBezTo>
                  <a:cubicBezTo>
                    <a:pt x="0" y="2816"/>
                    <a:pt x="2259" y="2512"/>
                    <a:pt x="2208" y="2966"/>
                  </a:cubicBezTo>
                  <a:cubicBezTo>
                    <a:pt x="2159" y="3418"/>
                    <a:pt x="1003" y="3870"/>
                    <a:pt x="1557" y="5091"/>
                  </a:cubicBezTo>
                  <a:cubicBezTo>
                    <a:pt x="1734" y="5482"/>
                    <a:pt x="2050" y="5615"/>
                    <a:pt x="2398" y="5615"/>
                  </a:cubicBezTo>
                  <a:cubicBezTo>
                    <a:pt x="3136" y="5615"/>
                    <a:pt x="4017" y="5019"/>
                    <a:pt x="4017" y="5019"/>
                  </a:cubicBezTo>
                  <a:lnTo>
                    <a:pt x="4818" y="4773"/>
                  </a:lnTo>
                  <a:cubicBezTo>
                    <a:pt x="7230" y="4472"/>
                    <a:pt x="7580" y="3518"/>
                    <a:pt x="7429" y="2306"/>
                  </a:cubicBezTo>
                  <a:cubicBezTo>
                    <a:pt x="7278" y="1095"/>
                    <a:pt x="5673" y="1961"/>
                    <a:pt x="5372" y="611"/>
                  </a:cubicBezTo>
                  <a:cubicBezTo>
                    <a:pt x="5275" y="177"/>
                    <a:pt x="4843" y="1"/>
                    <a:pt x="4274"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04" name="Google Shape;404;p22"/>
            <p:cNvSpPr/>
            <p:nvPr/>
          </p:nvSpPr>
          <p:spPr>
            <a:xfrm>
              <a:off x="113834" y="3966188"/>
              <a:ext cx="768158" cy="1096167"/>
            </a:xfrm>
            <a:custGeom>
              <a:avLst/>
              <a:gdLst/>
              <a:ahLst/>
              <a:cxnLst/>
              <a:rect l="l" t="t" r="r" b="b"/>
              <a:pathLst>
                <a:path w="7583" h="10821" fill="none" extrusionOk="0">
                  <a:moveTo>
                    <a:pt x="4017" y="10820"/>
                  </a:moveTo>
                  <a:lnTo>
                    <a:pt x="4017" y="5759"/>
                  </a:lnTo>
                  <a:cubicBezTo>
                    <a:pt x="4017" y="5759"/>
                    <a:pt x="2111" y="7049"/>
                    <a:pt x="1557" y="5828"/>
                  </a:cubicBezTo>
                  <a:cubicBezTo>
                    <a:pt x="1006" y="4608"/>
                    <a:pt x="2159" y="4156"/>
                    <a:pt x="2210" y="3704"/>
                  </a:cubicBezTo>
                  <a:cubicBezTo>
                    <a:pt x="2261" y="3253"/>
                    <a:pt x="0" y="3554"/>
                    <a:pt x="753" y="2349"/>
                  </a:cubicBezTo>
                  <a:cubicBezTo>
                    <a:pt x="1506" y="1145"/>
                    <a:pt x="5071" y="0"/>
                    <a:pt x="5372" y="1351"/>
                  </a:cubicBezTo>
                  <a:cubicBezTo>
                    <a:pt x="5673" y="2699"/>
                    <a:pt x="7281" y="1835"/>
                    <a:pt x="7432" y="3046"/>
                  </a:cubicBezTo>
                  <a:cubicBezTo>
                    <a:pt x="7582" y="4256"/>
                    <a:pt x="7230" y="5210"/>
                    <a:pt x="4821" y="5511"/>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05" name="Google Shape;405;p22"/>
          <p:cNvSpPr/>
          <p:nvPr/>
        </p:nvSpPr>
        <p:spPr>
          <a:xfrm rot="7531516">
            <a:off x="7704553" y="4321958"/>
            <a:ext cx="1745088" cy="1096147"/>
          </a:xfrm>
          <a:custGeom>
            <a:avLst/>
            <a:gdLst/>
            <a:ahLst/>
            <a:cxnLst/>
            <a:rect l="l" t="t" r="r" b="b"/>
            <a:pathLst>
              <a:path w="19417" h="12197" fill="none" extrusionOk="0">
                <a:moveTo>
                  <a:pt x="17936" y="4902"/>
                </a:moveTo>
                <a:cubicBezTo>
                  <a:pt x="19037" y="5896"/>
                  <a:pt x="19417" y="7605"/>
                  <a:pt x="18842" y="8972"/>
                </a:cubicBezTo>
                <a:cubicBezTo>
                  <a:pt x="18265" y="10337"/>
                  <a:pt x="16776" y="11258"/>
                  <a:pt x="15298" y="11166"/>
                </a:cubicBezTo>
                <a:cubicBezTo>
                  <a:pt x="13987" y="11082"/>
                  <a:pt x="12838" y="10304"/>
                  <a:pt x="11765" y="9551"/>
                </a:cubicBezTo>
                <a:cubicBezTo>
                  <a:pt x="10691" y="8796"/>
                  <a:pt x="9546" y="8013"/>
                  <a:pt x="8237" y="7920"/>
                </a:cubicBezTo>
                <a:cubicBezTo>
                  <a:pt x="6929" y="7826"/>
                  <a:pt x="5453" y="8731"/>
                  <a:pt x="5439" y="10042"/>
                </a:cubicBezTo>
                <a:cubicBezTo>
                  <a:pt x="5425" y="11247"/>
                  <a:pt x="6741" y="12197"/>
                  <a:pt x="7934" y="12021"/>
                </a:cubicBezTo>
                <a:cubicBezTo>
                  <a:pt x="9127" y="11842"/>
                  <a:pt x="10058" y="10777"/>
                  <a:pt x="10336" y="9602"/>
                </a:cubicBezTo>
                <a:cubicBezTo>
                  <a:pt x="10616" y="8430"/>
                  <a:pt x="10341" y="7184"/>
                  <a:pt x="9852" y="6081"/>
                </a:cubicBezTo>
                <a:cubicBezTo>
                  <a:pt x="8214" y="2384"/>
                  <a:pt x="4015" y="1"/>
                  <a:pt x="0" y="494"/>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06" name="Google Shape;406;p22"/>
          <p:cNvSpPr txBox="1">
            <a:spLocks noGrp="1"/>
          </p:cNvSpPr>
          <p:nvPr>
            <p:ph type="title"/>
          </p:nvPr>
        </p:nvSpPr>
        <p:spPr>
          <a:xfrm>
            <a:off x="720000" y="2472474"/>
            <a:ext cx="23364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07" name="Google Shape;407;p22"/>
          <p:cNvSpPr txBox="1">
            <a:spLocks noGrp="1"/>
          </p:cNvSpPr>
          <p:nvPr>
            <p:ph type="subTitle" idx="1"/>
          </p:nvPr>
        </p:nvSpPr>
        <p:spPr>
          <a:xfrm>
            <a:off x="720000" y="3014008"/>
            <a:ext cx="2336400" cy="8031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08" name="Google Shape;408;p22"/>
          <p:cNvSpPr txBox="1">
            <a:spLocks noGrp="1"/>
          </p:cNvSpPr>
          <p:nvPr>
            <p:ph type="title" idx="2"/>
          </p:nvPr>
        </p:nvSpPr>
        <p:spPr>
          <a:xfrm>
            <a:off x="3403800" y="2472474"/>
            <a:ext cx="23364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09" name="Google Shape;409;p22"/>
          <p:cNvSpPr txBox="1">
            <a:spLocks noGrp="1"/>
          </p:cNvSpPr>
          <p:nvPr>
            <p:ph type="subTitle" idx="3"/>
          </p:nvPr>
        </p:nvSpPr>
        <p:spPr>
          <a:xfrm>
            <a:off x="3403800" y="3014008"/>
            <a:ext cx="2336400" cy="8031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10" name="Google Shape;410;p22"/>
          <p:cNvSpPr txBox="1">
            <a:spLocks noGrp="1"/>
          </p:cNvSpPr>
          <p:nvPr>
            <p:ph type="title" idx="4"/>
          </p:nvPr>
        </p:nvSpPr>
        <p:spPr>
          <a:xfrm>
            <a:off x="6087600" y="2472474"/>
            <a:ext cx="23364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11" name="Google Shape;411;p22"/>
          <p:cNvSpPr txBox="1">
            <a:spLocks noGrp="1"/>
          </p:cNvSpPr>
          <p:nvPr>
            <p:ph type="subTitle" idx="5"/>
          </p:nvPr>
        </p:nvSpPr>
        <p:spPr>
          <a:xfrm>
            <a:off x="6087600" y="3014008"/>
            <a:ext cx="2336400" cy="8031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12" name="Google Shape;412;p22"/>
          <p:cNvSpPr txBox="1">
            <a:spLocks noGrp="1"/>
          </p:cNvSpPr>
          <p:nvPr>
            <p:ph type="title" idx="6"/>
          </p:nvPr>
        </p:nvSpPr>
        <p:spPr>
          <a:xfrm>
            <a:off x="720000" y="535000"/>
            <a:ext cx="77040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0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matchingName="Title and three columns 1">
  <p:cSld name="BLANK_1_1_1_2_1">
    <p:spTree>
      <p:nvGrpSpPr>
        <p:cNvPr id="1" name="Shape 413"/>
        <p:cNvGrpSpPr/>
        <p:nvPr/>
      </p:nvGrpSpPr>
      <p:grpSpPr>
        <a:xfrm>
          <a:off x="0" y="0"/>
          <a:ext cx="0" cy="0"/>
          <a:chOff x="0" y="0"/>
          <a:chExt cx="0" cy="0"/>
        </a:xfrm>
      </p:grpSpPr>
      <p:sp>
        <p:nvSpPr>
          <p:cNvPr id="414" name="Google Shape;414;p23"/>
          <p:cNvSpPr/>
          <p:nvPr/>
        </p:nvSpPr>
        <p:spPr>
          <a:xfrm flipH="1">
            <a:off x="-726125" y="4488711"/>
            <a:ext cx="10532289" cy="1659580"/>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15" name="Google Shape;415;p23"/>
          <p:cNvSpPr/>
          <p:nvPr/>
        </p:nvSpPr>
        <p:spPr>
          <a:xfrm rot="9917712" flipH="1">
            <a:off x="-632428" y="-520397"/>
            <a:ext cx="2775370" cy="1342871"/>
          </a:xfrm>
          <a:custGeom>
            <a:avLst/>
            <a:gdLst/>
            <a:ahLst/>
            <a:cxnLst/>
            <a:rect l="l" t="t" r="r" b="b"/>
            <a:pathLst>
              <a:path w="21889" h="10202" extrusionOk="0">
                <a:moveTo>
                  <a:pt x="11978" y="0"/>
                </a:moveTo>
                <a:cubicBezTo>
                  <a:pt x="8962" y="0"/>
                  <a:pt x="5952" y="431"/>
                  <a:pt x="3042" y="1286"/>
                </a:cubicBezTo>
                <a:cubicBezTo>
                  <a:pt x="1552" y="1724"/>
                  <a:pt x="364" y="1400"/>
                  <a:pt x="10" y="2861"/>
                </a:cubicBezTo>
                <a:cubicBezTo>
                  <a:pt x="0" y="2905"/>
                  <a:pt x="0" y="2949"/>
                  <a:pt x="14" y="2993"/>
                </a:cubicBezTo>
                <a:lnTo>
                  <a:pt x="17" y="2993"/>
                </a:lnTo>
                <a:lnTo>
                  <a:pt x="21" y="3007"/>
                </a:lnTo>
                <a:cubicBezTo>
                  <a:pt x="350" y="4279"/>
                  <a:pt x="570" y="5122"/>
                  <a:pt x="899" y="6394"/>
                </a:cubicBezTo>
                <a:cubicBezTo>
                  <a:pt x="1251" y="7751"/>
                  <a:pt x="1823" y="9336"/>
                  <a:pt x="3188" y="9672"/>
                </a:cubicBezTo>
                <a:cubicBezTo>
                  <a:pt x="3356" y="9713"/>
                  <a:pt x="3522" y="9732"/>
                  <a:pt x="3687" y="9732"/>
                </a:cubicBezTo>
                <a:cubicBezTo>
                  <a:pt x="4873" y="9732"/>
                  <a:pt x="5960" y="8752"/>
                  <a:pt x="7061" y="8150"/>
                </a:cubicBezTo>
                <a:cubicBezTo>
                  <a:pt x="7953" y="7661"/>
                  <a:pt x="8970" y="7411"/>
                  <a:pt x="9987" y="7411"/>
                </a:cubicBezTo>
                <a:cubicBezTo>
                  <a:pt x="10613" y="7411"/>
                  <a:pt x="11239" y="7506"/>
                  <a:pt x="11835" y="7698"/>
                </a:cubicBezTo>
                <a:cubicBezTo>
                  <a:pt x="13100" y="8106"/>
                  <a:pt x="14191" y="8914"/>
                  <a:pt x="15382" y="9507"/>
                </a:cubicBezTo>
                <a:cubicBezTo>
                  <a:pt x="16175" y="9904"/>
                  <a:pt x="17071" y="10202"/>
                  <a:pt x="17943" y="10202"/>
                </a:cubicBezTo>
                <a:cubicBezTo>
                  <a:pt x="18381" y="10202"/>
                  <a:pt x="18811" y="10127"/>
                  <a:pt x="19220" y="9952"/>
                </a:cubicBezTo>
                <a:cubicBezTo>
                  <a:pt x="20742" y="9301"/>
                  <a:pt x="21416" y="7522"/>
                  <a:pt x="21680" y="5889"/>
                </a:cubicBezTo>
                <a:cubicBezTo>
                  <a:pt x="21812" y="5062"/>
                  <a:pt x="21881" y="4228"/>
                  <a:pt x="21886" y="3392"/>
                </a:cubicBezTo>
                <a:cubicBezTo>
                  <a:pt x="21888" y="3021"/>
                  <a:pt x="21872" y="2634"/>
                  <a:pt x="21689" y="2312"/>
                </a:cubicBezTo>
                <a:cubicBezTo>
                  <a:pt x="21515" y="2009"/>
                  <a:pt x="21212" y="1800"/>
                  <a:pt x="20906" y="1627"/>
                </a:cubicBezTo>
                <a:cubicBezTo>
                  <a:pt x="19665" y="918"/>
                  <a:pt x="18240" y="594"/>
                  <a:pt x="16825" y="374"/>
                </a:cubicBezTo>
                <a:cubicBezTo>
                  <a:pt x="15217" y="124"/>
                  <a:pt x="13597" y="0"/>
                  <a:pt x="11978"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16" name="Google Shape;416;p23"/>
          <p:cNvSpPr/>
          <p:nvPr/>
        </p:nvSpPr>
        <p:spPr>
          <a:xfrm rot="5400000" flipH="1">
            <a:off x="8066186" y="-838661"/>
            <a:ext cx="725425" cy="2141360"/>
          </a:xfrm>
          <a:custGeom>
            <a:avLst/>
            <a:gdLst/>
            <a:ahLst/>
            <a:cxnLst/>
            <a:rect l="l" t="t" r="r" b="b"/>
            <a:pathLst>
              <a:path w="5396" h="15928" extrusionOk="0">
                <a:moveTo>
                  <a:pt x="4106" y="1"/>
                </a:moveTo>
                <a:cubicBezTo>
                  <a:pt x="3916" y="1"/>
                  <a:pt x="3718" y="150"/>
                  <a:pt x="3756" y="333"/>
                </a:cubicBezTo>
                <a:lnTo>
                  <a:pt x="4360" y="98"/>
                </a:lnTo>
                <a:lnTo>
                  <a:pt x="4360" y="98"/>
                </a:lnTo>
                <a:cubicBezTo>
                  <a:pt x="4361" y="99"/>
                  <a:pt x="4362" y="100"/>
                  <a:pt x="4364" y="101"/>
                </a:cubicBezTo>
                <a:lnTo>
                  <a:pt x="4364" y="101"/>
                </a:lnTo>
                <a:cubicBezTo>
                  <a:pt x="4413" y="80"/>
                  <a:pt x="4462" y="59"/>
                  <a:pt x="4511" y="39"/>
                </a:cubicBezTo>
                <a:lnTo>
                  <a:pt x="4511" y="39"/>
                </a:lnTo>
                <a:lnTo>
                  <a:pt x="4360" y="98"/>
                </a:lnTo>
                <a:lnTo>
                  <a:pt x="4360" y="98"/>
                </a:lnTo>
                <a:cubicBezTo>
                  <a:pt x="4313" y="62"/>
                  <a:pt x="4262" y="34"/>
                  <a:pt x="4205" y="16"/>
                </a:cubicBezTo>
                <a:cubicBezTo>
                  <a:pt x="4173" y="6"/>
                  <a:pt x="4140" y="1"/>
                  <a:pt x="4106" y="1"/>
                </a:cubicBezTo>
                <a:close/>
                <a:moveTo>
                  <a:pt x="4364" y="101"/>
                </a:moveTo>
                <a:lnTo>
                  <a:pt x="4364" y="101"/>
                </a:lnTo>
                <a:cubicBezTo>
                  <a:pt x="3355" y="531"/>
                  <a:pt x="2269" y="1119"/>
                  <a:pt x="2049" y="2177"/>
                </a:cubicBezTo>
                <a:cubicBezTo>
                  <a:pt x="1942" y="2687"/>
                  <a:pt x="2065" y="3224"/>
                  <a:pt x="1963" y="3734"/>
                </a:cubicBezTo>
                <a:cubicBezTo>
                  <a:pt x="1810" y="4484"/>
                  <a:pt x="1210" y="5047"/>
                  <a:pt x="705" y="5624"/>
                </a:cubicBezTo>
                <a:cubicBezTo>
                  <a:pt x="344" y="6034"/>
                  <a:pt x="1" y="6560"/>
                  <a:pt x="133" y="7090"/>
                </a:cubicBezTo>
                <a:cubicBezTo>
                  <a:pt x="276" y="7665"/>
                  <a:pt x="902" y="7966"/>
                  <a:pt x="1222" y="8464"/>
                </a:cubicBezTo>
                <a:cubicBezTo>
                  <a:pt x="1625" y="9094"/>
                  <a:pt x="1474" y="9916"/>
                  <a:pt x="1275" y="10637"/>
                </a:cubicBezTo>
                <a:cubicBezTo>
                  <a:pt x="1076" y="11355"/>
                  <a:pt x="842" y="12133"/>
                  <a:pt x="1108" y="12830"/>
                </a:cubicBezTo>
                <a:cubicBezTo>
                  <a:pt x="1437" y="13687"/>
                  <a:pt x="2410" y="14128"/>
                  <a:pt x="2857" y="14927"/>
                </a:cubicBezTo>
                <a:cubicBezTo>
                  <a:pt x="3063" y="15295"/>
                  <a:pt x="3202" y="15782"/>
                  <a:pt x="3608" y="15902"/>
                </a:cubicBezTo>
                <a:cubicBezTo>
                  <a:pt x="3665" y="15919"/>
                  <a:pt x="3723" y="15928"/>
                  <a:pt x="3779" y="15928"/>
                </a:cubicBezTo>
                <a:cubicBezTo>
                  <a:pt x="4191" y="15928"/>
                  <a:pt x="4542" y="15486"/>
                  <a:pt x="4701" y="15070"/>
                </a:cubicBezTo>
                <a:cubicBezTo>
                  <a:pt x="4956" y="14410"/>
                  <a:pt x="5032" y="13697"/>
                  <a:pt x="5092" y="12992"/>
                </a:cubicBezTo>
                <a:cubicBezTo>
                  <a:pt x="5396" y="9504"/>
                  <a:pt x="5387" y="5995"/>
                  <a:pt x="5071" y="2508"/>
                </a:cubicBezTo>
                <a:cubicBezTo>
                  <a:pt x="5009" y="1818"/>
                  <a:pt x="4930" y="1118"/>
                  <a:pt x="4641" y="491"/>
                </a:cubicBezTo>
                <a:cubicBezTo>
                  <a:pt x="4574" y="345"/>
                  <a:pt x="4486" y="197"/>
                  <a:pt x="4364" y="10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17" name="Google Shape;417;p23"/>
          <p:cNvSpPr/>
          <p:nvPr/>
        </p:nvSpPr>
        <p:spPr>
          <a:xfrm rot="3201543">
            <a:off x="7389698" y="200755"/>
            <a:ext cx="2847570" cy="1151168"/>
          </a:xfrm>
          <a:custGeom>
            <a:avLst/>
            <a:gdLst/>
            <a:ahLst/>
            <a:cxnLst/>
            <a:rect l="l" t="t" r="r" b="b"/>
            <a:pathLst>
              <a:path w="31433" h="12707" fill="none" extrusionOk="0">
                <a:moveTo>
                  <a:pt x="31433" y="11416"/>
                </a:moveTo>
                <a:cubicBezTo>
                  <a:pt x="28345" y="12706"/>
                  <a:pt x="24513" y="12049"/>
                  <a:pt x="22063" y="9758"/>
                </a:cubicBezTo>
                <a:cubicBezTo>
                  <a:pt x="21465" y="9197"/>
                  <a:pt x="20934" y="8544"/>
                  <a:pt x="20230" y="8124"/>
                </a:cubicBezTo>
                <a:cubicBezTo>
                  <a:pt x="18926" y="7353"/>
                  <a:pt x="17265" y="7522"/>
                  <a:pt x="15824" y="7986"/>
                </a:cubicBezTo>
                <a:cubicBezTo>
                  <a:pt x="14381" y="8449"/>
                  <a:pt x="13021" y="9176"/>
                  <a:pt x="11537" y="9480"/>
                </a:cubicBezTo>
                <a:cubicBezTo>
                  <a:pt x="8766" y="10043"/>
                  <a:pt x="5803" y="8998"/>
                  <a:pt x="3730" y="7075"/>
                </a:cubicBezTo>
                <a:cubicBezTo>
                  <a:pt x="1743" y="5234"/>
                  <a:pt x="524" y="2665"/>
                  <a:pt x="1" y="1"/>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418" name="Google Shape;418;p23"/>
          <p:cNvGrpSpPr/>
          <p:nvPr/>
        </p:nvGrpSpPr>
        <p:grpSpPr>
          <a:xfrm>
            <a:off x="89721" y="758022"/>
            <a:ext cx="542009" cy="1370216"/>
            <a:chOff x="6086050" y="4051075"/>
            <a:chExt cx="271575" cy="686550"/>
          </a:xfrm>
        </p:grpSpPr>
        <p:sp>
          <p:nvSpPr>
            <p:cNvPr id="419" name="Google Shape;419;p23"/>
            <p:cNvSpPr/>
            <p:nvPr/>
          </p:nvSpPr>
          <p:spPr>
            <a:xfrm>
              <a:off x="6288975" y="4051075"/>
              <a:ext cx="16275" cy="283525"/>
            </a:xfrm>
            <a:custGeom>
              <a:avLst/>
              <a:gdLst/>
              <a:ahLst/>
              <a:cxnLst/>
              <a:rect l="l" t="t" r="r" b="b"/>
              <a:pathLst>
                <a:path w="651" h="11341" extrusionOk="0">
                  <a:moveTo>
                    <a:pt x="324" y="1"/>
                  </a:moveTo>
                  <a:cubicBezTo>
                    <a:pt x="257" y="1"/>
                    <a:pt x="190" y="44"/>
                    <a:pt x="190" y="129"/>
                  </a:cubicBezTo>
                  <a:lnTo>
                    <a:pt x="188" y="129"/>
                  </a:lnTo>
                  <a:lnTo>
                    <a:pt x="167" y="4454"/>
                  </a:lnTo>
                  <a:cubicBezTo>
                    <a:pt x="162" y="5184"/>
                    <a:pt x="123" y="5914"/>
                    <a:pt x="109" y="6643"/>
                  </a:cubicBezTo>
                  <a:cubicBezTo>
                    <a:pt x="93" y="7364"/>
                    <a:pt x="86" y="8084"/>
                    <a:pt x="74" y="8804"/>
                  </a:cubicBezTo>
                  <a:cubicBezTo>
                    <a:pt x="67" y="9208"/>
                    <a:pt x="58" y="9611"/>
                    <a:pt x="42" y="10016"/>
                  </a:cubicBezTo>
                  <a:lnTo>
                    <a:pt x="16" y="10621"/>
                  </a:lnTo>
                  <a:cubicBezTo>
                    <a:pt x="14" y="10716"/>
                    <a:pt x="0" y="10815"/>
                    <a:pt x="5" y="10908"/>
                  </a:cubicBezTo>
                  <a:cubicBezTo>
                    <a:pt x="12" y="11035"/>
                    <a:pt x="83" y="11137"/>
                    <a:pt x="148" y="11241"/>
                  </a:cubicBezTo>
                  <a:cubicBezTo>
                    <a:pt x="188" y="11307"/>
                    <a:pt x="255" y="11340"/>
                    <a:pt x="322" y="11340"/>
                  </a:cubicBezTo>
                  <a:cubicBezTo>
                    <a:pt x="390" y="11340"/>
                    <a:pt x="458" y="11307"/>
                    <a:pt x="498" y="11241"/>
                  </a:cubicBezTo>
                  <a:cubicBezTo>
                    <a:pt x="544" y="11165"/>
                    <a:pt x="605" y="11082"/>
                    <a:pt x="628" y="10993"/>
                  </a:cubicBezTo>
                  <a:cubicBezTo>
                    <a:pt x="651" y="10910"/>
                    <a:pt x="635" y="10820"/>
                    <a:pt x="632" y="10736"/>
                  </a:cubicBezTo>
                  <a:lnTo>
                    <a:pt x="609" y="10160"/>
                  </a:lnTo>
                  <a:cubicBezTo>
                    <a:pt x="595" y="9794"/>
                    <a:pt x="581" y="9430"/>
                    <a:pt x="574" y="9064"/>
                  </a:cubicBezTo>
                  <a:lnTo>
                    <a:pt x="542" y="6933"/>
                  </a:lnTo>
                  <a:cubicBezTo>
                    <a:pt x="530" y="6201"/>
                    <a:pt x="503" y="5471"/>
                    <a:pt x="484" y="4741"/>
                  </a:cubicBezTo>
                  <a:cubicBezTo>
                    <a:pt x="463" y="4021"/>
                    <a:pt x="475" y="3301"/>
                    <a:pt x="470" y="2580"/>
                  </a:cubicBezTo>
                  <a:lnTo>
                    <a:pt x="459" y="129"/>
                  </a:lnTo>
                  <a:cubicBezTo>
                    <a:pt x="459" y="44"/>
                    <a:pt x="391" y="1"/>
                    <a:pt x="32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20" name="Google Shape;420;p23"/>
            <p:cNvSpPr/>
            <p:nvPr/>
          </p:nvSpPr>
          <p:spPr>
            <a:xfrm>
              <a:off x="6189025" y="4240975"/>
              <a:ext cx="25500" cy="344350"/>
            </a:xfrm>
            <a:custGeom>
              <a:avLst/>
              <a:gdLst/>
              <a:ahLst/>
              <a:cxnLst/>
              <a:rect l="l" t="t" r="r" b="b"/>
              <a:pathLst>
                <a:path w="1020" h="13774" extrusionOk="0">
                  <a:moveTo>
                    <a:pt x="508" y="0"/>
                  </a:moveTo>
                  <a:cubicBezTo>
                    <a:pt x="428" y="0"/>
                    <a:pt x="348" y="53"/>
                    <a:pt x="347" y="157"/>
                  </a:cubicBezTo>
                  <a:cubicBezTo>
                    <a:pt x="308" y="3567"/>
                    <a:pt x="294" y="6983"/>
                    <a:pt x="155" y="10391"/>
                  </a:cubicBezTo>
                  <a:cubicBezTo>
                    <a:pt x="118" y="11354"/>
                    <a:pt x="92" y="12320"/>
                    <a:pt x="18" y="13282"/>
                  </a:cubicBezTo>
                  <a:cubicBezTo>
                    <a:pt x="0" y="13534"/>
                    <a:pt x="250" y="13773"/>
                    <a:pt x="496" y="13773"/>
                  </a:cubicBezTo>
                  <a:cubicBezTo>
                    <a:pt x="500" y="13773"/>
                    <a:pt x="505" y="13773"/>
                    <a:pt x="509" y="13773"/>
                  </a:cubicBezTo>
                  <a:cubicBezTo>
                    <a:pt x="760" y="13761"/>
                    <a:pt x="1019" y="13555"/>
                    <a:pt x="998" y="13282"/>
                  </a:cubicBezTo>
                  <a:cubicBezTo>
                    <a:pt x="864" y="11572"/>
                    <a:pt x="841" y="9851"/>
                    <a:pt x="799" y="8137"/>
                  </a:cubicBezTo>
                  <a:cubicBezTo>
                    <a:pt x="757" y="6439"/>
                    <a:pt x="725" y="4743"/>
                    <a:pt x="704" y="3048"/>
                  </a:cubicBezTo>
                  <a:lnTo>
                    <a:pt x="669" y="157"/>
                  </a:lnTo>
                  <a:cubicBezTo>
                    <a:pt x="668" y="53"/>
                    <a:pt x="588" y="0"/>
                    <a:pt x="508"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21" name="Google Shape;421;p23"/>
            <p:cNvSpPr/>
            <p:nvPr/>
          </p:nvSpPr>
          <p:spPr>
            <a:xfrm>
              <a:off x="6328275" y="4419275"/>
              <a:ext cx="29350" cy="37875"/>
            </a:xfrm>
            <a:custGeom>
              <a:avLst/>
              <a:gdLst/>
              <a:ahLst/>
              <a:cxnLst/>
              <a:rect l="l" t="t" r="r" b="b"/>
              <a:pathLst>
                <a:path w="1174" h="1515" extrusionOk="0">
                  <a:moveTo>
                    <a:pt x="910" y="0"/>
                  </a:moveTo>
                  <a:cubicBezTo>
                    <a:pt x="844" y="0"/>
                    <a:pt x="778" y="21"/>
                    <a:pt x="728" y="64"/>
                  </a:cubicBezTo>
                  <a:cubicBezTo>
                    <a:pt x="663" y="124"/>
                    <a:pt x="603" y="186"/>
                    <a:pt x="546" y="253"/>
                  </a:cubicBezTo>
                  <a:lnTo>
                    <a:pt x="546" y="253"/>
                  </a:lnTo>
                  <a:cubicBezTo>
                    <a:pt x="331" y="374"/>
                    <a:pt x="225" y="669"/>
                    <a:pt x="112" y="873"/>
                  </a:cubicBezTo>
                  <a:cubicBezTo>
                    <a:pt x="1" y="1077"/>
                    <a:pt x="63" y="1341"/>
                    <a:pt x="267" y="1459"/>
                  </a:cubicBezTo>
                  <a:cubicBezTo>
                    <a:pt x="330" y="1496"/>
                    <a:pt x="406" y="1515"/>
                    <a:pt x="484" y="1515"/>
                  </a:cubicBezTo>
                  <a:cubicBezTo>
                    <a:pt x="634" y="1515"/>
                    <a:pt x="789" y="1445"/>
                    <a:pt x="853" y="1306"/>
                  </a:cubicBezTo>
                  <a:lnTo>
                    <a:pt x="1027" y="924"/>
                  </a:lnTo>
                  <a:cubicBezTo>
                    <a:pt x="1089" y="791"/>
                    <a:pt x="1124" y="680"/>
                    <a:pt x="1112" y="558"/>
                  </a:cubicBezTo>
                  <a:lnTo>
                    <a:pt x="1112" y="558"/>
                  </a:lnTo>
                  <a:cubicBezTo>
                    <a:pt x="1135" y="455"/>
                    <a:pt x="1150" y="349"/>
                    <a:pt x="1159" y="243"/>
                  </a:cubicBezTo>
                  <a:cubicBezTo>
                    <a:pt x="1173" y="86"/>
                    <a:pt x="1042" y="0"/>
                    <a:pt x="910"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22" name="Google Shape;422;p23"/>
            <p:cNvSpPr/>
            <p:nvPr/>
          </p:nvSpPr>
          <p:spPr>
            <a:xfrm>
              <a:off x="6086050" y="4482425"/>
              <a:ext cx="19700" cy="25925"/>
            </a:xfrm>
            <a:custGeom>
              <a:avLst/>
              <a:gdLst/>
              <a:ahLst/>
              <a:cxnLst/>
              <a:rect l="l" t="t" r="r" b="b"/>
              <a:pathLst>
                <a:path w="788" h="1037" extrusionOk="0">
                  <a:moveTo>
                    <a:pt x="404" y="1"/>
                  </a:moveTo>
                  <a:cubicBezTo>
                    <a:pt x="401" y="1"/>
                    <a:pt x="397" y="1"/>
                    <a:pt x="394" y="1"/>
                  </a:cubicBezTo>
                  <a:cubicBezTo>
                    <a:pt x="56" y="17"/>
                    <a:pt x="44" y="409"/>
                    <a:pt x="19" y="661"/>
                  </a:cubicBezTo>
                  <a:cubicBezTo>
                    <a:pt x="1" y="852"/>
                    <a:pt x="197" y="1036"/>
                    <a:pt x="384" y="1036"/>
                  </a:cubicBezTo>
                  <a:cubicBezTo>
                    <a:pt x="387" y="1036"/>
                    <a:pt x="391" y="1036"/>
                    <a:pt x="394" y="1036"/>
                  </a:cubicBezTo>
                  <a:cubicBezTo>
                    <a:pt x="582" y="1027"/>
                    <a:pt x="788" y="870"/>
                    <a:pt x="769" y="661"/>
                  </a:cubicBezTo>
                  <a:cubicBezTo>
                    <a:pt x="758" y="545"/>
                    <a:pt x="753" y="422"/>
                    <a:pt x="725" y="309"/>
                  </a:cubicBezTo>
                  <a:cubicBezTo>
                    <a:pt x="689" y="166"/>
                    <a:pt x="570" y="1"/>
                    <a:pt x="40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23" name="Google Shape;423;p23"/>
            <p:cNvSpPr/>
            <p:nvPr/>
          </p:nvSpPr>
          <p:spPr>
            <a:xfrm>
              <a:off x="6276175" y="4711175"/>
              <a:ext cx="20525" cy="26450"/>
            </a:xfrm>
            <a:custGeom>
              <a:avLst/>
              <a:gdLst/>
              <a:ahLst/>
              <a:cxnLst/>
              <a:rect l="l" t="t" r="r" b="b"/>
              <a:pathLst>
                <a:path w="821" h="1058" extrusionOk="0">
                  <a:moveTo>
                    <a:pt x="410" y="1"/>
                  </a:moveTo>
                  <a:cubicBezTo>
                    <a:pt x="308" y="1"/>
                    <a:pt x="205" y="40"/>
                    <a:pt x="127" y="119"/>
                  </a:cubicBezTo>
                  <a:cubicBezTo>
                    <a:pt x="16" y="228"/>
                    <a:pt x="0" y="362"/>
                    <a:pt x="23" y="508"/>
                  </a:cubicBezTo>
                  <a:lnTo>
                    <a:pt x="23" y="510"/>
                  </a:lnTo>
                  <a:cubicBezTo>
                    <a:pt x="33" y="598"/>
                    <a:pt x="51" y="686"/>
                    <a:pt x="81" y="770"/>
                  </a:cubicBezTo>
                  <a:cubicBezTo>
                    <a:pt x="133" y="903"/>
                    <a:pt x="235" y="1057"/>
                    <a:pt x="396" y="1057"/>
                  </a:cubicBezTo>
                  <a:cubicBezTo>
                    <a:pt x="401" y="1057"/>
                    <a:pt x="405" y="1057"/>
                    <a:pt x="410" y="1057"/>
                  </a:cubicBezTo>
                  <a:cubicBezTo>
                    <a:pt x="695" y="1046"/>
                    <a:pt x="762" y="735"/>
                    <a:pt x="797" y="508"/>
                  </a:cubicBezTo>
                  <a:cubicBezTo>
                    <a:pt x="820" y="369"/>
                    <a:pt x="809" y="223"/>
                    <a:pt x="695" y="119"/>
                  </a:cubicBezTo>
                  <a:cubicBezTo>
                    <a:pt x="616" y="40"/>
                    <a:pt x="513" y="1"/>
                    <a:pt x="410"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24" name="Google Shape;424;p23"/>
          <p:cNvGrpSpPr/>
          <p:nvPr/>
        </p:nvGrpSpPr>
        <p:grpSpPr>
          <a:xfrm flipH="1">
            <a:off x="81993" y="3892845"/>
            <a:ext cx="2336508" cy="1204082"/>
            <a:chOff x="3354813" y="3765175"/>
            <a:chExt cx="2434369" cy="1254645"/>
          </a:xfrm>
        </p:grpSpPr>
        <p:sp>
          <p:nvSpPr>
            <p:cNvPr id="425" name="Google Shape;425;p23"/>
            <p:cNvSpPr/>
            <p:nvPr/>
          </p:nvSpPr>
          <p:spPr>
            <a:xfrm>
              <a:off x="3392401" y="3821659"/>
              <a:ext cx="2396782" cy="1198160"/>
            </a:xfrm>
            <a:custGeom>
              <a:avLst/>
              <a:gdLst/>
              <a:ahLst/>
              <a:cxnLst/>
              <a:rect l="l" t="t" r="r" b="b"/>
              <a:pathLst>
                <a:path w="46803" h="23397" extrusionOk="0">
                  <a:moveTo>
                    <a:pt x="28896" y="1"/>
                  </a:moveTo>
                  <a:cubicBezTo>
                    <a:pt x="28218" y="1"/>
                    <a:pt x="27634" y="160"/>
                    <a:pt x="27634" y="1008"/>
                  </a:cubicBezTo>
                  <a:cubicBezTo>
                    <a:pt x="27673" y="4670"/>
                    <a:pt x="27710" y="8332"/>
                    <a:pt x="27747" y="11995"/>
                  </a:cubicBezTo>
                  <a:cubicBezTo>
                    <a:pt x="27756" y="12706"/>
                    <a:pt x="27379" y="12782"/>
                    <a:pt x="26772" y="12801"/>
                  </a:cubicBezTo>
                  <a:cubicBezTo>
                    <a:pt x="26128" y="12819"/>
                    <a:pt x="25484" y="12838"/>
                    <a:pt x="24840" y="12856"/>
                  </a:cubicBezTo>
                  <a:cubicBezTo>
                    <a:pt x="24694" y="12860"/>
                    <a:pt x="24512" y="12875"/>
                    <a:pt x="24326" y="12875"/>
                  </a:cubicBezTo>
                  <a:cubicBezTo>
                    <a:pt x="23941" y="12875"/>
                    <a:pt x="23537" y="12811"/>
                    <a:pt x="23397" y="12453"/>
                  </a:cubicBezTo>
                  <a:cubicBezTo>
                    <a:pt x="23327" y="12277"/>
                    <a:pt x="23330" y="12083"/>
                    <a:pt x="23330" y="11895"/>
                  </a:cubicBezTo>
                  <a:cubicBezTo>
                    <a:pt x="23339" y="10806"/>
                    <a:pt x="23346" y="9715"/>
                    <a:pt x="23355" y="8626"/>
                  </a:cubicBezTo>
                  <a:cubicBezTo>
                    <a:pt x="23360" y="8073"/>
                    <a:pt x="23730" y="6078"/>
                    <a:pt x="22927" y="6067"/>
                  </a:cubicBezTo>
                  <a:cubicBezTo>
                    <a:pt x="22303" y="6067"/>
                    <a:pt x="21680" y="6048"/>
                    <a:pt x="21057" y="6037"/>
                  </a:cubicBezTo>
                  <a:cubicBezTo>
                    <a:pt x="20849" y="6034"/>
                    <a:pt x="20446" y="5969"/>
                    <a:pt x="20076" y="5969"/>
                  </a:cubicBezTo>
                  <a:cubicBezTo>
                    <a:pt x="19750" y="5969"/>
                    <a:pt x="19449" y="6019"/>
                    <a:pt x="19329" y="6208"/>
                  </a:cubicBezTo>
                  <a:cubicBezTo>
                    <a:pt x="19227" y="6368"/>
                    <a:pt x="19225" y="6572"/>
                    <a:pt x="19225" y="6762"/>
                  </a:cubicBezTo>
                  <a:cubicBezTo>
                    <a:pt x="19225" y="8643"/>
                    <a:pt x="19287" y="10521"/>
                    <a:pt x="19311" y="12405"/>
                  </a:cubicBezTo>
                  <a:cubicBezTo>
                    <a:pt x="19315" y="12662"/>
                    <a:pt x="19294" y="12961"/>
                    <a:pt x="19081" y="13107"/>
                  </a:cubicBezTo>
                  <a:cubicBezTo>
                    <a:pt x="18961" y="13188"/>
                    <a:pt x="18803" y="13195"/>
                    <a:pt x="18657" y="13199"/>
                  </a:cubicBezTo>
                  <a:lnTo>
                    <a:pt x="12862" y="13384"/>
                  </a:lnTo>
                  <a:cubicBezTo>
                    <a:pt x="12824" y="13386"/>
                    <a:pt x="12786" y="13386"/>
                    <a:pt x="12747" y="13386"/>
                  </a:cubicBezTo>
                  <a:cubicBezTo>
                    <a:pt x="12437" y="13386"/>
                    <a:pt x="12090" y="13339"/>
                    <a:pt x="11963" y="13016"/>
                  </a:cubicBezTo>
                  <a:cubicBezTo>
                    <a:pt x="11907" y="12877"/>
                    <a:pt x="11910" y="12724"/>
                    <a:pt x="11912" y="12576"/>
                  </a:cubicBezTo>
                  <a:cubicBezTo>
                    <a:pt x="11923" y="11904"/>
                    <a:pt x="12313" y="9989"/>
                    <a:pt x="11773" y="9486"/>
                  </a:cubicBezTo>
                  <a:cubicBezTo>
                    <a:pt x="11613" y="9335"/>
                    <a:pt x="11367" y="9326"/>
                    <a:pt x="11147" y="9326"/>
                  </a:cubicBezTo>
                  <a:cubicBezTo>
                    <a:pt x="9602" y="9326"/>
                    <a:pt x="8057" y="9335"/>
                    <a:pt x="6512" y="9335"/>
                  </a:cubicBezTo>
                  <a:cubicBezTo>
                    <a:pt x="6343" y="9335"/>
                    <a:pt x="6206" y="9472"/>
                    <a:pt x="6206" y="9641"/>
                  </a:cubicBezTo>
                  <a:cubicBezTo>
                    <a:pt x="6206" y="10730"/>
                    <a:pt x="6225" y="11821"/>
                    <a:pt x="6241" y="12912"/>
                  </a:cubicBezTo>
                  <a:cubicBezTo>
                    <a:pt x="6252" y="13602"/>
                    <a:pt x="5704" y="13727"/>
                    <a:pt x="5132" y="13727"/>
                  </a:cubicBezTo>
                  <a:cubicBezTo>
                    <a:pt x="4833" y="13727"/>
                    <a:pt x="4527" y="13693"/>
                    <a:pt x="4291" y="13688"/>
                  </a:cubicBezTo>
                  <a:lnTo>
                    <a:pt x="946" y="13628"/>
                  </a:lnTo>
                  <a:cubicBezTo>
                    <a:pt x="918" y="13627"/>
                    <a:pt x="890" y="13627"/>
                    <a:pt x="862" y="13627"/>
                  </a:cubicBezTo>
                  <a:cubicBezTo>
                    <a:pt x="736" y="13627"/>
                    <a:pt x="610" y="13635"/>
                    <a:pt x="496" y="13690"/>
                  </a:cubicBezTo>
                  <a:cubicBezTo>
                    <a:pt x="1" y="13933"/>
                    <a:pt x="302" y="15136"/>
                    <a:pt x="302" y="15571"/>
                  </a:cubicBezTo>
                  <a:lnTo>
                    <a:pt x="302" y="23093"/>
                  </a:lnTo>
                  <a:cubicBezTo>
                    <a:pt x="302" y="23259"/>
                    <a:pt x="438" y="23396"/>
                    <a:pt x="608" y="23396"/>
                  </a:cubicBezTo>
                  <a:lnTo>
                    <a:pt x="46207" y="23396"/>
                  </a:lnTo>
                  <a:cubicBezTo>
                    <a:pt x="46376" y="23396"/>
                    <a:pt x="46513" y="23259"/>
                    <a:pt x="46513" y="23093"/>
                  </a:cubicBezTo>
                  <a:lnTo>
                    <a:pt x="46513" y="13913"/>
                  </a:lnTo>
                  <a:cubicBezTo>
                    <a:pt x="46513" y="13428"/>
                    <a:pt x="46802" y="11395"/>
                    <a:pt x="46406" y="11110"/>
                  </a:cubicBezTo>
                  <a:cubicBezTo>
                    <a:pt x="46346" y="11070"/>
                    <a:pt x="46276" y="11045"/>
                    <a:pt x="46207" y="11036"/>
                  </a:cubicBezTo>
                  <a:cubicBezTo>
                    <a:pt x="46186" y="11031"/>
                    <a:pt x="46163" y="11029"/>
                    <a:pt x="46142" y="11024"/>
                  </a:cubicBezTo>
                  <a:cubicBezTo>
                    <a:pt x="45892" y="10987"/>
                    <a:pt x="45606" y="10945"/>
                    <a:pt x="45337" y="10945"/>
                  </a:cubicBezTo>
                  <a:cubicBezTo>
                    <a:pt x="44819" y="10945"/>
                    <a:pt x="44365" y="11099"/>
                    <a:pt x="44356" y="11733"/>
                  </a:cubicBezTo>
                  <a:cubicBezTo>
                    <a:pt x="44349" y="12196"/>
                    <a:pt x="44632" y="13801"/>
                    <a:pt x="44247" y="14123"/>
                  </a:cubicBezTo>
                  <a:cubicBezTo>
                    <a:pt x="44175" y="14184"/>
                    <a:pt x="44078" y="14200"/>
                    <a:pt x="43983" y="14209"/>
                  </a:cubicBezTo>
                  <a:cubicBezTo>
                    <a:pt x="43805" y="14229"/>
                    <a:pt x="43543" y="14268"/>
                    <a:pt x="43287" y="14268"/>
                  </a:cubicBezTo>
                  <a:cubicBezTo>
                    <a:pt x="42875" y="14268"/>
                    <a:pt x="42480" y="14166"/>
                    <a:pt x="42480" y="13716"/>
                  </a:cubicBezTo>
                  <a:cubicBezTo>
                    <a:pt x="42480" y="13005"/>
                    <a:pt x="42930" y="10530"/>
                    <a:pt x="41925" y="10530"/>
                  </a:cubicBezTo>
                  <a:cubicBezTo>
                    <a:pt x="41918" y="10530"/>
                    <a:pt x="41912" y="10530"/>
                    <a:pt x="41905" y="10531"/>
                  </a:cubicBezTo>
                  <a:lnTo>
                    <a:pt x="39990" y="10598"/>
                  </a:lnTo>
                  <a:cubicBezTo>
                    <a:pt x="39809" y="10604"/>
                    <a:pt x="39554" y="10626"/>
                    <a:pt x="39290" y="10626"/>
                  </a:cubicBezTo>
                  <a:cubicBezTo>
                    <a:pt x="38729" y="10626"/>
                    <a:pt x="38131" y="10523"/>
                    <a:pt x="38146" y="9935"/>
                  </a:cubicBezTo>
                  <a:cubicBezTo>
                    <a:pt x="38183" y="8559"/>
                    <a:pt x="38217" y="7183"/>
                    <a:pt x="38252" y="5807"/>
                  </a:cubicBezTo>
                  <a:cubicBezTo>
                    <a:pt x="38259" y="5613"/>
                    <a:pt x="38261" y="5414"/>
                    <a:pt x="38206" y="5226"/>
                  </a:cubicBezTo>
                  <a:cubicBezTo>
                    <a:pt x="38113" y="4918"/>
                    <a:pt x="37757" y="4835"/>
                    <a:pt x="37302" y="4835"/>
                  </a:cubicBezTo>
                  <a:cubicBezTo>
                    <a:pt x="36765" y="4835"/>
                    <a:pt x="36091" y="4951"/>
                    <a:pt x="35550" y="4951"/>
                  </a:cubicBezTo>
                  <a:cubicBezTo>
                    <a:pt x="35001" y="4951"/>
                    <a:pt x="34589" y="4832"/>
                    <a:pt x="34597" y="4353"/>
                  </a:cubicBezTo>
                  <a:lnTo>
                    <a:pt x="34648" y="1008"/>
                  </a:lnTo>
                  <a:cubicBezTo>
                    <a:pt x="34652" y="806"/>
                    <a:pt x="34655" y="600"/>
                    <a:pt x="34581" y="410"/>
                  </a:cubicBezTo>
                  <a:cubicBezTo>
                    <a:pt x="34454" y="78"/>
                    <a:pt x="34071" y="4"/>
                    <a:pt x="33667" y="4"/>
                  </a:cubicBezTo>
                  <a:cubicBezTo>
                    <a:pt x="33339" y="4"/>
                    <a:pt x="32997" y="53"/>
                    <a:pt x="32769" y="53"/>
                  </a:cubicBezTo>
                  <a:cubicBezTo>
                    <a:pt x="32767" y="53"/>
                    <a:pt x="32765" y="53"/>
                    <a:pt x="32762" y="53"/>
                  </a:cubicBezTo>
                  <a:cubicBezTo>
                    <a:pt x="31882" y="53"/>
                    <a:pt x="30999" y="53"/>
                    <a:pt x="30119" y="58"/>
                  </a:cubicBezTo>
                  <a:cubicBezTo>
                    <a:pt x="30116" y="58"/>
                    <a:pt x="30114" y="58"/>
                    <a:pt x="30111" y="58"/>
                  </a:cubicBezTo>
                  <a:cubicBezTo>
                    <a:pt x="29743" y="58"/>
                    <a:pt x="29303" y="1"/>
                    <a:pt x="28896"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26" name="Google Shape;426;p23"/>
            <p:cNvSpPr/>
            <p:nvPr/>
          </p:nvSpPr>
          <p:spPr>
            <a:xfrm>
              <a:off x="3354813" y="3765175"/>
              <a:ext cx="2396730" cy="1216289"/>
            </a:xfrm>
            <a:custGeom>
              <a:avLst/>
              <a:gdLst/>
              <a:ahLst/>
              <a:cxnLst/>
              <a:rect l="l" t="t" r="r" b="b"/>
              <a:pathLst>
                <a:path w="46802" h="23751" fill="none" extrusionOk="0">
                  <a:moveTo>
                    <a:pt x="46204" y="11390"/>
                  </a:moveTo>
                  <a:cubicBezTo>
                    <a:pt x="46183" y="11386"/>
                    <a:pt x="46163" y="11381"/>
                    <a:pt x="46142" y="11379"/>
                  </a:cubicBezTo>
                  <a:cubicBezTo>
                    <a:pt x="45412" y="11270"/>
                    <a:pt x="44370" y="11122"/>
                    <a:pt x="44353" y="12085"/>
                  </a:cubicBezTo>
                  <a:cubicBezTo>
                    <a:pt x="44346" y="12549"/>
                    <a:pt x="44631" y="14154"/>
                    <a:pt x="44247" y="14478"/>
                  </a:cubicBezTo>
                  <a:cubicBezTo>
                    <a:pt x="44175" y="14538"/>
                    <a:pt x="44075" y="14552"/>
                    <a:pt x="43983" y="14562"/>
                  </a:cubicBezTo>
                  <a:cubicBezTo>
                    <a:pt x="43515" y="14615"/>
                    <a:pt x="42479" y="14800"/>
                    <a:pt x="42479" y="14071"/>
                  </a:cubicBezTo>
                  <a:cubicBezTo>
                    <a:pt x="42479" y="13352"/>
                    <a:pt x="42933" y="10851"/>
                    <a:pt x="41905" y="10885"/>
                  </a:cubicBezTo>
                  <a:lnTo>
                    <a:pt x="39987" y="10950"/>
                  </a:lnTo>
                  <a:cubicBezTo>
                    <a:pt x="39422" y="10971"/>
                    <a:pt x="38122" y="11152"/>
                    <a:pt x="38145" y="10290"/>
                  </a:cubicBezTo>
                  <a:lnTo>
                    <a:pt x="38252" y="6162"/>
                  </a:lnTo>
                  <a:cubicBezTo>
                    <a:pt x="38256" y="5965"/>
                    <a:pt x="38261" y="5766"/>
                    <a:pt x="38206" y="5578"/>
                  </a:cubicBezTo>
                  <a:cubicBezTo>
                    <a:pt x="37890" y="4541"/>
                    <a:pt x="34573" y="6058"/>
                    <a:pt x="34594" y="4707"/>
                  </a:cubicBezTo>
                  <a:lnTo>
                    <a:pt x="34647" y="1362"/>
                  </a:lnTo>
                  <a:cubicBezTo>
                    <a:pt x="34650" y="1159"/>
                    <a:pt x="34652" y="952"/>
                    <a:pt x="34580" y="765"/>
                  </a:cubicBezTo>
                  <a:cubicBezTo>
                    <a:pt x="34349" y="160"/>
                    <a:pt x="33265" y="408"/>
                    <a:pt x="32760" y="408"/>
                  </a:cubicBezTo>
                  <a:cubicBezTo>
                    <a:pt x="31879" y="406"/>
                    <a:pt x="30999" y="408"/>
                    <a:pt x="30119" y="410"/>
                  </a:cubicBezTo>
                  <a:cubicBezTo>
                    <a:pt x="29137" y="415"/>
                    <a:pt x="27633" y="0"/>
                    <a:pt x="27633" y="1360"/>
                  </a:cubicBezTo>
                  <a:cubicBezTo>
                    <a:pt x="27670" y="5022"/>
                    <a:pt x="27710" y="8685"/>
                    <a:pt x="27747" y="12349"/>
                  </a:cubicBezTo>
                  <a:cubicBezTo>
                    <a:pt x="27754" y="13061"/>
                    <a:pt x="27378" y="13135"/>
                    <a:pt x="26769" y="13153"/>
                  </a:cubicBezTo>
                  <a:cubicBezTo>
                    <a:pt x="26125" y="13174"/>
                    <a:pt x="25481" y="13193"/>
                    <a:pt x="24840" y="13209"/>
                  </a:cubicBezTo>
                  <a:cubicBezTo>
                    <a:pt x="24388" y="13223"/>
                    <a:pt x="23605" y="13339"/>
                    <a:pt x="23396" y="12806"/>
                  </a:cubicBezTo>
                  <a:cubicBezTo>
                    <a:pt x="23327" y="12630"/>
                    <a:pt x="23327" y="12437"/>
                    <a:pt x="23329" y="12247"/>
                  </a:cubicBezTo>
                  <a:cubicBezTo>
                    <a:pt x="23336" y="11159"/>
                    <a:pt x="23346" y="10070"/>
                    <a:pt x="23352" y="8981"/>
                  </a:cubicBezTo>
                  <a:cubicBezTo>
                    <a:pt x="23357" y="8425"/>
                    <a:pt x="23730" y="6433"/>
                    <a:pt x="22924" y="6419"/>
                  </a:cubicBezTo>
                  <a:cubicBezTo>
                    <a:pt x="22301" y="6419"/>
                    <a:pt x="21678" y="6401"/>
                    <a:pt x="21055" y="6391"/>
                  </a:cubicBezTo>
                  <a:cubicBezTo>
                    <a:pt x="20663" y="6385"/>
                    <a:pt x="19586" y="6160"/>
                    <a:pt x="19329" y="6563"/>
                  </a:cubicBezTo>
                  <a:cubicBezTo>
                    <a:pt x="19227" y="6723"/>
                    <a:pt x="19225" y="6924"/>
                    <a:pt x="19225" y="7114"/>
                  </a:cubicBezTo>
                  <a:cubicBezTo>
                    <a:pt x="19225" y="8997"/>
                    <a:pt x="19285" y="10874"/>
                    <a:pt x="19310" y="12757"/>
                  </a:cubicBezTo>
                  <a:cubicBezTo>
                    <a:pt x="19313" y="13014"/>
                    <a:pt x="19294" y="13315"/>
                    <a:pt x="19081" y="13459"/>
                  </a:cubicBezTo>
                  <a:cubicBezTo>
                    <a:pt x="18958" y="13542"/>
                    <a:pt x="18803" y="13549"/>
                    <a:pt x="18655" y="13554"/>
                  </a:cubicBezTo>
                  <a:lnTo>
                    <a:pt x="12861" y="13739"/>
                  </a:lnTo>
                  <a:cubicBezTo>
                    <a:pt x="12528" y="13751"/>
                    <a:pt x="12106" y="13735"/>
                    <a:pt x="11960" y="13371"/>
                  </a:cubicBezTo>
                  <a:cubicBezTo>
                    <a:pt x="11905" y="13234"/>
                    <a:pt x="11907" y="13081"/>
                    <a:pt x="11909" y="12933"/>
                  </a:cubicBezTo>
                  <a:cubicBezTo>
                    <a:pt x="11923" y="12259"/>
                    <a:pt x="12310" y="10343"/>
                    <a:pt x="11773" y="9841"/>
                  </a:cubicBezTo>
                  <a:cubicBezTo>
                    <a:pt x="11610" y="9690"/>
                    <a:pt x="11367" y="9681"/>
                    <a:pt x="11147" y="9681"/>
                  </a:cubicBezTo>
                  <a:cubicBezTo>
                    <a:pt x="9600" y="9681"/>
                    <a:pt x="8055" y="9690"/>
                    <a:pt x="6510" y="9690"/>
                  </a:cubicBezTo>
                  <a:cubicBezTo>
                    <a:pt x="6343" y="9690"/>
                    <a:pt x="6206" y="9827"/>
                    <a:pt x="6206" y="9996"/>
                  </a:cubicBezTo>
                  <a:cubicBezTo>
                    <a:pt x="6204" y="11087"/>
                    <a:pt x="6225" y="12176"/>
                    <a:pt x="6241" y="13269"/>
                  </a:cubicBezTo>
                  <a:cubicBezTo>
                    <a:pt x="6257" y="14321"/>
                    <a:pt x="4978" y="14057"/>
                    <a:pt x="4290" y="14045"/>
                  </a:cubicBezTo>
                  <a:lnTo>
                    <a:pt x="945" y="13982"/>
                  </a:lnTo>
                  <a:cubicBezTo>
                    <a:pt x="793" y="13980"/>
                    <a:pt x="633" y="13980"/>
                    <a:pt x="496" y="14047"/>
                  </a:cubicBezTo>
                  <a:cubicBezTo>
                    <a:pt x="0" y="14288"/>
                    <a:pt x="301" y="15490"/>
                    <a:pt x="301" y="15926"/>
                  </a:cubicBezTo>
                  <a:lnTo>
                    <a:pt x="301" y="23445"/>
                  </a:lnTo>
                  <a:cubicBezTo>
                    <a:pt x="299" y="23614"/>
                    <a:pt x="438" y="23751"/>
                    <a:pt x="607" y="23751"/>
                  </a:cubicBezTo>
                  <a:lnTo>
                    <a:pt x="46207" y="23751"/>
                  </a:lnTo>
                  <a:cubicBezTo>
                    <a:pt x="46376" y="23751"/>
                    <a:pt x="46512" y="23614"/>
                    <a:pt x="46512" y="23445"/>
                  </a:cubicBezTo>
                  <a:lnTo>
                    <a:pt x="46512" y="14267"/>
                  </a:lnTo>
                  <a:cubicBezTo>
                    <a:pt x="46512" y="13783"/>
                    <a:pt x="46802" y="11747"/>
                    <a:pt x="46403" y="11465"/>
                  </a:cubicBezTo>
                  <a:cubicBezTo>
                    <a:pt x="46343" y="11425"/>
                    <a:pt x="46276" y="11400"/>
                    <a:pt x="46204" y="11390"/>
                  </a:cubicBezTo>
                  <a:close/>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27" name="Google Shape;427;p23"/>
          <p:cNvGrpSpPr/>
          <p:nvPr/>
        </p:nvGrpSpPr>
        <p:grpSpPr>
          <a:xfrm flipH="1">
            <a:off x="8471783" y="3661926"/>
            <a:ext cx="598716" cy="1472522"/>
            <a:chOff x="889085" y="3601710"/>
            <a:chExt cx="597164" cy="1468850"/>
          </a:xfrm>
        </p:grpSpPr>
        <p:sp>
          <p:nvSpPr>
            <p:cNvPr id="428" name="Google Shape;428;p23"/>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29" name="Google Shape;429;p23"/>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30" name="Google Shape;430;p23"/>
          <p:cNvSpPr txBox="1">
            <a:spLocks noGrp="1"/>
          </p:cNvSpPr>
          <p:nvPr>
            <p:ph type="title"/>
          </p:nvPr>
        </p:nvSpPr>
        <p:spPr>
          <a:xfrm>
            <a:off x="720000" y="2165671"/>
            <a:ext cx="2336400" cy="4404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31" name="Google Shape;431;p23"/>
          <p:cNvSpPr txBox="1">
            <a:spLocks noGrp="1"/>
          </p:cNvSpPr>
          <p:nvPr>
            <p:ph type="subTitle" idx="1"/>
          </p:nvPr>
        </p:nvSpPr>
        <p:spPr>
          <a:xfrm>
            <a:off x="720000" y="2664799"/>
            <a:ext cx="2336400" cy="7020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32" name="Google Shape;432;p23"/>
          <p:cNvSpPr txBox="1">
            <a:spLocks noGrp="1"/>
          </p:cNvSpPr>
          <p:nvPr>
            <p:ph type="title" idx="2"/>
          </p:nvPr>
        </p:nvSpPr>
        <p:spPr>
          <a:xfrm>
            <a:off x="3403800" y="3003767"/>
            <a:ext cx="2336400" cy="4404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33" name="Google Shape;433;p23"/>
          <p:cNvSpPr txBox="1">
            <a:spLocks noGrp="1"/>
          </p:cNvSpPr>
          <p:nvPr>
            <p:ph type="subTitle" idx="3"/>
          </p:nvPr>
        </p:nvSpPr>
        <p:spPr>
          <a:xfrm>
            <a:off x="3403800" y="3502999"/>
            <a:ext cx="2336400" cy="7020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34" name="Google Shape;434;p23"/>
          <p:cNvSpPr txBox="1">
            <a:spLocks noGrp="1"/>
          </p:cNvSpPr>
          <p:nvPr>
            <p:ph type="title" idx="4"/>
          </p:nvPr>
        </p:nvSpPr>
        <p:spPr>
          <a:xfrm>
            <a:off x="6087600" y="2165671"/>
            <a:ext cx="2336400" cy="4404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35" name="Google Shape;435;p23"/>
          <p:cNvSpPr txBox="1">
            <a:spLocks noGrp="1"/>
          </p:cNvSpPr>
          <p:nvPr>
            <p:ph type="subTitle" idx="5"/>
          </p:nvPr>
        </p:nvSpPr>
        <p:spPr>
          <a:xfrm>
            <a:off x="6087600" y="2664799"/>
            <a:ext cx="2336400" cy="7020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36" name="Google Shape;436;p23"/>
          <p:cNvSpPr txBox="1">
            <a:spLocks noGrp="1"/>
          </p:cNvSpPr>
          <p:nvPr>
            <p:ph type="title" idx="6"/>
          </p:nvPr>
        </p:nvSpPr>
        <p:spPr>
          <a:xfrm>
            <a:off x="720000" y="535000"/>
            <a:ext cx="77040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0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Tree>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matchingName="Title and four columns">
  <p:cSld name="BLANK_1_1_1_1">
    <p:spTree>
      <p:nvGrpSpPr>
        <p:cNvPr id="1" name="Shape 437"/>
        <p:cNvGrpSpPr/>
        <p:nvPr/>
      </p:nvGrpSpPr>
      <p:grpSpPr>
        <a:xfrm>
          <a:off x="0" y="0"/>
          <a:ext cx="0" cy="0"/>
          <a:chOff x="0" y="0"/>
          <a:chExt cx="0" cy="0"/>
        </a:xfrm>
      </p:grpSpPr>
      <p:sp>
        <p:nvSpPr>
          <p:cNvPr id="438" name="Google Shape;438;p24"/>
          <p:cNvSpPr/>
          <p:nvPr/>
        </p:nvSpPr>
        <p:spPr>
          <a:xfrm rot="10800000">
            <a:off x="-726125" y="4608500"/>
            <a:ext cx="10532289" cy="1659580"/>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439" name="Google Shape;439;p24"/>
          <p:cNvGrpSpPr/>
          <p:nvPr/>
        </p:nvGrpSpPr>
        <p:grpSpPr>
          <a:xfrm>
            <a:off x="3961087" y="3702763"/>
            <a:ext cx="1221838" cy="1440999"/>
            <a:chOff x="3917512" y="3702763"/>
            <a:chExt cx="1221838" cy="1440999"/>
          </a:xfrm>
        </p:grpSpPr>
        <p:grpSp>
          <p:nvGrpSpPr>
            <p:cNvPr id="440" name="Google Shape;440;p24"/>
            <p:cNvGrpSpPr/>
            <p:nvPr/>
          </p:nvGrpSpPr>
          <p:grpSpPr>
            <a:xfrm flipH="1">
              <a:off x="4386919" y="3702763"/>
              <a:ext cx="752430" cy="1437610"/>
              <a:chOff x="-56046" y="3110100"/>
              <a:chExt cx="1064258" cy="2033395"/>
            </a:xfrm>
          </p:grpSpPr>
          <p:sp>
            <p:nvSpPr>
              <p:cNvPr id="441" name="Google Shape;441;p24"/>
              <p:cNvSpPr/>
              <p:nvPr/>
            </p:nvSpPr>
            <p:spPr>
              <a:xfrm>
                <a:off x="6861" y="3186582"/>
                <a:ext cx="1001351" cy="1956913"/>
              </a:xfrm>
              <a:custGeom>
                <a:avLst/>
                <a:gdLst/>
                <a:ahLst/>
                <a:cxnLst/>
                <a:rect l="l" t="t" r="r" b="b"/>
                <a:pathLst>
                  <a:path w="9885" h="19318" extrusionOk="0">
                    <a:moveTo>
                      <a:pt x="8551" y="1"/>
                    </a:moveTo>
                    <a:cubicBezTo>
                      <a:pt x="8546" y="1"/>
                      <a:pt x="8541" y="1"/>
                      <a:pt x="8536" y="1"/>
                    </a:cubicBezTo>
                    <a:cubicBezTo>
                      <a:pt x="7468" y="20"/>
                      <a:pt x="6400" y="38"/>
                      <a:pt x="5333" y="59"/>
                    </a:cubicBezTo>
                    <a:cubicBezTo>
                      <a:pt x="5303" y="59"/>
                      <a:pt x="5273" y="60"/>
                      <a:pt x="5243" y="60"/>
                    </a:cubicBezTo>
                    <a:cubicBezTo>
                      <a:pt x="5102" y="60"/>
                      <a:pt x="4954" y="55"/>
                      <a:pt x="4806" y="55"/>
                    </a:cubicBezTo>
                    <a:cubicBezTo>
                      <a:pt x="4232" y="55"/>
                      <a:pt x="3655" y="121"/>
                      <a:pt x="3484" y="763"/>
                    </a:cubicBezTo>
                    <a:cubicBezTo>
                      <a:pt x="3331" y="1342"/>
                      <a:pt x="3477" y="2139"/>
                      <a:pt x="3477" y="2737"/>
                    </a:cubicBezTo>
                    <a:lnTo>
                      <a:pt x="3477" y="6415"/>
                    </a:lnTo>
                    <a:cubicBezTo>
                      <a:pt x="3477" y="7130"/>
                      <a:pt x="2856" y="7253"/>
                      <a:pt x="2234" y="7253"/>
                    </a:cubicBezTo>
                    <a:cubicBezTo>
                      <a:pt x="1911" y="7253"/>
                      <a:pt x="1588" y="7220"/>
                      <a:pt x="1353" y="7219"/>
                    </a:cubicBezTo>
                    <a:cubicBezTo>
                      <a:pt x="1158" y="7219"/>
                      <a:pt x="959" y="7219"/>
                      <a:pt x="781" y="7295"/>
                    </a:cubicBezTo>
                    <a:cubicBezTo>
                      <a:pt x="491" y="7418"/>
                      <a:pt x="313" y="7726"/>
                      <a:pt x="260" y="8037"/>
                    </a:cubicBezTo>
                    <a:cubicBezTo>
                      <a:pt x="0" y="9542"/>
                      <a:pt x="243" y="11250"/>
                      <a:pt x="253" y="12781"/>
                    </a:cubicBezTo>
                    <a:cubicBezTo>
                      <a:pt x="264" y="14581"/>
                      <a:pt x="273" y="16381"/>
                      <a:pt x="283" y="18180"/>
                    </a:cubicBezTo>
                    <a:cubicBezTo>
                      <a:pt x="287" y="18722"/>
                      <a:pt x="440" y="19318"/>
                      <a:pt x="1082" y="19318"/>
                    </a:cubicBezTo>
                    <a:cubicBezTo>
                      <a:pt x="1088" y="19318"/>
                      <a:pt x="1094" y="19318"/>
                      <a:pt x="1100" y="19318"/>
                    </a:cubicBezTo>
                    <a:lnTo>
                      <a:pt x="8300" y="19170"/>
                    </a:lnTo>
                    <a:cubicBezTo>
                      <a:pt x="8810" y="19160"/>
                      <a:pt x="9016" y="18787"/>
                      <a:pt x="9081" y="18366"/>
                    </a:cubicBezTo>
                    <a:cubicBezTo>
                      <a:pt x="9095" y="18266"/>
                      <a:pt x="9101" y="18164"/>
                      <a:pt x="9104" y="18062"/>
                    </a:cubicBezTo>
                    <a:cubicBezTo>
                      <a:pt x="9152" y="14845"/>
                      <a:pt x="9201" y="11627"/>
                      <a:pt x="9247" y="8410"/>
                    </a:cubicBezTo>
                    <a:cubicBezTo>
                      <a:pt x="9273" y="6781"/>
                      <a:pt x="9296" y="5150"/>
                      <a:pt x="9322" y="3520"/>
                    </a:cubicBezTo>
                    <a:cubicBezTo>
                      <a:pt x="9333" y="2730"/>
                      <a:pt x="9885" y="1"/>
                      <a:pt x="8551"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42" name="Google Shape;442;p24"/>
              <p:cNvSpPr/>
              <p:nvPr/>
            </p:nvSpPr>
            <p:spPr>
              <a:xfrm>
                <a:off x="-56046" y="3110100"/>
                <a:ext cx="1001857" cy="1966537"/>
              </a:xfrm>
              <a:custGeom>
                <a:avLst/>
                <a:gdLst/>
                <a:ahLst/>
                <a:cxnLst/>
                <a:rect l="l" t="t" r="r" b="b"/>
                <a:pathLst>
                  <a:path w="9890" h="19413" fill="none" extrusionOk="0">
                    <a:moveTo>
                      <a:pt x="9081" y="18449"/>
                    </a:moveTo>
                    <a:cubicBezTo>
                      <a:pt x="9095" y="18347"/>
                      <a:pt x="9102" y="18245"/>
                      <a:pt x="9104" y="18143"/>
                    </a:cubicBezTo>
                    <a:cubicBezTo>
                      <a:pt x="9153" y="14926"/>
                      <a:pt x="9201" y="11710"/>
                      <a:pt x="9248" y="8493"/>
                    </a:cubicBezTo>
                    <a:cubicBezTo>
                      <a:pt x="9273" y="6862"/>
                      <a:pt x="9296" y="5234"/>
                      <a:pt x="9322" y="3603"/>
                    </a:cubicBezTo>
                    <a:cubicBezTo>
                      <a:pt x="9333" y="2808"/>
                      <a:pt x="9889" y="63"/>
                      <a:pt x="8536" y="84"/>
                    </a:cubicBezTo>
                    <a:cubicBezTo>
                      <a:pt x="7469" y="103"/>
                      <a:pt x="6401" y="121"/>
                      <a:pt x="5333" y="140"/>
                    </a:cubicBezTo>
                    <a:cubicBezTo>
                      <a:pt x="4633" y="154"/>
                      <a:pt x="3709" y="1"/>
                      <a:pt x="3484" y="846"/>
                    </a:cubicBezTo>
                    <a:cubicBezTo>
                      <a:pt x="3331" y="1425"/>
                      <a:pt x="3477" y="2222"/>
                      <a:pt x="3477" y="2820"/>
                    </a:cubicBezTo>
                    <a:lnTo>
                      <a:pt x="3477" y="6496"/>
                    </a:lnTo>
                    <a:cubicBezTo>
                      <a:pt x="3477" y="7585"/>
                      <a:pt x="2041" y="7305"/>
                      <a:pt x="1353" y="7302"/>
                    </a:cubicBezTo>
                    <a:cubicBezTo>
                      <a:pt x="1159" y="7302"/>
                      <a:pt x="959" y="7302"/>
                      <a:pt x="781" y="7376"/>
                    </a:cubicBezTo>
                    <a:cubicBezTo>
                      <a:pt x="491" y="7501"/>
                      <a:pt x="313" y="7807"/>
                      <a:pt x="260" y="8118"/>
                    </a:cubicBezTo>
                    <a:cubicBezTo>
                      <a:pt x="0" y="9623"/>
                      <a:pt x="244" y="11333"/>
                      <a:pt x="253" y="12862"/>
                    </a:cubicBezTo>
                    <a:cubicBezTo>
                      <a:pt x="264" y="14662"/>
                      <a:pt x="274" y="16464"/>
                      <a:pt x="283" y="18264"/>
                    </a:cubicBezTo>
                    <a:cubicBezTo>
                      <a:pt x="288" y="18810"/>
                      <a:pt x="443" y="19413"/>
                      <a:pt x="1101" y="19399"/>
                    </a:cubicBezTo>
                    <a:lnTo>
                      <a:pt x="8300" y="19250"/>
                    </a:lnTo>
                    <a:cubicBezTo>
                      <a:pt x="8812" y="19241"/>
                      <a:pt x="9016" y="18871"/>
                      <a:pt x="9081" y="18449"/>
                    </a:cubicBezTo>
                    <a:close/>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43" name="Google Shape;443;p24"/>
            <p:cNvGrpSpPr/>
            <p:nvPr/>
          </p:nvGrpSpPr>
          <p:grpSpPr>
            <a:xfrm flipH="1">
              <a:off x="3917512" y="3989246"/>
              <a:ext cx="469371" cy="1154516"/>
              <a:chOff x="889085" y="3601710"/>
              <a:chExt cx="597164" cy="1468850"/>
            </a:xfrm>
          </p:grpSpPr>
          <p:sp>
            <p:nvSpPr>
              <p:cNvPr id="444" name="Google Shape;444;p24"/>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45" name="Google Shape;445;p24"/>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grpSp>
        <p:nvGrpSpPr>
          <p:cNvPr id="446" name="Google Shape;446;p24"/>
          <p:cNvGrpSpPr/>
          <p:nvPr/>
        </p:nvGrpSpPr>
        <p:grpSpPr>
          <a:xfrm flipH="1">
            <a:off x="7907825" y="-204651"/>
            <a:ext cx="1534133" cy="1304962"/>
            <a:chOff x="-191150" y="-216551"/>
            <a:chExt cx="1534133" cy="1304962"/>
          </a:xfrm>
        </p:grpSpPr>
        <p:sp>
          <p:nvSpPr>
            <p:cNvPr id="447" name="Google Shape;447;p24"/>
            <p:cNvSpPr/>
            <p:nvPr/>
          </p:nvSpPr>
          <p:spPr>
            <a:xfrm>
              <a:off x="-191150" y="-216551"/>
              <a:ext cx="1284155" cy="1062262"/>
            </a:xfrm>
            <a:custGeom>
              <a:avLst/>
              <a:gdLst/>
              <a:ahLst/>
              <a:cxnLst/>
              <a:rect l="l" t="t" r="r" b="b"/>
              <a:pathLst>
                <a:path w="11372" h="9407" extrusionOk="0">
                  <a:moveTo>
                    <a:pt x="5657" y="0"/>
                  </a:moveTo>
                  <a:cubicBezTo>
                    <a:pt x="5590" y="0"/>
                    <a:pt x="5524" y="1"/>
                    <a:pt x="5458" y="3"/>
                  </a:cubicBezTo>
                  <a:cubicBezTo>
                    <a:pt x="4869" y="19"/>
                    <a:pt x="4279" y="96"/>
                    <a:pt x="3732" y="309"/>
                  </a:cubicBezTo>
                  <a:cubicBezTo>
                    <a:pt x="3132" y="543"/>
                    <a:pt x="2609" y="937"/>
                    <a:pt x="2143" y="1379"/>
                  </a:cubicBezTo>
                  <a:cubicBezTo>
                    <a:pt x="897" y="2558"/>
                    <a:pt x="0" y="4258"/>
                    <a:pt x="253" y="5954"/>
                  </a:cubicBezTo>
                  <a:cubicBezTo>
                    <a:pt x="436" y="7183"/>
                    <a:pt x="1271" y="8265"/>
                    <a:pt x="2361" y="8849"/>
                  </a:cubicBezTo>
                  <a:lnTo>
                    <a:pt x="2361" y="8849"/>
                  </a:lnTo>
                  <a:lnTo>
                    <a:pt x="1330" y="8572"/>
                  </a:lnTo>
                  <a:lnTo>
                    <a:pt x="1330" y="8572"/>
                  </a:lnTo>
                  <a:cubicBezTo>
                    <a:pt x="2447" y="9122"/>
                    <a:pt x="3673" y="9407"/>
                    <a:pt x="4913" y="9407"/>
                  </a:cubicBezTo>
                  <a:cubicBezTo>
                    <a:pt x="5149" y="9407"/>
                    <a:pt x="5386" y="9396"/>
                    <a:pt x="5622" y="9375"/>
                  </a:cubicBezTo>
                  <a:cubicBezTo>
                    <a:pt x="7239" y="9232"/>
                    <a:pt x="8849" y="8558"/>
                    <a:pt x="9905" y="7323"/>
                  </a:cubicBezTo>
                  <a:cubicBezTo>
                    <a:pt x="10962" y="6091"/>
                    <a:pt x="11372" y="4268"/>
                    <a:pt x="10728" y="2778"/>
                  </a:cubicBezTo>
                  <a:cubicBezTo>
                    <a:pt x="9915" y="902"/>
                    <a:pt x="7710" y="0"/>
                    <a:pt x="565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48" name="Google Shape;448;p24"/>
            <p:cNvSpPr/>
            <p:nvPr/>
          </p:nvSpPr>
          <p:spPr>
            <a:xfrm>
              <a:off x="-191150" y="-174350"/>
              <a:ext cx="1534133" cy="1262760"/>
            </a:xfrm>
            <a:custGeom>
              <a:avLst/>
              <a:gdLst/>
              <a:ahLst/>
              <a:cxnLst/>
              <a:rect l="l" t="t" r="r" b="b"/>
              <a:pathLst>
                <a:path w="10322" h="8496" extrusionOk="0">
                  <a:moveTo>
                    <a:pt x="10271" y="0"/>
                  </a:moveTo>
                  <a:cubicBezTo>
                    <a:pt x="10245" y="0"/>
                    <a:pt x="10219" y="16"/>
                    <a:pt x="10218" y="49"/>
                  </a:cubicBezTo>
                  <a:cubicBezTo>
                    <a:pt x="10172" y="2089"/>
                    <a:pt x="9734" y="4195"/>
                    <a:pt x="8497" y="5861"/>
                  </a:cubicBezTo>
                  <a:cubicBezTo>
                    <a:pt x="7946" y="6607"/>
                    <a:pt x="7241" y="7248"/>
                    <a:pt x="6421" y="7686"/>
                  </a:cubicBezTo>
                  <a:cubicBezTo>
                    <a:pt x="5516" y="8168"/>
                    <a:pt x="4496" y="8376"/>
                    <a:pt x="3479" y="8432"/>
                  </a:cubicBezTo>
                  <a:cubicBezTo>
                    <a:pt x="3287" y="8443"/>
                    <a:pt x="3096" y="8447"/>
                    <a:pt x="2905" y="8447"/>
                  </a:cubicBezTo>
                  <a:cubicBezTo>
                    <a:pt x="1942" y="8447"/>
                    <a:pt x="986" y="8327"/>
                    <a:pt x="26" y="8240"/>
                  </a:cubicBezTo>
                  <a:cubicBezTo>
                    <a:pt x="7" y="8240"/>
                    <a:pt x="0" y="8274"/>
                    <a:pt x="21" y="8277"/>
                  </a:cubicBezTo>
                  <a:lnTo>
                    <a:pt x="19" y="8277"/>
                  </a:lnTo>
                  <a:cubicBezTo>
                    <a:pt x="959" y="8409"/>
                    <a:pt x="1920" y="8495"/>
                    <a:pt x="2873" y="8495"/>
                  </a:cubicBezTo>
                  <a:cubicBezTo>
                    <a:pt x="2974" y="8495"/>
                    <a:pt x="3075" y="8494"/>
                    <a:pt x="3176" y="8492"/>
                  </a:cubicBezTo>
                  <a:cubicBezTo>
                    <a:pt x="4188" y="8471"/>
                    <a:pt x="5203" y="8311"/>
                    <a:pt x="6132" y="7894"/>
                  </a:cubicBezTo>
                  <a:cubicBezTo>
                    <a:pt x="7881" y="7107"/>
                    <a:pt x="9097" y="5465"/>
                    <a:pt x="9711" y="3685"/>
                  </a:cubicBezTo>
                  <a:cubicBezTo>
                    <a:pt x="10114" y="2516"/>
                    <a:pt x="10281" y="1281"/>
                    <a:pt x="10320" y="49"/>
                  </a:cubicBezTo>
                  <a:cubicBezTo>
                    <a:pt x="10321" y="16"/>
                    <a:pt x="10296" y="0"/>
                    <a:pt x="10271" y="0"/>
                  </a:cubicBezTo>
                  <a:close/>
                </a:path>
              </a:pathLst>
            </a:custGeom>
            <a:solidFill>
              <a:schemeClr val="accent2"/>
            </a:solidFill>
            <a:ln w="19050" cap="flat" cmpd="sng">
              <a:solidFill>
                <a:schemeClr val="accent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49" name="Google Shape;449;p24"/>
          <p:cNvGrpSpPr/>
          <p:nvPr/>
        </p:nvGrpSpPr>
        <p:grpSpPr>
          <a:xfrm>
            <a:off x="8273200" y="4264350"/>
            <a:ext cx="1044664" cy="1105817"/>
            <a:chOff x="8273200" y="4264350"/>
            <a:chExt cx="1044664" cy="1105817"/>
          </a:xfrm>
        </p:grpSpPr>
        <p:sp>
          <p:nvSpPr>
            <p:cNvPr id="450" name="Google Shape;450;p24"/>
            <p:cNvSpPr/>
            <p:nvPr/>
          </p:nvSpPr>
          <p:spPr>
            <a:xfrm>
              <a:off x="8273200" y="4264350"/>
              <a:ext cx="1044664" cy="1105817"/>
            </a:xfrm>
            <a:custGeom>
              <a:avLst/>
              <a:gdLst/>
              <a:ahLst/>
              <a:cxnLst/>
              <a:rect l="l" t="t" r="r" b="b"/>
              <a:pathLst>
                <a:path w="9853" h="8825" extrusionOk="0">
                  <a:moveTo>
                    <a:pt x="5786" y="1"/>
                  </a:moveTo>
                  <a:cubicBezTo>
                    <a:pt x="5231" y="1"/>
                    <a:pt x="4841" y="835"/>
                    <a:pt x="4334" y="835"/>
                  </a:cubicBezTo>
                  <a:cubicBezTo>
                    <a:pt x="4280" y="835"/>
                    <a:pt x="4226" y="826"/>
                    <a:pt x="4170" y="806"/>
                  </a:cubicBezTo>
                  <a:cubicBezTo>
                    <a:pt x="4059" y="766"/>
                    <a:pt x="3966" y="683"/>
                    <a:pt x="3855" y="644"/>
                  </a:cubicBezTo>
                  <a:cubicBezTo>
                    <a:pt x="3801" y="624"/>
                    <a:pt x="3747" y="615"/>
                    <a:pt x="3693" y="615"/>
                  </a:cubicBezTo>
                  <a:cubicBezTo>
                    <a:pt x="3387" y="615"/>
                    <a:pt x="3103" y="910"/>
                    <a:pt x="2919" y="1188"/>
                  </a:cubicBezTo>
                  <a:cubicBezTo>
                    <a:pt x="2712" y="1500"/>
                    <a:pt x="2451" y="1871"/>
                    <a:pt x="2084" y="1871"/>
                  </a:cubicBezTo>
                  <a:cubicBezTo>
                    <a:pt x="2070" y="1871"/>
                    <a:pt x="2056" y="1870"/>
                    <a:pt x="2041" y="1869"/>
                  </a:cubicBezTo>
                  <a:cubicBezTo>
                    <a:pt x="1935" y="1862"/>
                    <a:pt x="1830" y="1822"/>
                    <a:pt x="1727" y="1822"/>
                  </a:cubicBezTo>
                  <a:cubicBezTo>
                    <a:pt x="1699" y="1822"/>
                    <a:pt x="1672" y="1825"/>
                    <a:pt x="1645" y="1832"/>
                  </a:cubicBezTo>
                  <a:cubicBezTo>
                    <a:pt x="1360" y="1904"/>
                    <a:pt x="1363" y="2307"/>
                    <a:pt x="1439" y="2587"/>
                  </a:cubicBezTo>
                  <a:cubicBezTo>
                    <a:pt x="1518" y="2870"/>
                    <a:pt x="1559" y="3259"/>
                    <a:pt x="1288" y="3375"/>
                  </a:cubicBezTo>
                  <a:cubicBezTo>
                    <a:pt x="1196" y="3414"/>
                    <a:pt x="1080" y="3407"/>
                    <a:pt x="1004" y="3477"/>
                  </a:cubicBezTo>
                  <a:cubicBezTo>
                    <a:pt x="858" y="3609"/>
                    <a:pt x="997" y="3854"/>
                    <a:pt x="939" y="4039"/>
                  </a:cubicBezTo>
                  <a:cubicBezTo>
                    <a:pt x="858" y="4297"/>
                    <a:pt x="489" y="4294"/>
                    <a:pt x="283" y="4468"/>
                  </a:cubicBezTo>
                  <a:cubicBezTo>
                    <a:pt x="0" y="4707"/>
                    <a:pt x="123" y="5175"/>
                    <a:pt x="346" y="5471"/>
                  </a:cubicBezTo>
                  <a:cubicBezTo>
                    <a:pt x="897" y="6212"/>
                    <a:pt x="876" y="6384"/>
                    <a:pt x="691" y="7269"/>
                  </a:cubicBezTo>
                  <a:cubicBezTo>
                    <a:pt x="582" y="7776"/>
                    <a:pt x="656" y="8156"/>
                    <a:pt x="1133" y="8418"/>
                  </a:cubicBezTo>
                  <a:cubicBezTo>
                    <a:pt x="1705" y="8730"/>
                    <a:pt x="2470" y="8824"/>
                    <a:pt x="3257" y="8824"/>
                  </a:cubicBezTo>
                  <a:cubicBezTo>
                    <a:pt x="4131" y="8824"/>
                    <a:pt x="5032" y="8708"/>
                    <a:pt x="5720" y="8647"/>
                  </a:cubicBezTo>
                  <a:cubicBezTo>
                    <a:pt x="6656" y="8564"/>
                    <a:pt x="7605" y="8452"/>
                    <a:pt x="8465" y="8075"/>
                  </a:cubicBezTo>
                  <a:cubicBezTo>
                    <a:pt x="8872" y="7899"/>
                    <a:pt x="9273" y="7644"/>
                    <a:pt x="9463" y="7243"/>
                  </a:cubicBezTo>
                  <a:cubicBezTo>
                    <a:pt x="9567" y="7025"/>
                    <a:pt x="9600" y="6782"/>
                    <a:pt x="9628" y="6541"/>
                  </a:cubicBezTo>
                  <a:cubicBezTo>
                    <a:pt x="9760" y="5464"/>
                    <a:pt x="9852" y="4364"/>
                    <a:pt x="9662" y="3291"/>
                  </a:cubicBezTo>
                  <a:cubicBezTo>
                    <a:pt x="9470" y="2221"/>
                    <a:pt x="8965" y="1169"/>
                    <a:pt x="8092" y="521"/>
                  </a:cubicBezTo>
                  <a:cubicBezTo>
                    <a:pt x="7923" y="396"/>
                    <a:pt x="7737" y="285"/>
                    <a:pt x="7531" y="245"/>
                  </a:cubicBezTo>
                  <a:cubicBezTo>
                    <a:pt x="7462" y="232"/>
                    <a:pt x="7392" y="227"/>
                    <a:pt x="7322" y="227"/>
                  </a:cubicBezTo>
                  <a:cubicBezTo>
                    <a:pt x="7119" y="227"/>
                    <a:pt x="6912" y="268"/>
                    <a:pt x="6711" y="268"/>
                  </a:cubicBezTo>
                  <a:cubicBezTo>
                    <a:pt x="6612" y="268"/>
                    <a:pt x="6515" y="258"/>
                    <a:pt x="6419" y="229"/>
                  </a:cubicBezTo>
                  <a:cubicBezTo>
                    <a:pt x="6225" y="169"/>
                    <a:pt x="6051" y="27"/>
                    <a:pt x="5850" y="4"/>
                  </a:cubicBezTo>
                  <a:cubicBezTo>
                    <a:pt x="5828" y="2"/>
                    <a:pt x="5807" y="1"/>
                    <a:pt x="5786"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51" name="Google Shape;451;p24"/>
            <p:cNvSpPr/>
            <p:nvPr/>
          </p:nvSpPr>
          <p:spPr>
            <a:xfrm>
              <a:off x="8497910" y="4516225"/>
              <a:ext cx="595257" cy="742658"/>
            </a:xfrm>
            <a:custGeom>
              <a:avLst/>
              <a:gdLst/>
              <a:ahLst/>
              <a:cxnLst/>
              <a:rect l="l" t="t" r="r" b="b"/>
              <a:pathLst>
                <a:path w="8584" h="10710" extrusionOk="0">
                  <a:moveTo>
                    <a:pt x="4027" y="1"/>
                  </a:moveTo>
                  <a:cubicBezTo>
                    <a:pt x="3970" y="1"/>
                    <a:pt x="3896" y="34"/>
                    <a:pt x="3858" y="73"/>
                  </a:cubicBezTo>
                  <a:cubicBezTo>
                    <a:pt x="3700" y="228"/>
                    <a:pt x="3684" y="612"/>
                    <a:pt x="3816" y="791"/>
                  </a:cubicBezTo>
                  <a:cubicBezTo>
                    <a:pt x="3994" y="1029"/>
                    <a:pt x="4217" y="1196"/>
                    <a:pt x="4530" y="1226"/>
                  </a:cubicBezTo>
                  <a:cubicBezTo>
                    <a:pt x="4715" y="1245"/>
                    <a:pt x="4777" y="1321"/>
                    <a:pt x="4810" y="1506"/>
                  </a:cubicBezTo>
                  <a:cubicBezTo>
                    <a:pt x="4824" y="1578"/>
                    <a:pt x="4821" y="1652"/>
                    <a:pt x="4840" y="1724"/>
                  </a:cubicBezTo>
                  <a:cubicBezTo>
                    <a:pt x="4956" y="2187"/>
                    <a:pt x="5204" y="2577"/>
                    <a:pt x="5542" y="2912"/>
                  </a:cubicBezTo>
                  <a:cubicBezTo>
                    <a:pt x="5711" y="3082"/>
                    <a:pt x="5919" y="3163"/>
                    <a:pt x="6135" y="3209"/>
                  </a:cubicBezTo>
                  <a:cubicBezTo>
                    <a:pt x="6253" y="3193"/>
                    <a:pt x="6376" y="3228"/>
                    <a:pt x="6438" y="3105"/>
                  </a:cubicBezTo>
                  <a:lnTo>
                    <a:pt x="6438" y="3107"/>
                  </a:lnTo>
                  <a:cubicBezTo>
                    <a:pt x="6529" y="2926"/>
                    <a:pt x="6566" y="2729"/>
                    <a:pt x="6355" y="2572"/>
                  </a:cubicBezTo>
                  <a:cubicBezTo>
                    <a:pt x="6267" y="2507"/>
                    <a:pt x="6188" y="2431"/>
                    <a:pt x="6116" y="2347"/>
                  </a:cubicBezTo>
                  <a:cubicBezTo>
                    <a:pt x="6001" y="2218"/>
                    <a:pt x="5887" y="2088"/>
                    <a:pt x="5783" y="1949"/>
                  </a:cubicBezTo>
                  <a:cubicBezTo>
                    <a:pt x="5676" y="1810"/>
                    <a:pt x="5551" y="1680"/>
                    <a:pt x="5486" y="1525"/>
                  </a:cubicBezTo>
                  <a:cubicBezTo>
                    <a:pt x="5414" y="1351"/>
                    <a:pt x="5273" y="1196"/>
                    <a:pt x="5299" y="990"/>
                  </a:cubicBezTo>
                  <a:cubicBezTo>
                    <a:pt x="5331" y="742"/>
                    <a:pt x="5199" y="566"/>
                    <a:pt x="5046" y="406"/>
                  </a:cubicBezTo>
                  <a:cubicBezTo>
                    <a:pt x="4777" y="126"/>
                    <a:pt x="4407" y="75"/>
                    <a:pt x="4050" y="3"/>
                  </a:cubicBezTo>
                  <a:cubicBezTo>
                    <a:pt x="4043" y="2"/>
                    <a:pt x="4035" y="1"/>
                    <a:pt x="4027" y="1"/>
                  </a:cubicBezTo>
                  <a:close/>
                  <a:moveTo>
                    <a:pt x="447" y="2266"/>
                  </a:moveTo>
                  <a:cubicBezTo>
                    <a:pt x="348" y="2266"/>
                    <a:pt x="274" y="2315"/>
                    <a:pt x="182" y="2419"/>
                  </a:cubicBezTo>
                  <a:cubicBezTo>
                    <a:pt x="40" y="2581"/>
                    <a:pt x="1" y="2778"/>
                    <a:pt x="3" y="2982"/>
                  </a:cubicBezTo>
                  <a:cubicBezTo>
                    <a:pt x="8" y="3045"/>
                    <a:pt x="36" y="3102"/>
                    <a:pt x="80" y="3146"/>
                  </a:cubicBezTo>
                  <a:cubicBezTo>
                    <a:pt x="145" y="3205"/>
                    <a:pt x="212" y="3276"/>
                    <a:pt x="301" y="3276"/>
                  </a:cubicBezTo>
                  <a:cubicBezTo>
                    <a:pt x="328" y="3276"/>
                    <a:pt x="358" y="3269"/>
                    <a:pt x="390" y="3253"/>
                  </a:cubicBezTo>
                  <a:cubicBezTo>
                    <a:pt x="511" y="3276"/>
                    <a:pt x="626" y="3309"/>
                    <a:pt x="744" y="3320"/>
                  </a:cubicBezTo>
                  <a:cubicBezTo>
                    <a:pt x="782" y="3324"/>
                    <a:pt x="821" y="3328"/>
                    <a:pt x="857" y="3328"/>
                  </a:cubicBezTo>
                  <a:cubicBezTo>
                    <a:pt x="952" y="3328"/>
                    <a:pt x="1036" y="3300"/>
                    <a:pt x="1076" y="3167"/>
                  </a:cubicBezTo>
                  <a:cubicBezTo>
                    <a:pt x="1090" y="3119"/>
                    <a:pt x="1152" y="3091"/>
                    <a:pt x="1182" y="3045"/>
                  </a:cubicBezTo>
                  <a:cubicBezTo>
                    <a:pt x="1205" y="3010"/>
                    <a:pt x="1231" y="2959"/>
                    <a:pt x="1224" y="2922"/>
                  </a:cubicBezTo>
                  <a:cubicBezTo>
                    <a:pt x="1196" y="2716"/>
                    <a:pt x="1134" y="2526"/>
                    <a:pt x="923" y="2431"/>
                  </a:cubicBezTo>
                  <a:cubicBezTo>
                    <a:pt x="823" y="2387"/>
                    <a:pt x="724" y="2340"/>
                    <a:pt x="622" y="2303"/>
                  </a:cubicBezTo>
                  <a:cubicBezTo>
                    <a:pt x="554" y="2279"/>
                    <a:pt x="497" y="2266"/>
                    <a:pt x="447" y="2266"/>
                  </a:cubicBezTo>
                  <a:close/>
                  <a:moveTo>
                    <a:pt x="8162" y="1394"/>
                  </a:moveTo>
                  <a:cubicBezTo>
                    <a:pt x="8006" y="1394"/>
                    <a:pt x="7887" y="1482"/>
                    <a:pt x="7770" y="1583"/>
                  </a:cubicBezTo>
                  <a:cubicBezTo>
                    <a:pt x="7657" y="1685"/>
                    <a:pt x="7675" y="1814"/>
                    <a:pt x="7715" y="1935"/>
                  </a:cubicBezTo>
                  <a:cubicBezTo>
                    <a:pt x="7791" y="2167"/>
                    <a:pt x="7872" y="2396"/>
                    <a:pt x="7967" y="2621"/>
                  </a:cubicBezTo>
                  <a:cubicBezTo>
                    <a:pt x="8067" y="2852"/>
                    <a:pt x="8164" y="3089"/>
                    <a:pt x="8296" y="3302"/>
                  </a:cubicBezTo>
                  <a:cubicBezTo>
                    <a:pt x="8361" y="3408"/>
                    <a:pt x="8421" y="3519"/>
                    <a:pt x="8472" y="3631"/>
                  </a:cubicBezTo>
                  <a:lnTo>
                    <a:pt x="8583" y="1541"/>
                  </a:lnTo>
                  <a:cubicBezTo>
                    <a:pt x="8484" y="1472"/>
                    <a:pt x="8373" y="1425"/>
                    <a:pt x="8257" y="1404"/>
                  </a:cubicBezTo>
                  <a:cubicBezTo>
                    <a:pt x="8224" y="1397"/>
                    <a:pt x="8192" y="1394"/>
                    <a:pt x="8162" y="1394"/>
                  </a:cubicBezTo>
                  <a:close/>
                  <a:moveTo>
                    <a:pt x="3261" y="3739"/>
                  </a:moveTo>
                  <a:cubicBezTo>
                    <a:pt x="3167" y="3739"/>
                    <a:pt x="3077" y="3769"/>
                    <a:pt x="2998" y="3844"/>
                  </a:cubicBezTo>
                  <a:cubicBezTo>
                    <a:pt x="2876" y="3953"/>
                    <a:pt x="2769" y="4075"/>
                    <a:pt x="2679" y="4210"/>
                  </a:cubicBezTo>
                  <a:cubicBezTo>
                    <a:pt x="2544" y="4418"/>
                    <a:pt x="2426" y="4631"/>
                    <a:pt x="2208" y="4768"/>
                  </a:cubicBezTo>
                  <a:cubicBezTo>
                    <a:pt x="2134" y="4812"/>
                    <a:pt x="2102" y="4902"/>
                    <a:pt x="2132" y="4983"/>
                  </a:cubicBezTo>
                  <a:cubicBezTo>
                    <a:pt x="2215" y="5250"/>
                    <a:pt x="2478" y="5435"/>
                    <a:pt x="2759" y="5435"/>
                  </a:cubicBezTo>
                  <a:cubicBezTo>
                    <a:pt x="2783" y="5435"/>
                    <a:pt x="2807" y="5433"/>
                    <a:pt x="2832" y="5430"/>
                  </a:cubicBezTo>
                  <a:cubicBezTo>
                    <a:pt x="2896" y="5424"/>
                    <a:pt x="2959" y="5426"/>
                    <a:pt x="3024" y="5424"/>
                  </a:cubicBezTo>
                  <a:cubicBezTo>
                    <a:pt x="3262" y="5421"/>
                    <a:pt x="3508" y="5391"/>
                    <a:pt x="3638" y="5164"/>
                  </a:cubicBezTo>
                  <a:lnTo>
                    <a:pt x="3638" y="5166"/>
                  </a:lnTo>
                  <a:cubicBezTo>
                    <a:pt x="3784" y="4916"/>
                    <a:pt x="3888" y="4643"/>
                    <a:pt x="4008" y="4379"/>
                  </a:cubicBezTo>
                  <a:cubicBezTo>
                    <a:pt x="4073" y="4240"/>
                    <a:pt x="3950" y="4152"/>
                    <a:pt x="3913" y="4041"/>
                  </a:cubicBezTo>
                  <a:cubicBezTo>
                    <a:pt x="3904" y="4010"/>
                    <a:pt x="3886" y="3960"/>
                    <a:pt x="3872" y="3960"/>
                  </a:cubicBezTo>
                  <a:cubicBezTo>
                    <a:pt x="3870" y="3960"/>
                    <a:pt x="3869" y="3960"/>
                    <a:pt x="3867" y="3960"/>
                  </a:cubicBezTo>
                  <a:cubicBezTo>
                    <a:pt x="3712" y="3960"/>
                    <a:pt x="3616" y="3836"/>
                    <a:pt x="3485" y="3786"/>
                  </a:cubicBezTo>
                  <a:cubicBezTo>
                    <a:pt x="3409" y="3757"/>
                    <a:pt x="3334" y="3739"/>
                    <a:pt x="3261" y="3739"/>
                  </a:cubicBezTo>
                  <a:close/>
                  <a:moveTo>
                    <a:pt x="5906" y="4468"/>
                  </a:moveTo>
                  <a:cubicBezTo>
                    <a:pt x="5840" y="4468"/>
                    <a:pt x="5772" y="4478"/>
                    <a:pt x="5702" y="4504"/>
                  </a:cubicBezTo>
                  <a:cubicBezTo>
                    <a:pt x="5691" y="4508"/>
                    <a:pt x="5679" y="4509"/>
                    <a:pt x="5667" y="4509"/>
                  </a:cubicBezTo>
                  <a:cubicBezTo>
                    <a:pt x="5643" y="4509"/>
                    <a:pt x="5618" y="4504"/>
                    <a:pt x="5593" y="4504"/>
                  </a:cubicBezTo>
                  <a:cubicBezTo>
                    <a:pt x="5447" y="4504"/>
                    <a:pt x="5303" y="4555"/>
                    <a:pt x="5190" y="4647"/>
                  </a:cubicBezTo>
                  <a:cubicBezTo>
                    <a:pt x="4979" y="4812"/>
                    <a:pt x="4858" y="5053"/>
                    <a:pt x="4701" y="5259"/>
                  </a:cubicBezTo>
                  <a:cubicBezTo>
                    <a:pt x="4608" y="5384"/>
                    <a:pt x="4657" y="5535"/>
                    <a:pt x="4794" y="5648"/>
                  </a:cubicBezTo>
                  <a:cubicBezTo>
                    <a:pt x="5016" y="5834"/>
                    <a:pt x="5287" y="5924"/>
                    <a:pt x="5556" y="6000"/>
                  </a:cubicBezTo>
                  <a:cubicBezTo>
                    <a:pt x="5579" y="6007"/>
                    <a:pt x="5603" y="6010"/>
                    <a:pt x="5628" y="6010"/>
                  </a:cubicBezTo>
                  <a:cubicBezTo>
                    <a:pt x="5699" y="6010"/>
                    <a:pt x="5776" y="5989"/>
                    <a:pt x="5850" y="5984"/>
                  </a:cubicBezTo>
                  <a:lnTo>
                    <a:pt x="5857" y="6021"/>
                  </a:lnTo>
                  <a:cubicBezTo>
                    <a:pt x="5984" y="5991"/>
                    <a:pt x="6114" y="5947"/>
                    <a:pt x="6244" y="5931"/>
                  </a:cubicBezTo>
                  <a:cubicBezTo>
                    <a:pt x="6431" y="5910"/>
                    <a:pt x="6503" y="5792"/>
                    <a:pt x="6545" y="5627"/>
                  </a:cubicBezTo>
                  <a:cubicBezTo>
                    <a:pt x="6570" y="5523"/>
                    <a:pt x="6610" y="5424"/>
                    <a:pt x="6665" y="5331"/>
                  </a:cubicBezTo>
                  <a:cubicBezTo>
                    <a:pt x="6837" y="5060"/>
                    <a:pt x="6749" y="4729"/>
                    <a:pt x="6445" y="4620"/>
                  </a:cubicBezTo>
                  <a:cubicBezTo>
                    <a:pt x="6270" y="4554"/>
                    <a:pt x="6095" y="4468"/>
                    <a:pt x="5906" y="4468"/>
                  </a:cubicBezTo>
                  <a:close/>
                  <a:moveTo>
                    <a:pt x="6927" y="4136"/>
                  </a:moveTo>
                  <a:lnTo>
                    <a:pt x="6927" y="4136"/>
                  </a:lnTo>
                  <a:cubicBezTo>
                    <a:pt x="6946" y="4224"/>
                    <a:pt x="6950" y="4316"/>
                    <a:pt x="6983" y="4397"/>
                  </a:cubicBezTo>
                  <a:cubicBezTo>
                    <a:pt x="7092" y="4654"/>
                    <a:pt x="7200" y="4914"/>
                    <a:pt x="7330" y="5159"/>
                  </a:cubicBezTo>
                  <a:cubicBezTo>
                    <a:pt x="7420" y="5326"/>
                    <a:pt x="7550" y="5472"/>
                    <a:pt x="7654" y="5632"/>
                  </a:cubicBezTo>
                  <a:cubicBezTo>
                    <a:pt x="7761" y="5790"/>
                    <a:pt x="7877" y="5940"/>
                    <a:pt x="8041" y="6051"/>
                  </a:cubicBezTo>
                  <a:cubicBezTo>
                    <a:pt x="8115" y="6102"/>
                    <a:pt x="8173" y="6209"/>
                    <a:pt x="8199" y="6299"/>
                  </a:cubicBezTo>
                  <a:cubicBezTo>
                    <a:pt x="8236" y="6440"/>
                    <a:pt x="8273" y="6582"/>
                    <a:pt x="8312" y="6723"/>
                  </a:cubicBezTo>
                  <a:lnTo>
                    <a:pt x="8347" y="6028"/>
                  </a:lnTo>
                  <a:cubicBezTo>
                    <a:pt x="8287" y="5947"/>
                    <a:pt x="8215" y="5878"/>
                    <a:pt x="8152" y="5801"/>
                  </a:cubicBezTo>
                  <a:lnTo>
                    <a:pt x="8152" y="5803"/>
                  </a:lnTo>
                  <a:cubicBezTo>
                    <a:pt x="8074" y="5706"/>
                    <a:pt x="7986" y="5611"/>
                    <a:pt x="7914" y="5509"/>
                  </a:cubicBezTo>
                  <a:cubicBezTo>
                    <a:pt x="7828" y="5389"/>
                    <a:pt x="7756" y="5261"/>
                    <a:pt x="7673" y="5141"/>
                  </a:cubicBezTo>
                  <a:cubicBezTo>
                    <a:pt x="7613" y="5051"/>
                    <a:pt x="7525" y="4976"/>
                    <a:pt x="7478" y="4879"/>
                  </a:cubicBezTo>
                  <a:cubicBezTo>
                    <a:pt x="7342" y="4599"/>
                    <a:pt x="7119" y="4381"/>
                    <a:pt x="6927" y="4136"/>
                  </a:cubicBezTo>
                  <a:close/>
                  <a:moveTo>
                    <a:pt x="3120" y="8472"/>
                  </a:moveTo>
                  <a:cubicBezTo>
                    <a:pt x="2971" y="8472"/>
                    <a:pt x="2822" y="8513"/>
                    <a:pt x="2674" y="8541"/>
                  </a:cubicBezTo>
                  <a:cubicBezTo>
                    <a:pt x="2646" y="8548"/>
                    <a:pt x="2623" y="8565"/>
                    <a:pt x="2607" y="8585"/>
                  </a:cubicBezTo>
                  <a:cubicBezTo>
                    <a:pt x="2475" y="8785"/>
                    <a:pt x="2252" y="8907"/>
                    <a:pt x="2171" y="9153"/>
                  </a:cubicBezTo>
                  <a:cubicBezTo>
                    <a:pt x="2123" y="9306"/>
                    <a:pt x="2074" y="9438"/>
                    <a:pt x="2183" y="9584"/>
                  </a:cubicBezTo>
                  <a:cubicBezTo>
                    <a:pt x="2273" y="9702"/>
                    <a:pt x="2310" y="9850"/>
                    <a:pt x="2287" y="9996"/>
                  </a:cubicBezTo>
                  <a:cubicBezTo>
                    <a:pt x="2271" y="10144"/>
                    <a:pt x="2297" y="10293"/>
                    <a:pt x="2364" y="10425"/>
                  </a:cubicBezTo>
                  <a:lnTo>
                    <a:pt x="4923" y="10561"/>
                  </a:lnTo>
                  <a:cubicBezTo>
                    <a:pt x="4889" y="10497"/>
                    <a:pt x="4852" y="10436"/>
                    <a:pt x="4810" y="10378"/>
                  </a:cubicBezTo>
                  <a:cubicBezTo>
                    <a:pt x="4638" y="10142"/>
                    <a:pt x="4625" y="9825"/>
                    <a:pt x="4374" y="9637"/>
                  </a:cubicBezTo>
                  <a:cubicBezTo>
                    <a:pt x="4303" y="9584"/>
                    <a:pt x="4307" y="9436"/>
                    <a:pt x="4240" y="9375"/>
                  </a:cubicBezTo>
                  <a:cubicBezTo>
                    <a:pt x="4147" y="9297"/>
                    <a:pt x="4115" y="9202"/>
                    <a:pt x="4080" y="9100"/>
                  </a:cubicBezTo>
                  <a:cubicBezTo>
                    <a:pt x="4025" y="8940"/>
                    <a:pt x="3946" y="8799"/>
                    <a:pt x="3779" y="8727"/>
                  </a:cubicBezTo>
                  <a:cubicBezTo>
                    <a:pt x="3663" y="8676"/>
                    <a:pt x="3550" y="8620"/>
                    <a:pt x="3441" y="8555"/>
                  </a:cubicBezTo>
                  <a:cubicBezTo>
                    <a:pt x="3334" y="8493"/>
                    <a:pt x="3227" y="8472"/>
                    <a:pt x="3120" y="8472"/>
                  </a:cubicBezTo>
                  <a:close/>
                  <a:moveTo>
                    <a:pt x="6827" y="9297"/>
                  </a:moveTo>
                  <a:cubicBezTo>
                    <a:pt x="6769" y="9297"/>
                    <a:pt x="6691" y="9340"/>
                    <a:pt x="6631" y="9373"/>
                  </a:cubicBezTo>
                  <a:cubicBezTo>
                    <a:pt x="6568" y="9405"/>
                    <a:pt x="6519" y="9466"/>
                    <a:pt x="6461" y="9510"/>
                  </a:cubicBezTo>
                  <a:cubicBezTo>
                    <a:pt x="6346" y="9593"/>
                    <a:pt x="6295" y="9739"/>
                    <a:pt x="6336" y="9876"/>
                  </a:cubicBezTo>
                  <a:cubicBezTo>
                    <a:pt x="6404" y="10133"/>
                    <a:pt x="6415" y="10408"/>
                    <a:pt x="6559" y="10645"/>
                  </a:cubicBezTo>
                  <a:lnTo>
                    <a:pt x="7796" y="10710"/>
                  </a:lnTo>
                  <a:cubicBezTo>
                    <a:pt x="7777" y="10654"/>
                    <a:pt x="7759" y="10598"/>
                    <a:pt x="7740" y="10541"/>
                  </a:cubicBezTo>
                  <a:cubicBezTo>
                    <a:pt x="7729" y="10508"/>
                    <a:pt x="7733" y="10469"/>
                    <a:pt x="7724" y="10434"/>
                  </a:cubicBezTo>
                  <a:cubicBezTo>
                    <a:pt x="7698" y="10337"/>
                    <a:pt x="7671" y="10242"/>
                    <a:pt x="7643" y="10149"/>
                  </a:cubicBezTo>
                  <a:cubicBezTo>
                    <a:pt x="7601" y="10019"/>
                    <a:pt x="7546" y="9892"/>
                    <a:pt x="7522" y="9760"/>
                  </a:cubicBezTo>
                  <a:cubicBezTo>
                    <a:pt x="7504" y="9663"/>
                    <a:pt x="7460" y="9602"/>
                    <a:pt x="7400" y="9528"/>
                  </a:cubicBezTo>
                  <a:cubicBezTo>
                    <a:pt x="7256" y="9355"/>
                    <a:pt x="7043" y="9361"/>
                    <a:pt x="6858" y="9301"/>
                  </a:cubicBezTo>
                  <a:cubicBezTo>
                    <a:pt x="6848" y="9298"/>
                    <a:pt x="6838" y="9297"/>
                    <a:pt x="6827" y="9297"/>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52" name="Google Shape;452;p24"/>
          <p:cNvSpPr/>
          <p:nvPr/>
        </p:nvSpPr>
        <p:spPr>
          <a:xfrm rot="-3582700">
            <a:off x="-248449" y="-156896"/>
            <a:ext cx="1745060" cy="1096152"/>
          </a:xfrm>
          <a:custGeom>
            <a:avLst/>
            <a:gdLst/>
            <a:ahLst/>
            <a:cxnLst/>
            <a:rect l="l" t="t" r="r" b="b"/>
            <a:pathLst>
              <a:path w="19417" h="12197" fill="none" extrusionOk="0">
                <a:moveTo>
                  <a:pt x="17936" y="4902"/>
                </a:moveTo>
                <a:cubicBezTo>
                  <a:pt x="19037" y="5896"/>
                  <a:pt x="19417" y="7605"/>
                  <a:pt x="18842" y="8972"/>
                </a:cubicBezTo>
                <a:cubicBezTo>
                  <a:pt x="18265" y="10337"/>
                  <a:pt x="16776" y="11258"/>
                  <a:pt x="15298" y="11166"/>
                </a:cubicBezTo>
                <a:cubicBezTo>
                  <a:pt x="13987" y="11082"/>
                  <a:pt x="12838" y="10304"/>
                  <a:pt x="11765" y="9551"/>
                </a:cubicBezTo>
                <a:cubicBezTo>
                  <a:pt x="10691" y="8796"/>
                  <a:pt x="9546" y="8013"/>
                  <a:pt x="8237" y="7920"/>
                </a:cubicBezTo>
                <a:cubicBezTo>
                  <a:pt x="6929" y="7826"/>
                  <a:pt x="5453" y="8731"/>
                  <a:pt x="5439" y="10042"/>
                </a:cubicBezTo>
                <a:cubicBezTo>
                  <a:pt x="5425" y="11247"/>
                  <a:pt x="6741" y="12197"/>
                  <a:pt x="7934" y="12021"/>
                </a:cubicBezTo>
                <a:cubicBezTo>
                  <a:pt x="9127" y="11842"/>
                  <a:pt x="10058" y="10777"/>
                  <a:pt x="10336" y="9602"/>
                </a:cubicBezTo>
                <a:cubicBezTo>
                  <a:pt x="10616" y="8430"/>
                  <a:pt x="10341" y="7184"/>
                  <a:pt x="9852" y="6081"/>
                </a:cubicBezTo>
                <a:cubicBezTo>
                  <a:pt x="8214" y="2384"/>
                  <a:pt x="4015" y="1"/>
                  <a:pt x="0" y="494"/>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53" name="Google Shape;453;p24"/>
          <p:cNvSpPr/>
          <p:nvPr/>
        </p:nvSpPr>
        <p:spPr>
          <a:xfrm rot="-130091" flipH="1">
            <a:off x="-159924" y="4387238"/>
            <a:ext cx="1750038" cy="1703593"/>
          </a:xfrm>
          <a:custGeom>
            <a:avLst/>
            <a:gdLst/>
            <a:ahLst/>
            <a:cxnLst/>
            <a:rect l="l" t="t" r="r" b="b"/>
            <a:pathLst>
              <a:path w="21289" h="20724" extrusionOk="0">
                <a:moveTo>
                  <a:pt x="20365" y="374"/>
                </a:moveTo>
                <a:lnTo>
                  <a:pt x="20365" y="374"/>
                </a:lnTo>
                <a:cubicBezTo>
                  <a:pt x="20342" y="389"/>
                  <a:pt x="20327" y="404"/>
                  <a:pt x="20316" y="420"/>
                </a:cubicBezTo>
                <a:lnTo>
                  <a:pt x="20316" y="420"/>
                </a:lnTo>
                <a:cubicBezTo>
                  <a:pt x="20330" y="408"/>
                  <a:pt x="20346" y="393"/>
                  <a:pt x="20365" y="374"/>
                </a:cubicBezTo>
                <a:close/>
                <a:moveTo>
                  <a:pt x="19935" y="1563"/>
                </a:moveTo>
                <a:lnTo>
                  <a:pt x="19885" y="1573"/>
                </a:lnTo>
                <a:cubicBezTo>
                  <a:pt x="19908" y="1570"/>
                  <a:pt x="19924" y="1567"/>
                  <a:pt x="19935" y="1563"/>
                </a:cubicBezTo>
                <a:close/>
                <a:moveTo>
                  <a:pt x="15250" y="4613"/>
                </a:moveTo>
                <a:cubicBezTo>
                  <a:pt x="15242" y="4619"/>
                  <a:pt x="15234" y="4626"/>
                  <a:pt x="15224" y="4633"/>
                </a:cubicBezTo>
                <a:cubicBezTo>
                  <a:pt x="15233" y="4627"/>
                  <a:pt x="15242" y="4620"/>
                  <a:pt x="15250" y="4613"/>
                </a:cubicBezTo>
                <a:close/>
                <a:moveTo>
                  <a:pt x="7965" y="7978"/>
                </a:moveTo>
                <a:cubicBezTo>
                  <a:pt x="7964" y="7979"/>
                  <a:pt x="7964" y="7979"/>
                  <a:pt x="7963" y="7980"/>
                </a:cubicBezTo>
                <a:lnTo>
                  <a:pt x="7963" y="7980"/>
                </a:lnTo>
                <a:cubicBezTo>
                  <a:pt x="7964" y="7979"/>
                  <a:pt x="7964" y="7979"/>
                  <a:pt x="7965" y="7978"/>
                </a:cubicBezTo>
                <a:close/>
                <a:moveTo>
                  <a:pt x="9581" y="9757"/>
                </a:moveTo>
                <a:lnTo>
                  <a:pt x="9581" y="9757"/>
                </a:lnTo>
                <a:cubicBezTo>
                  <a:pt x="9581" y="9757"/>
                  <a:pt x="9581" y="9757"/>
                  <a:pt x="9582" y="9757"/>
                </a:cubicBezTo>
                <a:cubicBezTo>
                  <a:pt x="9581" y="9757"/>
                  <a:pt x="9581" y="9757"/>
                  <a:pt x="9581" y="9757"/>
                </a:cubicBezTo>
                <a:close/>
                <a:moveTo>
                  <a:pt x="7361" y="11539"/>
                </a:moveTo>
                <a:cubicBezTo>
                  <a:pt x="7358" y="11548"/>
                  <a:pt x="7357" y="11555"/>
                  <a:pt x="7358" y="11560"/>
                </a:cubicBezTo>
                <a:cubicBezTo>
                  <a:pt x="7359" y="11552"/>
                  <a:pt x="7360" y="11545"/>
                  <a:pt x="7361" y="11539"/>
                </a:cubicBezTo>
                <a:close/>
                <a:moveTo>
                  <a:pt x="4935" y="15872"/>
                </a:moveTo>
                <a:lnTo>
                  <a:pt x="4960" y="15972"/>
                </a:lnTo>
                <a:lnTo>
                  <a:pt x="4988" y="15970"/>
                </a:lnTo>
                <a:lnTo>
                  <a:pt x="4988" y="15970"/>
                </a:lnTo>
                <a:cubicBezTo>
                  <a:pt x="4976" y="15943"/>
                  <a:pt x="4959" y="15905"/>
                  <a:pt x="4935" y="15872"/>
                </a:cubicBezTo>
                <a:close/>
                <a:moveTo>
                  <a:pt x="5020" y="15968"/>
                </a:moveTo>
                <a:lnTo>
                  <a:pt x="4988" y="15970"/>
                </a:lnTo>
                <a:lnTo>
                  <a:pt x="4988" y="15970"/>
                </a:lnTo>
                <a:cubicBezTo>
                  <a:pt x="4998" y="15993"/>
                  <a:pt x="5005" y="16009"/>
                  <a:pt x="5010" y="16009"/>
                </a:cubicBezTo>
                <a:cubicBezTo>
                  <a:pt x="5015" y="16009"/>
                  <a:pt x="5018" y="15997"/>
                  <a:pt x="5020" y="15968"/>
                </a:cubicBezTo>
                <a:close/>
                <a:moveTo>
                  <a:pt x="3369" y="17894"/>
                </a:moveTo>
                <a:cubicBezTo>
                  <a:pt x="3370" y="17895"/>
                  <a:pt x="3372" y="17896"/>
                  <a:pt x="3373" y="17897"/>
                </a:cubicBezTo>
                <a:cubicBezTo>
                  <a:pt x="3372" y="17896"/>
                  <a:pt x="3370" y="17895"/>
                  <a:pt x="3369" y="17894"/>
                </a:cubicBezTo>
                <a:close/>
                <a:moveTo>
                  <a:pt x="2647" y="18829"/>
                </a:moveTo>
                <a:lnTo>
                  <a:pt x="2681" y="18847"/>
                </a:lnTo>
                <a:cubicBezTo>
                  <a:pt x="2669" y="18840"/>
                  <a:pt x="2658" y="18834"/>
                  <a:pt x="2647" y="18829"/>
                </a:cubicBezTo>
                <a:close/>
                <a:moveTo>
                  <a:pt x="2354" y="19693"/>
                </a:moveTo>
                <a:lnTo>
                  <a:pt x="2354" y="19693"/>
                </a:lnTo>
                <a:cubicBezTo>
                  <a:pt x="2354" y="19694"/>
                  <a:pt x="2354" y="19696"/>
                  <a:pt x="2354" y="19697"/>
                </a:cubicBezTo>
                <a:cubicBezTo>
                  <a:pt x="2354" y="19696"/>
                  <a:pt x="2354" y="19694"/>
                  <a:pt x="2354" y="19693"/>
                </a:cubicBezTo>
                <a:close/>
                <a:moveTo>
                  <a:pt x="1474" y="20091"/>
                </a:moveTo>
                <a:lnTo>
                  <a:pt x="1474" y="20091"/>
                </a:lnTo>
                <a:cubicBezTo>
                  <a:pt x="1467" y="20098"/>
                  <a:pt x="1460" y="20105"/>
                  <a:pt x="1453" y="20114"/>
                </a:cubicBezTo>
                <a:lnTo>
                  <a:pt x="1453" y="20114"/>
                </a:lnTo>
                <a:cubicBezTo>
                  <a:pt x="1460" y="20108"/>
                  <a:pt x="1467" y="20100"/>
                  <a:pt x="1474" y="20091"/>
                </a:cubicBezTo>
                <a:close/>
                <a:moveTo>
                  <a:pt x="21000" y="0"/>
                </a:moveTo>
                <a:cubicBezTo>
                  <a:pt x="20863" y="0"/>
                  <a:pt x="20696" y="159"/>
                  <a:pt x="20513" y="225"/>
                </a:cubicBezTo>
                <a:cubicBezTo>
                  <a:pt x="20550" y="292"/>
                  <a:pt x="20413" y="486"/>
                  <a:pt x="20545" y="486"/>
                </a:cubicBezTo>
                <a:cubicBezTo>
                  <a:pt x="20561" y="486"/>
                  <a:pt x="20580" y="484"/>
                  <a:pt x="20603" y="478"/>
                </a:cubicBezTo>
                <a:lnTo>
                  <a:pt x="20603" y="478"/>
                </a:lnTo>
                <a:cubicBezTo>
                  <a:pt x="20629" y="568"/>
                  <a:pt x="20513" y="656"/>
                  <a:pt x="20425" y="684"/>
                </a:cubicBezTo>
                <a:cubicBezTo>
                  <a:pt x="20453" y="633"/>
                  <a:pt x="20242" y="530"/>
                  <a:pt x="20316" y="420"/>
                </a:cubicBezTo>
                <a:lnTo>
                  <a:pt x="20316" y="420"/>
                </a:lnTo>
                <a:cubicBezTo>
                  <a:pt x="20214" y="510"/>
                  <a:pt x="20253" y="418"/>
                  <a:pt x="20075" y="524"/>
                </a:cubicBezTo>
                <a:cubicBezTo>
                  <a:pt x="20076" y="513"/>
                  <a:pt x="20068" y="509"/>
                  <a:pt x="20053" y="509"/>
                </a:cubicBezTo>
                <a:cubicBezTo>
                  <a:pt x="20004" y="509"/>
                  <a:pt x="19886" y="551"/>
                  <a:pt x="19791" y="551"/>
                </a:cubicBezTo>
                <a:cubicBezTo>
                  <a:pt x="19725" y="551"/>
                  <a:pt x="19671" y="531"/>
                  <a:pt x="19658" y="464"/>
                </a:cubicBezTo>
                <a:lnTo>
                  <a:pt x="19658" y="464"/>
                </a:lnTo>
                <a:cubicBezTo>
                  <a:pt x="19614" y="566"/>
                  <a:pt x="19755" y="735"/>
                  <a:pt x="19505" y="830"/>
                </a:cubicBezTo>
                <a:cubicBezTo>
                  <a:pt x="19612" y="936"/>
                  <a:pt x="19897" y="860"/>
                  <a:pt x="19758" y="1062"/>
                </a:cubicBezTo>
                <a:lnTo>
                  <a:pt x="19850" y="934"/>
                </a:lnTo>
                <a:cubicBezTo>
                  <a:pt x="20027" y="934"/>
                  <a:pt x="19876" y="1060"/>
                  <a:pt x="20041" y="1060"/>
                </a:cubicBezTo>
                <a:cubicBezTo>
                  <a:pt x="20055" y="1060"/>
                  <a:pt x="20072" y="1059"/>
                  <a:pt x="20091" y="1057"/>
                </a:cubicBezTo>
                <a:lnTo>
                  <a:pt x="20091" y="1057"/>
                </a:lnTo>
                <a:cubicBezTo>
                  <a:pt x="20039" y="1069"/>
                  <a:pt x="19966" y="1136"/>
                  <a:pt x="19906" y="1136"/>
                </a:cubicBezTo>
                <a:cubicBezTo>
                  <a:pt x="19885" y="1136"/>
                  <a:pt x="19866" y="1128"/>
                  <a:pt x="19850" y="1108"/>
                </a:cubicBezTo>
                <a:lnTo>
                  <a:pt x="19850" y="1108"/>
                </a:lnTo>
                <a:cubicBezTo>
                  <a:pt x="20001" y="1360"/>
                  <a:pt x="19561" y="1356"/>
                  <a:pt x="19621" y="1560"/>
                </a:cubicBezTo>
                <a:cubicBezTo>
                  <a:pt x="19588" y="1531"/>
                  <a:pt x="19556" y="1518"/>
                  <a:pt x="19522" y="1518"/>
                </a:cubicBezTo>
                <a:cubicBezTo>
                  <a:pt x="19477" y="1518"/>
                  <a:pt x="19427" y="1540"/>
                  <a:pt x="19362" y="1578"/>
                </a:cubicBezTo>
                <a:cubicBezTo>
                  <a:pt x="19352" y="1499"/>
                  <a:pt x="19257" y="1453"/>
                  <a:pt x="19334" y="1367"/>
                </a:cubicBezTo>
                <a:cubicBezTo>
                  <a:pt x="19402" y="1362"/>
                  <a:pt x="19445" y="1330"/>
                  <a:pt x="19512" y="1330"/>
                </a:cubicBezTo>
                <a:cubicBezTo>
                  <a:pt x="19531" y="1330"/>
                  <a:pt x="19553" y="1333"/>
                  <a:pt x="19577" y="1339"/>
                </a:cubicBezTo>
                <a:cubicBezTo>
                  <a:pt x="19533" y="1263"/>
                  <a:pt x="19483" y="1236"/>
                  <a:pt x="19429" y="1236"/>
                </a:cubicBezTo>
                <a:cubicBezTo>
                  <a:pt x="19305" y="1236"/>
                  <a:pt x="19159" y="1378"/>
                  <a:pt x="19003" y="1390"/>
                </a:cubicBezTo>
                <a:cubicBezTo>
                  <a:pt x="19040" y="1402"/>
                  <a:pt x="19058" y="1425"/>
                  <a:pt x="19014" y="1483"/>
                </a:cubicBezTo>
                <a:cubicBezTo>
                  <a:pt x="18953" y="1486"/>
                  <a:pt x="18863" y="1498"/>
                  <a:pt x="18784" y="1498"/>
                </a:cubicBezTo>
                <a:cubicBezTo>
                  <a:pt x="18681" y="1498"/>
                  <a:pt x="18595" y="1478"/>
                  <a:pt x="18613" y="1390"/>
                </a:cubicBezTo>
                <a:lnTo>
                  <a:pt x="18613" y="1390"/>
                </a:lnTo>
                <a:cubicBezTo>
                  <a:pt x="18407" y="1483"/>
                  <a:pt x="18203" y="1580"/>
                  <a:pt x="17999" y="1673"/>
                </a:cubicBezTo>
                <a:cubicBezTo>
                  <a:pt x="17972" y="1613"/>
                  <a:pt x="18078" y="1613"/>
                  <a:pt x="18108" y="1576"/>
                </a:cubicBezTo>
                <a:lnTo>
                  <a:pt x="18108" y="1576"/>
                </a:lnTo>
                <a:lnTo>
                  <a:pt x="17756" y="1712"/>
                </a:lnTo>
                <a:cubicBezTo>
                  <a:pt x="17640" y="1661"/>
                  <a:pt x="17842" y="1580"/>
                  <a:pt x="17844" y="1483"/>
                </a:cubicBezTo>
                <a:lnTo>
                  <a:pt x="17844" y="1483"/>
                </a:lnTo>
                <a:cubicBezTo>
                  <a:pt x="17761" y="1520"/>
                  <a:pt x="17675" y="1555"/>
                  <a:pt x="17592" y="1592"/>
                </a:cubicBezTo>
                <a:lnTo>
                  <a:pt x="17592" y="1497"/>
                </a:lnTo>
                <a:cubicBezTo>
                  <a:pt x="17562" y="1557"/>
                  <a:pt x="17394" y="1661"/>
                  <a:pt x="17259" y="1661"/>
                </a:cubicBezTo>
                <a:cubicBezTo>
                  <a:pt x="17218" y="1661"/>
                  <a:pt x="17179" y="1651"/>
                  <a:pt x="17149" y="1627"/>
                </a:cubicBezTo>
                <a:cubicBezTo>
                  <a:pt x="17020" y="1705"/>
                  <a:pt x="16987" y="1812"/>
                  <a:pt x="16932" y="1905"/>
                </a:cubicBezTo>
                <a:cubicBezTo>
                  <a:pt x="16878" y="1995"/>
                  <a:pt x="16804" y="2071"/>
                  <a:pt x="16593" y="2099"/>
                </a:cubicBezTo>
                <a:cubicBezTo>
                  <a:pt x="16547" y="1963"/>
                  <a:pt x="16779" y="1953"/>
                  <a:pt x="16827" y="1833"/>
                </a:cubicBezTo>
                <a:cubicBezTo>
                  <a:pt x="16824" y="1832"/>
                  <a:pt x="16820" y="1832"/>
                  <a:pt x="16816" y="1832"/>
                </a:cubicBezTo>
                <a:cubicBezTo>
                  <a:pt x="16742" y="1832"/>
                  <a:pt x="16627" y="1938"/>
                  <a:pt x="16536" y="1938"/>
                </a:cubicBezTo>
                <a:cubicBezTo>
                  <a:pt x="16509" y="1938"/>
                  <a:pt x="16484" y="1928"/>
                  <a:pt x="16464" y="1905"/>
                </a:cubicBezTo>
                <a:cubicBezTo>
                  <a:pt x="16234" y="2106"/>
                  <a:pt x="16371" y="2324"/>
                  <a:pt x="16306" y="2512"/>
                </a:cubicBezTo>
                <a:cubicBezTo>
                  <a:pt x="16264" y="2534"/>
                  <a:pt x="16235" y="2543"/>
                  <a:pt x="16217" y="2543"/>
                </a:cubicBezTo>
                <a:cubicBezTo>
                  <a:pt x="16145" y="2543"/>
                  <a:pt x="16225" y="2405"/>
                  <a:pt x="16204" y="2377"/>
                </a:cubicBezTo>
                <a:lnTo>
                  <a:pt x="16204" y="2377"/>
                </a:lnTo>
                <a:cubicBezTo>
                  <a:pt x="16151" y="2396"/>
                  <a:pt x="16147" y="2582"/>
                  <a:pt x="16077" y="2582"/>
                </a:cubicBezTo>
                <a:cubicBezTo>
                  <a:pt x="16059" y="2582"/>
                  <a:pt x="16036" y="2570"/>
                  <a:pt x="16007" y="2539"/>
                </a:cubicBezTo>
                <a:lnTo>
                  <a:pt x="16007" y="2539"/>
                </a:lnTo>
                <a:cubicBezTo>
                  <a:pt x="15955" y="2672"/>
                  <a:pt x="15950" y="2798"/>
                  <a:pt x="16076" y="2798"/>
                </a:cubicBezTo>
                <a:cubicBezTo>
                  <a:pt x="16088" y="2798"/>
                  <a:pt x="16103" y="2797"/>
                  <a:pt x="16119" y="2794"/>
                </a:cubicBezTo>
                <a:lnTo>
                  <a:pt x="16119" y="2794"/>
                </a:lnTo>
                <a:cubicBezTo>
                  <a:pt x="16007" y="2847"/>
                  <a:pt x="15880" y="2991"/>
                  <a:pt x="15880" y="3061"/>
                </a:cubicBezTo>
                <a:cubicBezTo>
                  <a:pt x="15878" y="2964"/>
                  <a:pt x="15850" y="2944"/>
                  <a:pt x="15812" y="2944"/>
                </a:cubicBezTo>
                <a:cubicBezTo>
                  <a:pt x="15785" y="2944"/>
                  <a:pt x="15752" y="2954"/>
                  <a:pt x="15720" y="2954"/>
                </a:cubicBezTo>
                <a:cubicBezTo>
                  <a:pt x="15686" y="2954"/>
                  <a:pt x="15652" y="2943"/>
                  <a:pt x="15625" y="2898"/>
                </a:cubicBezTo>
                <a:cubicBezTo>
                  <a:pt x="15498" y="2933"/>
                  <a:pt x="15373" y="2984"/>
                  <a:pt x="15257" y="3049"/>
                </a:cubicBezTo>
                <a:cubicBezTo>
                  <a:pt x="15129" y="3128"/>
                  <a:pt x="15018" y="3239"/>
                  <a:pt x="14995" y="3383"/>
                </a:cubicBezTo>
                <a:lnTo>
                  <a:pt x="14933" y="3151"/>
                </a:lnTo>
                <a:lnTo>
                  <a:pt x="14750" y="3278"/>
                </a:lnTo>
                <a:cubicBezTo>
                  <a:pt x="14536" y="3232"/>
                  <a:pt x="14851" y="3056"/>
                  <a:pt x="14944" y="2991"/>
                </a:cubicBezTo>
                <a:lnTo>
                  <a:pt x="14944" y="2991"/>
                </a:lnTo>
                <a:cubicBezTo>
                  <a:pt x="14666" y="3112"/>
                  <a:pt x="14495" y="3220"/>
                  <a:pt x="14261" y="3355"/>
                </a:cubicBezTo>
                <a:cubicBezTo>
                  <a:pt x="14353" y="3359"/>
                  <a:pt x="14335" y="3424"/>
                  <a:pt x="14402" y="3468"/>
                </a:cubicBezTo>
                <a:cubicBezTo>
                  <a:pt x="14365" y="3596"/>
                  <a:pt x="14221" y="3598"/>
                  <a:pt x="14152" y="3670"/>
                </a:cubicBezTo>
                <a:cubicBezTo>
                  <a:pt x="14106" y="3633"/>
                  <a:pt x="14089" y="3584"/>
                  <a:pt x="14147" y="3531"/>
                </a:cubicBezTo>
                <a:lnTo>
                  <a:pt x="14147" y="3531"/>
                </a:lnTo>
                <a:lnTo>
                  <a:pt x="13999" y="3649"/>
                </a:lnTo>
                <a:cubicBezTo>
                  <a:pt x="13941" y="3515"/>
                  <a:pt x="13862" y="3561"/>
                  <a:pt x="13976" y="3387"/>
                </a:cubicBezTo>
                <a:lnTo>
                  <a:pt x="13976" y="3387"/>
                </a:lnTo>
                <a:lnTo>
                  <a:pt x="13848" y="3512"/>
                </a:lnTo>
                <a:cubicBezTo>
                  <a:pt x="13821" y="3522"/>
                  <a:pt x="13800" y="3526"/>
                  <a:pt x="13785" y="3526"/>
                </a:cubicBezTo>
                <a:cubicBezTo>
                  <a:pt x="13703" y="3526"/>
                  <a:pt x="13800" y="3396"/>
                  <a:pt x="13816" y="3341"/>
                </a:cubicBezTo>
                <a:lnTo>
                  <a:pt x="13816" y="3341"/>
                </a:lnTo>
                <a:lnTo>
                  <a:pt x="13540" y="3471"/>
                </a:lnTo>
                <a:cubicBezTo>
                  <a:pt x="13485" y="3591"/>
                  <a:pt x="13656" y="3549"/>
                  <a:pt x="13496" y="3688"/>
                </a:cubicBezTo>
                <a:cubicBezTo>
                  <a:pt x="13420" y="3695"/>
                  <a:pt x="13343" y="3714"/>
                  <a:pt x="13272" y="3742"/>
                </a:cubicBezTo>
                <a:cubicBezTo>
                  <a:pt x="13197" y="3772"/>
                  <a:pt x="13126" y="3807"/>
                  <a:pt x="13054" y="3844"/>
                </a:cubicBezTo>
                <a:cubicBezTo>
                  <a:pt x="12910" y="3922"/>
                  <a:pt x="12769" y="4010"/>
                  <a:pt x="12623" y="4075"/>
                </a:cubicBezTo>
                <a:lnTo>
                  <a:pt x="12882" y="4075"/>
                </a:lnTo>
                <a:cubicBezTo>
                  <a:pt x="12699" y="4142"/>
                  <a:pt x="12855" y="4321"/>
                  <a:pt x="12857" y="4434"/>
                </a:cubicBezTo>
                <a:cubicBezTo>
                  <a:pt x="12776" y="4469"/>
                  <a:pt x="12688" y="4522"/>
                  <a:pt x="12600" y="4571"/>
                </a:cubicBezTo>
                <a:cubicBezTo>
                  <a:pt x="12521" y="4617"/>
                  <a:pt x="12438" y="4652"/>
                  <a:pt x="12350" y="4675"/>
                </a:cubicBezTo>
                <a:cubicBezTo>
                  <a:pt x="12431" y="4490"/>
                  <a:pt x="12282" y="4386"/>
                  <a:pt x="12095" y="4386"/>
                </a:cubicBezTo>
                <a:cubicBezTo>
                  <a:pt x="11784" y="4566"/>
                  <a:pt x="11993" y="4726"/>
                  <a:pt x="11872" y="4902"/>
                </a:cubicBezTo>
                <a:cubicBezTo>
                  <a:pt x="11864" y="4799"/>
                  <a:pt x="11834" y="4767"/>
                  <a:pt x="11796" y="4767"/>
                </a:cubicBezTo>
                <a:cubicBezTo>
                  <a:pt x="11736" y="4767"/>
                  <a:pt x="11655" y="4848"/>
                  <a:pt x="11601" y="4848"/>
                </a:cubicBezTo>
                <a:cubicBezTo>
                  <a:pt x="11582" y="4848"/>
                  <a:pt x="11567" y="4838"/>
                  <a:pt x="11557" y="4812"/>
                </a:cubicBezTo>
                <a:cubicBezTo>
                  <a:pt x="11372" y="4944"/>
                  <a:pt x="11198" y="5097"/>
                  <a:pt x="11025" y="5247"/>
                </a:cubicBezTo>
                <a:cubicBezTo>
                  <a:pt x="10856" y="5407"/>
                  <a:pt x="10675" y="5555"/>
                  <a:pt x="10487" y="5692"/>
                </a:cubicBezTo>
                <a:cubicBezTo>
                  <a:pt x="10520" y="5720"/>
                  <a:pt x="10654" y="5676"/>
                  <a:pt x="10612" y="5759"/>
                </a:cubicBezTo>
                <a:cubicBezTo>
                  <a:pt x="10569" y="5819"/>
                  <a:pt x="10500" y="5851"/>
                  <a:pt x="10430" y="5851"/>
                </a:cubicBezTo>
                <a:cubicBezTo>
                  <a:pt x="10389" y="5851"/>
                  <a:pt x="10348" y="5840"/>
                  <a:pt x="10311" y="5817"/>
                </a:cubicBezTo>
                <a:cubicBezTo>
                  <a:pt x="10149" y="5970"/>
                  <a:pt x="10103" y="6121"/>
                  <a:pt x="10093" y="6232"/>
                </a:cubicBezTo>
                <a:cubicBezTo>
                  <a:pt x="10119" y="6197"/>
                  <a:pt x="10140" y="6183"/>
                  <a:pt x="10157" y="6183"/>
                </a:cubicBezTo>
                <a:cubicBezTo>
                  <a:pt x="10181" y="6183"/>
                  <a:pt x="10200" y="6210"/>
                  <a:pt x="10219" y="6253"/>
                </a:cubicBezTo>
                <a:cubicBezTo>
                  <a:pt x="10151" y="6316"/>
                  <a:pt x="10100" y="6321"/>
                  <a:pt x="10058" y="6321"/>
                </a:cubicBezTo>
                <a:cubicBezTo>
                  <a:pt x="10051" y="6321"/>
                  <a:pt x="10044" y="6320"/>
                  <a:pt x="10037" y="6320"/>
                </a:cubicBezTo>
                <a:cubicBezTo>
                  <a:pt x="9987" y="6320"/>
                  <a:pt x="9948" y="6327"/>
                  <a:pt x="9904" y="6447"/>
                </a:cubicBezTo>
                <a:cubicBezTo>
                  <a:pt x="9767" y="6362"/>
                  <a:pt x="10042" y="6246"/>
                  <a:pt x="9936" y="6139"/>
                </a:cubicBezTo>
                <a:lnTo>
                  <a:pt x="9936" y="6139"/>
                </a:lnTo>
                <a:cubicBezTo>
                  <a:pt x="9774" y="6248"/>
                  <a:pt x="9716" y="6373"/>
                  <a:pt x="9646" y="6519"/>
                </a:cubicBezTo>
                <a:cubicBezTo>
                  <a:pt x="9565" y="6463"/>
                  <a:pt x="9727" y="6424"/>
                  <a:pt x="9613" y="6424"/>
                </a:cubicBezTo>
                <a:cubicBezTo>
                  <a:pt x="9610" y="6424"/>
                  <a:pt x="9606" y="6424"/>
                  <a:pt x="9602" y="6424"/>
                </a:cubicBezTo>
                <a:cubicBezTo>
                  <a:pt x="9405" y="6667"/>
                  <a:pt x="9185" y="6973"/>
                  <a:pt x="9042" y="7154"/>
                </a:cubicBezTo>
                <a:lnTo>
                  <a:pt x="8914" y="7094"/>
                </a:lnTo>
                <a:cubicBezTo>
                  <a:pt x="8808" y="7193"/>
                  <a:pt x="8752" y="7277"/>
                  <a:pt x="8738" y="7365"/>
                </a:cubicBezTo>
                <a:cubicBezTo>
                  <a:pt x="8731" y="7365"/>
                  <a:pt x="8724" y="7366"/>
                  <a:pt x="8719" y="7366"/>
                </a:cubicBezTo>
                <a:cubicBezTo>
                  <a:pt x="8650" y="7366"/>
                  <a:pt x="8675" y="7307"/>
                  <a:pt x="8720" y="7251"/>
                </a:cubicBezTo>
                <a:lnTo>
                  <a:pt x="8720" y="7251"/>
                </a:lnTo>
                <a:cubicBezTo>
                  <a:pt x="8562" y="7367"/>
                  <a:pt x="8446" y="7601"/>
                  <a:pt x="8372" y="7680"/>
                </a:cubicBezTo>
                <a:cubicBezTo>
                  <a:pt x="8335" y="7610"/>
                  <a:pt x="8449" y="7601"/>
                  <a:pt x="8433" y="7531"/>
                </a:cubicBezTo>
                <a:lnTo>
                  <a:pt x="8433" y="7531"/>
                </a:lnTo>
                <a:cubicBezTo>
                  <a:pt x="8379" y="7568"/>
                  <a:pt x="8335" y="7615"/>
                  <a:pt x="8298" y="7670"/>
                </a:cubicBezTo>
                <a:cubicBezTo>
                  <a:pt x="8280" y="7698"/>
                  <a:pt x="8259" y="7728"/>
                  <a:pt x="8243" y="7756"/>
                </a:cubicBezTo>
                <a:lnTo>
                  <a:pt x="8189" y="7844"/>
                </a:lnTo>
                <a:cubicBezTo>
                  <a:pt x="8123" y="7952"/>
                  <a:pt x="8055" y="8042"/>
                  <a:pt x="7948" y="8042"/>
                </a:cubicBezTo>
                <a:cubicBezTo>
                  <a:pt x="7943" y="8042"/>
                  <a:pt x="7938" y="8041"/>
                  <a:pt x="7932" y="8041"/>
                </a:cubicBezTo>
                <a:cubicBezTo>
                  <a:pt x="7934" y="8018"/>
                  <a:pt x="7946" y="7996"/>
                  <a:pt x="7963" y="7980"/>
                </a:cubicBezTo>
                <a:lnTo>
                  <a:pt x="7963" y="7980"/>
                </a:lnTo>
                <a:cubicBezTo>
                  <a:pt x="7834" y="8095"/>
                  <a:pt x="7712" y="8220"/>
                  <a:pt x="7603" y="8356"/>
                </a:cubicBezTo>
                <a:cubicBezTo>
                  <a:pt x="7490" y="8488"/>
                  <a:pt x="7381" y="8632"/>
                  <a:pt x="7242" y="8768"/>
                </a:cubicBezTo>
                <a:cubicBezTo>
                  <a:pt x="6876" y="8905"/>
                  <a:pt x="7293" y="8991"/>
                  <a:pt x="7024" y="9220"/>
                </a:cubicBezTo>
                <a:cubicBezTo>
                  <a:pt x="6982" y="9177"/>
                  <a:pt x="6943" y="9159"/>
                  <a:pt x="6908" y="9159"/>
                </a:cubicBezTo>
                <a:cubicBezTo>
                  <a:pt x="6741" y="9159"/>
                  <a:pt x="6641" y="9552"/>
                  <a:pt x="6519" y="9600"/>
                </a:cubicBezTo>
                <a:lnTo>
                  <a:pt x="6589" y="9602"/>
                </a:lnTo>
                <a:cubicBezTo>
                  <a:pt x="6575" y="9713"/>
                  <a:pt x="6503" y="9788"/>
                  <a:pt x="6417" y="9836"/>
                </a:cubicBezTo>
                <a:cubicBezTo>
                  <a:pt x="6336" y="9883"/>
                  <a:pt x="6246" y="9913"/>
                  <a:pt x="6153" y="9924"/>
                </a:cubicBezTo>
                <a:cubicBezTo>
                  <a:pt x="6040" y="10026"/>
                  <a:pt x="5933" y="10137"/>
                  <a:pt x="5836" y="10255"/>
                </a:cubicBezTo>
                <a:cubicBezTo>
                  <a:pt x="5785" y="10320"/>
                  <a:pt x="5739" y="10388"/>
                  <a:pt x="5697" y="10459"/>
                </a:cubicBezTo>
                <a:cubicBezTo>
                  <a:pt x="5660" y="10527"/>
                  <a:pt x="5630" y="10598"/>
                  <a:pt x="5609" y="10675"/>
                </a:cubicBezTo>
                <a:lnTo>
                  <a:pt x="5593" y="10587"/>
                </a:lnTo>
                <a:cubicBezTo>
                  <a:pt x="5514" y="10809"/>
                  <a:pt x="5340" y="10835"/>
                  <a:pt x="5261" y="11057"/>
                </a:cubicBezTo>
                <a:cubicBezTo>
                  <a:pt x="5250" y="11040"/>
                  <a:pt x="5263" y="10979"/>
                  <a:pt x="5230" y="10979"/>
                </a:cubicBezTo>
                <a:cubicBezTo>
                  <a:pt x="5222" y="10979"/>
                  <a:pt x="5211" y="10983"/>
                  <a:pt x="5196" y="10992"/>
                </a:cubicBezTo>
                <a:cubicBezTo>
                  <a:pt x="5146" y="11036"/>
                  <a:pt x="5099" y="11080"/>
                  <a:pt x="5051" y="11126"/>
                </a:cubicBezTo>
                <a:cubicBezTo>
                  <a:pt x="5004" y="11173"/>
                  <a:pt x="4960" y="11221"/>
                  <a:pt x="4914" y="11268"/>
                </a:cubicBezTo>
                <a:cubicBezTo>
                  <a:pt x="4826" y="11365"/>
                  <a:pt x="4738" y="11465"/>
                  <a:pt x="4654" y="11567"/>
                </a:cubicBezTo>
                <a:cubicBezTo>
                  <a:pt x="4569" y="11669"/>
                  <a:pt x="4488" y="11768"/>
                  <a:pt x="4407" y="11875"/>
                </a:cubicBezTo>
                <a:cubicBezTo>
                  <a:pt x="4328" y="11984"/>
                  <a:pt x="4251" y="12090"/>
                  <a:pt x="4175" y="12199"/>
                </a:cubicBezTo>
                <a:lnTo>
                  <a:pt x="3948" y="12521"/>
                </a:lnTo>
                <a:lnTo>
                  <a:pt x="3890" y="12602"/>
                </a:lnTo>
                <a:lnTo>
                  <a:pt x="3834" y="12683"/>
                </a:lnTo>
                <a:lnTo>
                  <a:pt x="3721" y="12848"/>
                </a:lnTo>
                <a:cubicBezTo>
                  <a:pt x="3647" y="12954"/>
                  <a:pt x="3568" y="13061"/>
                  <a:pt x="3489" y="13165"/>
                </a:cubicBezTo>
                <a:cubicBezTo>
                  <a:pt x="3452" y="13218"/>
                  <a:pt x="3411" y="13269"/>
                  <a:pt x="3371" y="13320"/>
                </a:cubicBezTo>
                <a:lnTo>
                  <a:pt x="3251" y="13473"/>
                </a:lnTo>
                <a:cubicBezTo>
                  <a:pt x="3093" y="13668"/>
                  <a:pt x="2933" y="13869"/>
                  <a:pt x="2771" y="14075"/>
                </a:cubicBezTo>
                <a:cubicBezTo>
                  <a:pt x="2614" y="14286"/>
                  <a:pt x="2451" y="14502"/>
                  <a:pt x="2292" y="14722"/>
                </a:cubicBezTo>
                <a:cubicBezTo>
                  <a:pt x="1977" y="15166"/>
                  <a:pt x="1664" y="15630"/>
                  <a:pt x="1377" y="16109"/>
                </a:cubicBezTo>
                <a:cubicBezTo>
                  <a:pt x="800" y="17066"/>
                  <a:pt x="311" y="18074"/>
                  <a:pt x="1" y="19012"/>
                </a:cubicBezTo>
                <a:cubicBezTo>
                  <a:pt x="161" y="19269"/>
                  <a:pt x="334" y="19517"/>
                  <a:pt x="524" y="19755"/>
                </a:cubicBezTo>
                <a:cubicBezTo>
                  <a:pt x="821" y="20128"/>
                  <a:pt x="1198" y="20508"/>
                  <a:pt x="1490" y="20571"/>
                </a:cubicBezTo>
                <a:cubicBezTo>
                  <a:pt x="1496" y="20568"/>
                  <a:pt x="1502" y="20567"/>
                  <a:pt x="1508" y="20567"/>
                </a:cubicBezTo>
                <a:cubicBezTo>
                  <a:pt x="1545" y="20567"/>
                  <a:pt x="1567" y="20619"/>
                  <a:pt x="1587" y="20663"/>
                </a:cubicBezTo>
                <a:cubicBezTo>
                  <a:pt x="1602" y="20696"/>
                  <a:pt x="1617" y="20723"/>
                  <a:pt x="1637" y="20723"/>
                </a:cubicBezTo>
                <a:cubicBezTo>
                  <a:pt x="1649" y="20723"/>
                  <a:pt x="1663" y="20714"/>
                  <a:pt x="1680" y="20691"/>
                </a:cubicBezTo>
                <a:lnTo>
                  <a:pt x="1594" y="20485"/>
                </a:lnTo>
                <a:lnTo>
                  <a:pt x="1594" y="20485"/>
                </a:lnTo>
                <a:cubicBezTo>
                  <a:pt x="1622" y="20511"/>
                  <a:pt x="1663" y="20517"/>
                  <a:pt x="1707" y="20517"/>
                </a:cubicBezTo>
                <a:cubicBezTo>
                  <a:pt x="1739" y="20517"/>
                  <a:pt x="1771" y="20514"/>
                  <a:pt x="1801" y="20514"/>
                </a:cubicBezTo>
                <a:cubicBezTo>
                  <a:pt x="1816" y="20514"/>
                  <a:pt x="1831" y="20515"/>
                  <a:pt x="1845" y="20517"/>
                </a:cubicBezTo>
                <a:cubicBezTo>
                  <a:pt x="1808" y="20479"/>
                  <a:pt x="1762" y="20472"/>
                  <a:pt x="1713" y="20472"/>
                </a:cubicBezTo>
                <a:cubicBezTo>
                  <a:pt x="1686" y="20472"/>
                  <a:pt x="1658" y="20475"/>
                  <a:pt x="1630" y="20475"/>
                </a:cubicBezTo>
                <a:cubicBezTo>
                  <a:pt x="1552" y="20475"/>
                  <a:pt x="1473" y="20458"/>
                  <a:pt x="1416" y="20334"/>
                </a:cubicBezTo>
                <a:cubicBezTo>
                  <a:pt x="1358" y="20266"/>
                  <a:pt x="1406" y="20171"/>
                  <a:pt x="1453" y="20114"/>
                </a:cubicBezTo>
                <a:lnTo>
                  <a:pt x="1453" y="20114"/>
                </a:lnTo>
                <a:cubicBezTo>
                  <a:pt x="1440" y="20126"/>
                  <a:pt x="1428" y="20131"/>
                  <a:pt x="1417" y="20131"/>
                </a:cubicBezTo>
                <a:cubicBezTo>
                  <a:pt x="1363" y="20131"/>
                  <a:pt x="1339" y="20006"/>
                  <a:pt x="1321" y="19945"/>
                </a:cubicBezTo>
                <a:cubicBezTo>
                  <a:pt x="1416" y="19889"/>
                  <a:pt x="1456" y="19746"/>
                  <a:pt x="1557" y="19746"/>
                </a:cubicBezTo>
                <a:cubicBezTo>
                  <a:pt x="1559" y="19746"/>
                  <a:pt x="1562" y="19746"/>
                  <a:pt x="1564" y="19746"/>
                </a:cubicBezTo>
                <a:cubicBezTo>
                  <a:pt x="1539" y="19716"/>
                  <a:pt x="1553" y="19642"/>
                  <a:pt x="1590" y="19605"/>
                </a:cubicBezTo>
                <a:lnTo>
                  <a:pt x="1638" y="19623"/>
                </a:lnTo>
                <a:cubicBezTo>
                  <a:pt x="1642" y="19583"/>
                  <a:pt x="1637" y="19571"/>
                  <a:pt x="1626" y="19571"/>
                </a:cubicBezTo>
                <a:cubicBezTo>
                  <a:pt x="1611" y="19571"/>
                  <a:pt x="1585" y="19597"/>
                  <a:pt x="1562" y="19597"/>
                </a:cubicBezTo>
                <a:cubicBezTo>
                  <a:pt x="1555" y="19597"/>
                  <a:pt x="1547" y="19594"/>
                  <a:pt x="1541" y="19586"/>
                </a:cubicBezTo>
                <a:cubicBezTo>
                  <a:pt x="1564" y="19505"/>
                  <a:pt x="1719" y="19443"/>
                  <a:pt x="1773" y="19322"/>
                </a:cubicBezTo>
                <a:lnTo>
                  <a:pt x="1773" y="19322"/>
                </a:lnTo>
                <a:cubicBezTo>
                  <a:pt x="1720" y="19443"/>
                  <a:pt x="1733" y="19572"/>
                  <a:pt x="1743" y="19681"/>
                </a:cubicBezTo>
                <a:cubicBezTo>
                  <a:pt x="1781" y="19647"/>
                  <a:pt x="1812" y="19633"/>
                  <a:pt x="1839" y="19633"/>
                </a:cubicBezTo>
                <a:cubicBezTo>
                  <a:pt x="1946" y="19633"/>
                  <a:pt x="1978" y="19860"/>
                  <a:pt x="2058" y="19945"/>
                </a:cubicBezTo>
                <a:cubicBezTo>
                  <a:pt x="2085" y="19746"/>
                  <a:pt x="2035" y="19639"/>
                  <a:pt x="2028" y="19459"/>
                </a:cubicBezTo>
                <a:cubicBezTo>
                  <a:pt x="2057" y="19439"/>
                  <a:pt x="2086" y="19431"/>
                  <a:pt x="2113" y="19431"/>
                </a:cubicBezTo>
                <a:cubicBezTo>
                  <a:pt x="2250" y="19431"/>
                  <a:pt x="2353" y="19640"/>
                  <a:pt x="2354" y="19693"/>
                </a:cubicBezTo>
                <a:lnTo>
                  <a:pt x="2354" y="19693"/>
                </a:lnTo>
                <a:cubicBezTo>
                  <a:pt x="2362" y="19506"/>
                  <a:pt x="2299" y="19268"/>
                  <a:pt x="2289" y="19160"/>
                </a:cubicBezTo>
                <a:lnTo>
                  <a:pt x="2289" y="19160"/>
                </a:lnTo>
                <a:cubicBezTo>
                  <a:pt x="2412" y="19371"/>
                  <a:pt x="2479" y="19380"/>
                  <a:pt x="2572" y="19558"/>
                </a:cubicBezTo>
                <a:cubicBezTo>
                  <a:pt x="2739" y="19491"/>
                  <a:pt x="2623" y="19399"/>
                  <a:pt x="2586" y="19304"/>
                </a:cubicBezTo>
                <a:lnTo>
                  <a:pt x="2586" y="19304"/>
                </a:lnTo>
                <a:cubicBezTo>
                  <a:pt x="2586" y="19346"/>
                  <a:pt x="2571" y="19401"/>
                  <a:pt x="2533" y="19401"/>
                </a:cubicBezTo>
                <a:cubicBezTo>
                  <a:pt x="2531" y="19401"/>
                  <a:pt x="2530" y="19401"/>
                  <a:pt x="2528" y="19401"/>
                </a:cubicBezTo>
                <a:cubicBezTo>
                  <a:pt x="2618" y="19262"/>
                  <a:pt x="2326" y="19139"/>
                  <a:pt x="2248" y="19000"/>
                </a:cubicBezTo>
                <a:cubicBezTo>
                  <a:pt x="2354" y="18945"/>
                  <a:pt x="2468" y="18817"/>
                  <a:pt x="2587" y="18817"/>
                </a:cubicBezTo>
                <a:cubicBezTo>
                  <a:pt x="2606" y="18817"/>
                  <a:pt x="2627" y="18821"/>
                  <a:pt x="2647" y="18829"/>
                </a:cubicBezTo>
                <a:lnTo>
                  <a:pt x="2647" y="18829"/>
                </a:lnTo>
                <a:lnTo>
                  <a:pt x="2507" y="18755"/>
                </a:lnTo>
                <a:cubicBezTo>
                  <a:pt x="2517" y="18702"/>
                  <a:pt x="2535" y="18685"/>
                  <a:pt x="2558" y="18685"/>
                </a:cubicBezTo>
                <a:cubicBezTo>
                  <a:pt x="2600" y="18685"/>
                  <a:pt x="2656" y="18742"/>
                  <a:pt x="2699" y="18750"/>
                </a:cubicBezTo>
                <a:cubicBezTo>
                  <a:pt x="2607" y="18639"/>
                  <a:pt x="2407" y="18604"/>
                  <a:pt x="2477" y="18363"/>
                </a:cubicBezTo>
                <a:lnTo>
                  <a:pt x="2477" y="18363"/>
                </a:lnTo>
                <a:cubicBezTo>
                  <a:pt x="2533" y="18404"/>
                  <a:pt x="2571" y="18419"/>
                  <a:pt x="2598" y="18419"/>
                </a:cubicBezTo>
                <a:cubicBezTo>
                  <a:pt x="2675" y="18419"/>
                  <a:pt x="2669" y="18300"/>
                  <a:pt x="2753" y="18300"/>
                </a:cubicBezTo>
                <a:cubicBezTo>
                  <a:pt x="2777" y="18300"/>
                  <a:pt x="2810" y="18311"/>
                  <a:pt x="2855" y="18338"/>
                </a:cubicBezTo>
                <a:cubicBezTo>
                  <a:pt x="2894" y="18229"/>
                  <a:pt x="2780" y="18106"/>
                  <a:pt x="2868" y="18020"/>
                </a:cubicBezTo>
                <a:cubicBezTo>
                  <a:pt x="2876" y="18019"/>
                  <a:pt x="2884" y="18019"/>
                  <a:pt x="2891" y="18019"/>
                </a:cubicBezTo>
                <a:cubicBezTo>
                  <a:pt x="3078" y="18019"/>
                  <a:pt x="3113" y="18371"/>
                  <a:pt x="3040" y="18405"/>
                </a:cubicBezTo>
                <a:cubicBezTo>
                  <a:pt x="3021" y="18440"/>
                  <a:pt x="3006" y="18453"/>
                  <a:pt x="2992" y="18453"/>
                </a:cubicBezTo>
                <a:cubicBezTo>
                  <a:pt x="2957" y="18453"/>
                  <a:pt x="2936" y="18370"/>
                  <a:pt x="2916" y="18370"/>
                </a:cubicBezTo>
                <a:cubicBezTo>
                  <a:pt x="2913" y="18370"/>
                  <a:pt x="2909" y="18372"/>
                  <a:pt x="2906" y="18379"/>
                </a:cubicBezTo>
                <a:lnTo>
                  <a:pt x="2906" y="18558"/>
                </a:lnTo>
                <a:cubicBezTo>
                  <a:pt x="2961" y="18525"/>
                  <a:pt x="3017" y="18497"/>
                  <a:pt x="3072" y="18470"/>
                </a:cubicBezTo>
                <a:cubicBezTo>
                  <a:pt x="3102" y="18459"/>
                  <a:pt x="3131" y="18452"/>
                  <a:pt x="3160" y="18452"/>
                </a:cubicBezTo>
                <a:cubicBezTo>
                  <a:pt x="3191" y="18452"/>
                  <a:pt x="3221" y="18460"/>
                  <a:pt x="3248" y="18481"/>
                </a:cubicBezTo>
                <a:cubicBezTo>
                  <a:pt x="3258" y="18425"/>
                  <a:pt x="3240" y="18412"/>
                  <a:pt x="3212" y="18412"/>
                </a:cubicBezTo>
                <a:cubicBezTo>
                  <a:pt x="3190" y="18412"/>
                  <a:pt x="3160" y="18421"/>
                  <a:pt x="3136" y="18421"/>
                </a:cubicBezTo>
                <a:cubicBezTo>
                  <a:pt x="3104" y="18421"/>
                  <a:pt x="3081" y="18406"/>
                  <a:pt x="3089" y="18338"/>
                </a:cubicBezTo>
                <a:lnTo>
                  <a:pt x="3204" y="18284"/>
                </a:lnTo>
                <a:cubicBezTo>
                  <a:pt x="3225" y="18097"/>
                  <a:pt x="2994" y="18206"/>
                  <a:pt x="3075" y="17990"/>
                </a:cubicBezTo>
                <a:lnTo>
                  <a:pt x="3075" y="17990"/>
                </a:lnTo>
                <a:cubicBezTo>
                  <a:pt x="3083" y="18031"/>
                  <a:pt x="3094" y="18046"/>
                  <a:pt x="3106" y="18046"/>
                </a:cubicBezTo>
                <a:cubicBezTo>
                  <a:pt x="3146" y="18046"/>
                  <a:pt x="3208" y="17875"/>
                  <a:pt x="3309" y="17875"/>
                </a:cubicBezTo>
                <a:cubicBezTo>
                  <a:pt x="3328" y="17875"/>
                  <a:pt x="3348" y="17881"/>
                  <a:pt x="3369" y="17894"/>
                </a:cubicBezTo>
                <a:lnTo>
                  <a:pt x="3369" y="17894"/>
                </a:lnTo>
                <a:cubicBezTo>
                  <a:pt x="3263" y="17823"/>
                  <a:pt x="3305" y="17732"/>
                  <a:pt x="3357" y="17643"/>
                </a:cubicBezTo>
                <a:cubicBezTo>
                  <a:pt x="3411" y="17550"/>
                  <a:pt x="3473" y="17457"/>
                  <a:pt x="3394" y="17383"/>
                </a:cubicBezTo>
                <a:lnTo>
                  <a:pt x="3394" y="17383"/>
                </a:lnTo>
                <a:lnTo>
                  <a:pt x="3281" y="17453"/>
                </a:lnTo>
                <a:lnTo>
                  <a:pt x="3394" y="17492"/>
                </a:lnTo>
                <a:cubicBezTo>
                  <a:pt x="3366" y="17548"/>
                  <a:pt x="3346" y="17608"/>
                  <a:pt x="3327" y="17668"/>
                </a:cubicBezTo>
                <a:cubicBezTo>
                  <a:pt x="3311" y="17731"/>
                  <a:pt x="3278" y="17786"/>
                  <a:pt x="3230" y="17828"/>
                </a:cubicBezTo>
                <a:cubicBezTo>
                  <a:pt x="3200" y="17687"/>
                  <a:pt x="3021" y="17747"/>
                  <a:pt x="3012" y="17596"/>
                </a:cubicBezTo>
                <a:cubicBezTo>
                  <a:pt x="3006" y="17505"/>
                  <a:pt x="3019" y="17476"/>
                  <a:pt x="3042" y="17476"/>
                </a:cubicBezTo>
                <a:cubicBezTo>
                  <a:pt x="3054" y="17476"/>
                  <a:pt x="3068" y="17484"/>
                  <a:pt x="3084" y="17497"/>
                </a:cubicBezTo>
                <a:cubicBezTo>
                  <a:pt x="3122" y="17530"/>
                  <a:pt x="3162" y="17589"/>
                  <a:pt x="3175" y="17589"/>
                </a:cubicBezTo>
                <a:cubicBezTo>
                  <a:pt x="3177" y="17589"/>
                  <a:pt x="3178" y="17588"/>
                  <a:pt x="3179" y="17587"/>
                </a:cubicBezTo>
                <a:lnTo>
                  <a:pt x="3156" y="17355"/>
                </a:lnTo>
                <a:lnTo>
                  <a:pt x="2994" y="17406"/>
                </a:lnTo>
                <a:cubicBezTo>
                  <a:pt x="3028" y="17258"/>
                  <a:pt x="3126" y="17082"/>
                  <a:pt x="3244" y="16920"/>
                </a:cubicBezTo>
                <a:cubicBezTo>
                  <a:pt x="3313" y="16879"/>
                  <a:pt x="3355" y="16865"/>
                  <a:pt x="3382" y="16865"/>
                </a:cubicBezTo>
                <a:cubicBezTo>
                  <a:pt x="3448" y="16865"/>
                  <a:pt x="3424" y="16952"/>
                  <a:pt x="3498" y="16952"/>
                </a:cubicBezTo>
                <a:cubicBezTo>
                  <a:pt x="3517" y="16952"/>
                  <a:pt x="3544" y="16945"/>
                  <a:pt x="3582" y="16929"/>
                </a:cubicBezTo>
                <a:cubicBezTo>
                  <a:pt x="3582" y="16818"/>
                  <a:pt x="3517" y="16802"/>
                  <a:pt x="3605" y="16700"/>
                </a:cubicBezTo>
                <a:lnTo>
                  <a:pt x="3605" y="16700"/>
                </a:lnTo>
                <a:cubicBezTo>
                  <a:pt x="3568" y="16704"/>
                  <a:pt x="3540" y="16737"/>
                  <a:pt x="3543" y="16774"/>
                </a:cubicBezTo>
                <a:cubicBezTo>
                  <a:pt x="3540" y="16809"/>
                  <a:pt x="3547" y="16843"/>
                  <a:pt x="3529" y="16864"/>
                </a:cubicBezTo>
                <a:cubicBezTo>
                  <a:pt x="3441" y="16846"/>
                  <a:pt x="3457" y="16783"/>
                  <a:pt x="3475" y="16718"/>
                </a:cubicBezTo>
                <a:cubicBezTo>
                  <a:pt x="3496" y="16654"/>
                  <a:pt x="3524" y="16582"/>
                  <a:pt x="3455" y="16545"/>
                </a:cubicBezTo>
                <a:cubicBezTo>
                  <a:pt x="3463" y="16543"/>
                  <a:pt x="3471" y="16543"/>
                  <a:pt x="3479" y="16543"/>
                </a:cubicBezTo>
                <a:cubicBezTo>
                  <a:pt x="3546" y="16543"/>
                  <a:pt x="3590" y="16585"/>
                  <a:pt x="3619" y="16651"/>
                </a:cubicBezTo>
                <a:cubicBezTo>
                  <a:pt x="3681" y="16451"/>
                  <a:pt x="3802" y="16297"/>
                  <a:pt x="3981" y="16297"/>
                </a:cubicBezTo>
                <a:cubicBezTo>
                  <a:pt x="4003" y="16297"/>
                  <a:pt x="4026" y="16299"/>
                  <a:pt x="4050" y="16304"/>
                </a:cubicBezTo>
                <a:lnTo>
                  <a:pt x="3934" y="16109"/>
                </a:lnTo>
                <a:cubicBezTo>
                  <a:pt x="3986" y="16053"/>
                  <a:pt x="4019" y="16033"/>
                  <a:pt x="4039" y="16033"/>
                </a:cubicBezTo>
                <a:cubicBezTo>
                  <a:pt x="4045" y="16033"/>
                  <a:pt x="4050" y="16034"/>
                  <a:pt x="4054" y="16037"/>
                </a:cubicBezTo>
                <a:cubicBezTo>
                  <a:pt x="4071" y="16054"/>
                  <a:pt x="4073" y="16095"/>
                  <a:pt x="4075" y="16142"/>
                </a:cubicBezTo>
                <a:cubicBezTo>
                  <a:pt x="4077" y="16206"/>
                  <a:pt x="4081" y="16275"/>
                  <a:pt x="4133" y="16275"/>
                </a:cubicBezTo>
                <a:cubicBezTo>
                  <a:pt x="4155" y="16275"/>
                  <a:pt x="4185" y="16263"/>
                  <a:pt x="4226" y="16234"/>
                </a:cubicBezTo>
                <a:cubicBezTo>
                  <a:pt x="4314" y="16135"/>
                  <a:pt x="4383" y="16023"/>
                  <a:pt x="4351" y="15928"/>
                </a:cubicBezTo>
                <a:lnTo>
                  <a:pt x="4351" y="15928"/>
                </a:lnTo>
                <a:lnTo>
                  <a:pt x="4279" y="16021"/>
                </a:lnTo>
                <a:cubicBezTo>
                  <a:pt x="4237" y="15884"/>
                  <a:pt x="4170" y="15847"/>
                  <a:pt x="4191" y="15688"/>
                </a:cubicBezTo>
                <a:cubicBezTo>
                  <a:pt x="4212" y="15667"/>
                  <a:pt x="4234" y="15662"/>
                  <a:pt x="4253" y="15662"/>
                </a:cubicBezTo>
                <a:cubicBezTo>
                  <a:pt x="4269" y="15662"/>
                  <a:pt x="4284" y="15666"/>
                  <a:pt x="4296" y="15666"/>
                </a:cubicBezTo>
                <a:cubicBezTo>
                  <a:pt x="4320" y="15666"/>
                  <a:pt x="4333" y="15653"/>
                  <a:pt x="4323" y="15574"/>
                </a:cubicBezTo>
                <a:cubicBezTo>
                  <a:pt x="4385" y="15532"/>
                  <a:pt x="4434" y="15514"/>
                  <a:pt x="4475" y="15514"/>
                </a:cubicBezTo>
                <a:cubicBezTo>
                  <a:pt x="4578" y="15514"/>
                  <a:pt x="4628" y="15623"/>
                  <a:pt x="4687" y="15725"/>
                </a:cubicBezTo>
                <a:lnTo>
                  <a:pt x="4687" y="15725"/>
                </a:lnTo>
                <a:cubicBezTo>
                  <a:pt x="4730" y="15631"/>
                  <a:pt x="4809" y="15526"/>
                  <a:pt x="4752" y="15463"/>
                </a:cubicBezTo>
                <a:lnTo>
                  <a:pt x="4752" y="15463"/>
                </a:lnTo>
                <a:cubicBezTo>
                  <a:pt x="4791" y="15489"/>
                  <a:pt x="4856" y="15555"/>
                  <a:pt x="4866" y="15631"/>
                </a:cubicBezTo>
                <a:lnTo>
                  <a:pt x="4866" y="15631"/>
                </a:lnTo>
                <a:cubicBezTo>
                  <a:pt x="4627" y="15670"/>
                  <a:pt x="4870" y="15775"/>
                  <a:pt x="4831" y="15775"/>
                </a:cubicBezTo>
                <a:cubicBezTo>
                  <a:pt x="4823" y="15775"/>
                  <a:pt x="4803" y="15770"/>
                  <a:pt x="4763" y="15759"/>
                </a:cubicBezTo>
                <a:lnTo>
                  <a:pt x="4731" y="15795"/>
                </a:lnTo>
                <a:lnTo>
                  <a:pt x="4731" y="15795"/>
                </a:lnTo>
                <a:cubicBezTo>
                  <a:pt x="4716" y="15773"/>
                  <a:pt x="4701" y="15749"/>
                  <a:pt x="4687" y="15725"/>
                </a:cubicBezTo>
                <a:lnTo>
                  <a:pt x="4687" y="15725"/>
                </a:lnTo>
                <a:cubicBezTo>
                  <a:pt x="4664" y="15775"/>
                  <a:pt x="4651" y="15822"/>
                  <a:pt x="4675" y="15857"/>
                </a:cubicBezTo>
                <a:lnTo>
                  <a:pt x="4731" y="15795"/>
                </a:lnTo>
                <a:lnTo>
                  <a:pt x="4731" y="15795"/>
                </a:lnTo>
                <a:cubicBezTo>
                  <a:pt x="4739" y="15805"/>
                  <a:pt x="4746" y="15815"/>
                  <a:pt x="4754" y="15824"/>
                </a:cubicBezTo>
                <a:cubicBezTo>
                  <a:pt x="4780" y="15810"/>
                  <a:pt x="4804" y="15804"/>
                  <a:pt x="4825" y="15804"/>
                </a:cubicBezTo>
                <a:cubicBezTo>
                  <a:pt x="4872" y="15804"/>
                  <a:pt x="4908" y="15834"/>
                  <a:pt x="4935" y="15872"/>
                </a:cubicBezTo>
                <a:lnTo>
                  <a:pt x="4935" y="15872"/>
                </a:lnTo>
                <a:lnTo>
                  <a:pt x="4904" y="15749"/>
                </a:lnTo>
                <a:lnTo>
                  <a:pt x="4904" y="15749"/>
                </a:lnTo>
                <a:lnTo>
                  <a:pt x="5095" y="15810"/>
                </a:lnTo>
                <a:cubicBezTo>
                  <a:pt x="5151" y="15767"/>
                  <a:pt x="5075" y="15653"/>
                  <a:pt x="5141" y="15653"/>
                </a:cubicBezTo>
                <a:cubicBezTo>
                  <a:pt x="5149" y="15653"/>
                  <a:pt x="5159" y="15654"/>
                  <a:pt x="5171" y="15657"/>
                </a:cubicBezTo>
                <a:cubicBezTo>
                  <a:pt x="5319" y="15659"/>
                  <a:pt x="5305" y="15818"/>
                  <a:pt x="5381" y="15818"/>
                </a:cubicBezTo>
                <a:cubicBezTo>
                  <a:pt x="5406" y="15818"/>
                  <a:pt x="5441" y="15801"/>
                  <a:pt x="5495" y="15755"/>
                </a:cubicBezTo>
                <a:cubicBezTo>
                  <a:pt x="5715" y="15549"/>
                  <a:pt x="5458" y="15379"/>
                  <a:pt x="5611" y="15240"/>
                </a:cubicBezTo>
                <a:cubicBezTo>
                  <a:pt x="5603" y="15238"/>
                  <a:pt x="5595" y="15237"/>
                  <a:pt x="5588" y="15237"/>
                </a:cubicBezTo>
                <a:cubicBezTo>
                  <a:pt x="5546" y="15237"/>
                  <a:pt x="5524" y="15275"/>
                  <a:pt x="5486" y="15315"/>
                </a:cubicBezTo>
                <a:cubicBezTo>
                  <a:pt x="5456" y="15210"/>
                  <a:pt x="5333" y="15264"/>
                  <a:pt x="5347" y="15134"/>
                </a:cubicBezTo>
                <a:lnTo>
                  <a:pt x="5347" y="15134"/>
                </a:lnTo>
                <a:cubicBezTo>
                  <a:pt x="5368" y="15140"/>
                  <a:pt x="5388" y="15143"/>
                  <a:pt x="5407" y="15143"/>
                </a:cubicBezTo>
                <a:cubicBezTo>
                  <a:pt x="5469" y="15143"/>
                  <a:pt x="5522" y="15114"/>
                  <a:pt x="5569" y="15071"/>
                </a:cubicBezTo>
                <a:cubicBezTo>
                  <a:pt x="5632" y="15011"/>
                  <a:pt x="5690" y="14946"/>
                  <a:pt x="5739" y="14874"/>
                </a:cubicBezTo>
                <a:cubicBezTo>
                  <a:pt x="5785" y="14965"/>
                  <a:pt x="5922" y="14937"/>
                  <a:pt x="5931" y="15009"/>
                </a:cubicBezTo>
                <a:cubicBezTo>
                  <a:pt x="5963" y="14930"/>
                  <a:pt x="5989" y="14854"/>
                  <a:pt x="5952" y="14777"/>
                </a:cubicBezTo>
                <a:lnTo>
                  <a:pt x="5952" y="14777"/>
                </a:lnTo>
                <a:cubicBezTo>
                  <a:pt x="5905" y="14805"/>
                  <a:pt x="5875" y="14817"/>
                  <a:pt x="5856" y="14817"/>
                </a:cubicBezTo>
                <a:cubicBezTo>
                  <a:pt x="5760" y="14817"/>
                  <a:pt x="5946" y="14523"/>
                  <a:pt x="5810" y="14523"/>
                </a:cubicBezTo>
                <a:cubicBezTo>
                  <a:pt x="5794" y="14523"/>
                  <a:pt x="5774" y="14527"/>
                  <a:pt x="5748" y="14536"/>
                </a:cubicBezTo>
                <a:cubicBezTo>
                  <a:pt x="5917" y="14335"/>
                  <a:pt x="6067" y="14388"/>
                  <a:pt x="6237" y="14321"/>
                </a:cubicBezTo>
                <a:lnTo>
                  <a:pt x="6237" y="14321"/>
                </a:lnTo>
                <a:cubicBezTo>
                  <a:pt x="6255" y="14342"/>
                  <a:pt x="6227" y="14416"/>
                  <a:pt x="6220" y="14467"/>
                </a:cubicBezTo>
                <a:cubicBezTo>
                  <a:pt x="6218" y="14499"/>
                  <a:pt x="6221" y="14522"/>
                  <a:pt x="6247" y="14522"/>
                </a:cubicBezTo>
                <a:cubicBezTo>
                  <a:pt x="6264" y="14522"/>
                  <a:pt x="6290" y="14511"/>
                  <a:pt x="6332" y="14485"/>
                </a:cubicBezTo>
                <a:cubicBezTo>
                  <a:pt x="6362" y="14170"/>
                  <a:pt x="6109" y="14367"/>
                  <a:pt x="6077" y="14075"/>
                </a:cubicBezTo>
                <a:lnTo>
                  <a:pt x="5922" y="14166"/>
                </a:lnTo>
                <a:cubicBezTo>
                  <a:pt x="5741" y="14045"/>
                  <a:pt x="6067" y="13906"/>
                  <a:pt x="6058" y="13841"/>
                </a:cubicBezTo>
                <a:cubicBezTo>
                  <a:pt x="6069" y="13837"/>
                  <a:pt x="6077" y="13835"/>
                  <a:pt x="6083" y="13835"/>
                </a:cubicBezTo>
                <a:cubicBezTo>
                  <a:pt x="6137" y="13835"/>
                  <a:pt x="6030" y="13994"/>
                  <a:pt x="6190" y="14008"/>
                </a:cubicBezTo>
                <a:cubicBezTo>
                  <a:pt x="6325" y="13918"/>
                  <a:pt x="6269" y="13772"/>
                  <a:pt x="6394" y="13746"/>
                </a:cubicBezTo>
                <a:cubicBezTo>
                  <a:pt x="6445" y="13913"/>
                  <a:pt x="6440" y="13830"/>
                  <a:pt x="6471" y="13999"/>
                </a:cubicBezTo>
                <a:cubicBezTo>
                  <a:pt x="6532" y="13923"/>
                  <a:pt x="6569" y="13897"/>
                  <a:pt x="6596" y="13897"/>
                </a:cubicBezTo>
                <a:cubicBezTo>
                  <a:pt x="6649" y="13897"/>
                  <a:pt x="6657" y="14005"/>
                  <a:pt x="6737" y="14005"/>
                </a:cubicBezTo>
                <a:cubicBezTo>
                  <a:pt x="6762" y="14005"/>
                  <a:pt x="6793" y="13995"/>
                  <a:pt x="6834" y="13969"/>
                </a:cubicBezTo>
                <a:cubicBezTo>
                  <a:pt x="6867" y="13885"/>
                  <a:pt x="6735" y="13844"/>
                  <a:pt x="6850" y="13758"/>
                </a:cubicBezTo>
                <a:cubicBezTo>
                  <a:pt x="6776" y="13742"/>
                  <a:pt x="6728" y="13724"/>
                  <a:pt x="6685" y="13724"/>
                </a:cubicBezTo>
                <a:cubicBezTo>
                  <a:pt x="6678" y="13724"/>
                  <a:pt x="6672" y="13725"/>
                  <a:pt x="6665" y="13726"/>
                </a:cubicBezTo>
                <a:cubicBezTo>
                  <a:pt x="6614" y="13730"/>
                  <a:pt x="6570" y="13765"/>
                  <a:pt x="6496" y="13851"/>
                </a:cubicBezTo>
                <a:cubicBezTo>
                  <a:pt x="6433" y="13746"/>
                  <a:pt x="6491" y="13698"/>
                  <a:pt x="6566" y="13647"/>
                </a:cubicBezTo>
                <a:cubicBezTo>
                  <a:pt x="6640" y="13598"/>
                  <a:pt x="6730" y="13552"/>
                  <a:pt x="6730" y="13445"/>
                </a:cubicBezTo>
                <a:lnTo>
                  <a:pt x="6730" y="13445"/>
                </a:lnTo>
                <a:cubicBezTo>
                  <a:pt x="6633" y="13531"/>
                  <a:pt x="6670" y="13445"/>
                  <a:pt x="6605" y="13573"/>
                </a:cubicBezTo>
                <a:cubicBezTo>
                  <a:pt x="6447" y="13464"/>
                  <a:pt x="6392" y="13482"/>
                  <a:pt x="6338" y="13272"/>
                </a:cubicBezTo>
                <a:lnTo>
                  <a:pt x="6338" y="13272"/>
                </a:lnTo>
                <a:cubicBezTo>
                  <a:pt x="6278" y="13417"/>
                  <a:pt x="6396" y="13600"/>
                  <a:pt x="6216" y="13730"/>
                </a:cubicBezTo>
                <a:cubicBezTo>
                  <a:pt x="6030" y="13654"/>
                  <a:pt x="6269" y="13431"/>
                  <a:pt x="6079" y="13267"/>
                </a:cubicBezTo>
                <a:cubicBezTo>
                  <a:pt x="6051" y="13102"/>
                  <a:pt x="6306" y="12973"/>
                  <a:pt x="6454" y="12943"/>
                </a:cubicBezTo>
                <a:cubicBezTo>
                  <a:pt x="6466" y="12813"/>
                  <a:pt x="6512" y="12697"/>
                  <a:pt x="6549" y="12581"/>
                </a:cubicBezTo>
                <a:cubicBezTo>
                  <a:pt x="6568" y="12523"/>
                  <a:pt x="6582" y="12463"/>
                  <a:pt x="6591" y="12403"/>
                </a:cubicBezTo>
                <a:cubicBezTo>
                  <a:pt x="6600" y="12340"/>
                  <a:pt x="6598" y="12275"/>
                  <a:pt x="6586" y="12213"/>
                </a:cubicBezTo>
                <a:cubicBezTo>
                  <a:pt x="6665" y="12180"/>
                  <a:pt x="6730" y="12058"/>
                  <a:pt x="6804" y="11921"/>
                </a:cubicBezTo>
                <a:cubicBezTo>
                  <a:pt x="6843" y="11849"/>
                  <a:pt x="6885" y="11782"/>
                  <a:pt x="6929" y="11715"/>
                </a:cubicBezTo>
                <a:cubicBezTo>
                  <a:pt x="6973" y="11652"/>
                  <a:pt x="7029" y="11597"/>
                  <a:pt x="7094" y="11553"/>
                </a:cubicBezTo>
                <a:cubicBezTo>
                  <a:pt x="7103" y="11556"/>
                  <a:pt x="7113" y="11558"/>
                  <a:pt x="7123" y="11558"/>
                </a:cubicBezTo>
                <a:cubicBezTo>
                  <a:pt x="7197" y="11558"/>
                  <a:pt x="7291" y="11472"/>
                  <a:pt x="7335" y="11472"/>
                </a:cubicBezTo>
                <a:cubicBezTo>
                  <a:pt x="7356" y="11472"/>
                  <a:pt x="7366" y="11490"/>
                  <a:pt x="7361" y="11539"/>
                </a:cubicBezTo>
                <a:lnTo>
                  <a:pt x="7361" y="11539"/>
                </a:lnTo>
                <a:cubicBezTo>
                  <a:pt x="7381" y="11475"/>
                  <a:pt x="7487" y="11325"/>
                  <a:pt x="7383" y="11303"/>
                </a:cubicBezTo>
                <a:lnTo>
                  <a:pt x="7383" y="11303"/>
                </a:lnTo>
                <a:cubicBezTo>
                  <a:pt x="7392" y="11347"/>
                  <a:pt x="7353" y="11347"/>
                  <a:pt x="7321" y="11388"/>
                </a:cubicBezTo>
                <a:lnTo>
                  <a:pt x="7253" y="11256"/>
                </a:lnTo>
                <a:cubicBezTo>
                  <a:pt x="7392" y="11196"/>
                  <a:pt x="7374" y="10957"/>
                  <a:pt x="7529" y="10920"/>
                </a:cubicBezTo>
                <a:lnTo>
                  <a:pt x="7529" y="10920"/>
                </a:lnTo>
                <a:cubicBezTo>
                  <a:pt x="7638" y="10967"/>
                  <a:pt x="7404" y="11152"/>
                  <a:pt x="7562" y="11182"/>
                </a:cubicBezTo>
                <a:cubicBezTo>
                  <a:pt x="7548" y="11113"/>
                  <a:pt x="7552" y="11041"/>
                  <a:pt x="7578" y="10974"/>
                </a:cubicBezTo>
                <a:cubicBezTo>
                  <a:pt x="7606" y="10893"/>
                  <a:pt x="7643" y="10818"/>
                  <a:pt x="7689" y="10747"/>
                </a:cubicBezTo>
                <a:cubicBezTo>
                  <a:pt x="7784" y="10603"/>
                  <a:pt x="7909" y="10478"/>
                  <a:pt x="7999" y="10452"/>
                </a:cubicBezTo>
                <a:cubicBezTo>
                  <a:pt x="8020" y="10441"/>
                  <a:pt x="8041" y="10436"/>
                  <a:pt x="8063" y="10436"/>
                </a:cubicBezTo>
                <a:cubicBezTo>
                  <a:pt x="8140" y="10436"/>
                  <a:pt x="8221" y="10492"/>
                  <a:pt x="8264" y="10492"/>
                </a:cubicBezTo>
                <a:cubicBezTo>
                  <a:pt x="8269" y="10492"/>
                  <a:pt x="8273" y="10491"/>
                  <a:pt x="8277" y="10489"/>
                </a:cubicBezTo>
                <a:lnTo>
                  <a:pt x="8405" y="10350"/>
                </a:lnTo>
                <a:cubicBezTo>
                  <a:pt x="8458" y="10376"/>
                  <a:pt x="8507" y="10422"/>
                  <a:pt x="8581" y="10450"/>
                </a:cubicBezTo>
                <a:cubicBezTo>
                  <a:pt x="8676" y="10415"/>
                  <a:pt x="8680" y="10332"/>
                  <a:pt x="8701" y="10267"/>
                </a:cubicBezTo>
                <a:cubicBezTo>
                  <a:pt x="8743" y="10253"/>
                  <a:pt x="8778" y="10247"/>
                  <a:pt x="8808" y="10247"/>
                </a:cubicBezTo>
                <a:cubicBezTo>
                  <a:pt x="8956" y="10247"/>
                  <a:pt x="8954" y="10406"/>
                  <a:pt x="8944" y="10547"/>
                </a:cubicBezTo>
                <a:lnTo>
                  <a:pt x="8806" y="10598"/>
                </a:lnTo>
                <a:cubicBezTo>
                  <a:pt x="8787" y="10723"/>
                  <a:pt x="8660" y="10798"/>
                  <a:pt x="8829" y="10855"/>
                </a:cubicBezTo>
                <a:cubicBezTo>
                  <a:pt x="8868" y="10795"/>
                  <a:pt x="8822" y="10749"/>
                  <a:pt x="8812" y="10705"/>
                </a:cubicBezTo>
                <a:lnTo>
                  <a:pt x="8812" y="10705"/>
                </a:lnTo>
                <a:lnTo>
                  <a:pt x="8935" y="10716"/>
                </a:lnTo>
                <a:cubicBezTo>
                  <a:pt x="8947" y="10610"/>
                  <a:pt x="9086" y="10432"/>
                  <a:pt x="8984" y="10357"/>
                </a:cubicBezTo>
                <a:cubicBezTo>
                  <a:pt x="9074" y="10334"/>
                  <a:pt x="9137" y="10272"/>
                  <a:pt x="9197" y="10209"/>
                </a:cubicBezTo>
                <a:cubicBezTo>
                  <a:pt x="9257" y="10147"/>
                  <a:pt x="9320" y="10093"/>
                  <a:pt x="9408" y="10079"/>
                </a:cubicBezTo>
                <a:lnTo>
                  <a:pt x="9408" y="10079"/>
                </a:lnTo>
                <a:cubicBezTo>
                  <a:pt x="9404" y="10080"/>
                  <a:pt x="9401" y="10080"/>
                  <a:pt x="9398" y="10080"/>
                </a:cubicBezTo>
                <a:cubicBezTo>
                  <a:pt x="9284" y="10080"/>
                  <a:pt x="9340" y="9964"/>
                  <a:pt x="9255" y="9913"/>
                </a:cubicBezTo>
                <a:lnTo>
                  <a:pt x="9097" y="10003"/>
                </a:lnTo>
                <a:cubicBezTo>
                  <a:pt x="9181" y="9885"/>
                  <a:pt x="9271" y="9679"/>
                  <a:pt x="9429" y="9653"/>
                </a:cubicBezTo>
                <a:cubicBezTo>
                  <a:pt x="9468" y="9723"/>
                  <a:pt x="9482" y="9746"/>
                  <a:pt x="9581" y="9757"/>
                </a:cubicBezTo>
                <a:lnTo>
                  <a:pt x="9581" y="9757"/>
                </a:lnTo>
                <a:cubicBezTo>
                  <a:pt x="9450" y="9742"/>
                  <a:pt x="9644" y="9522"/>
                  <a:pt x="9474" y="9522"/>
                </a:cubicBezTo>
                <a:cubicBezTo>
                  <a:pt x="9462" y="9522"/>
                  <a:pt x="9448" y="9523"/>
                  <a:pt x="9431" y="9526"/>
                </a:cubicBezTo>
                <a:cubicBezTo>
                  <a:pt x="9405" y="9607"/>
                  <a:pt x="9352" y="9679"/>
                  <a:pt x="9278" y="9725"/>
                </a:cubicBezTo>
                <a:cubicBezTo>
                  <a:pt x="9118" y="9642"/>
                  <a:pt x="9222" y="9523"/>
                  <a:pt x="9225" y="9394"/>
                </a:cubicBezTo>
                <a:cubicBezTo>
                  <a:pt x="9283" y="9294"/>
                  <a:pt x="9408" y="9109"/>
                  <a:pt x="9487" y="8970"/>
                </a:cubicBezTo>
                <a:cubicBezTo>
                  <a:pt x="9499" y="8966"/>
                  <a:pt x="9511" y="8964"/>
                  <a:pt x="9525" y="8964"/>
                </a:cubicBezTo>
                <a:cubicBezTo>
                  <a:pt x="9570" y="8964"/>
                  <a:pt x="9620" y="8982"/>
                  <a:pt x="9665" y="8982"/>
                </a:cubicBezTo>
                <a:cubicBezTo>
                  <a:pt x="9713" y="8982"/>
                  <a:pt x="9754" y="8962"/>
                  <a:pt x="9776" y="8877"/>
                </a:cubicBezTo>
                <a:lnTo>
                  <a:pt x="9776" y="8877"/>
                </a:lnTo>
                <a:cubicBezTo>
                  <a:pt x="9773" y="8877"/>
                  <a:pt x="9769" y="8877"/>
                  <a:pt x="9766" y="8877"/>
                </a:cubicBezTo>
                <a:cubicBezTo>
                  <a:pt x="9521" y="8877"/>
                  <a:pt x="9752" y="8546"/>
                  <a:pt x="9688" y="8386"/>
                </a:cubicBezTo>
                <a:cubicBezTo>
                  <a:pt x="9771" y="8363"/>
                  <a:pt x="9797" y="8296"/>
                  <a:pt x="9827" y="8236"/>
                </a:cubicBezTo>
                <a:cubicBezTo>
                  <a:pt x="9852" y="8183"/>
                  <a:pt x="9881" y="8139"/>
                  <a:pt x="9954" y="8139"/>
                </a:cubicBezTo>
                <a:cubicBezTo>
                  <a:pt x="9962" y="8139"/>
                  <a:pt x="9971" y="8139"/>
                  <a:pt x="9980" y="8141"/>
                </a:cubicBezTo>
                <a:cubicBezTo>
                  <a:pt x="9973" y="8185"/>
                  <a:pt x="9922" y="8242"/>
                  <a:pt x="9876" y="8307"/>
                </a:cubicBezTo>
                <a:cubicBezTo>
                  <a:pt x="9832" y="8372"/>
                  <a:pt x="9795" y="8444"/>
                  <a:pt x="9811" y="8511"/>
                </a:cubicBezTo>
                <a:cubicBezTo>
                  <a:pt x="9880" y="8608"/>
                  <a:pt x="10049" y="8717"/>
                  <a:pt x="9910" y="8917"/>
                </a:cubicBezTo>
                <a:cubicBezTo>
                  <a:pt x="10163" y="8782"/>
                  <a:pt x="9973" y="8731"/>
                  <a:pt x="10040" y="8611"/>
                </a:cubicBezTo>
                <a:lnTo>
                  <a:pt x="10040" y="8611"/>
                </a:lnTo>
                <a:lnTo>
                  <a:pt x="9978" y="8685"/>
                </a:lnTo>
                <a:cubicBezTo>
                  <a:pt x="9980" y="8622"/>
                  <a:pt x="9859" y="8606"/>
                  <a:pt x="9924" y="8548"/>
                </a:cubicBezTo>
                <a:cubicBezTo>
                  <a:pt x="10026" y="8476"/>
                  <a:pt x="10144" y="8432"/>
                  <a:pt x="10270" y="8421"/>
                </a:cubicBezTo>
                <a:cubicBezTo>
                  <a:pt x="10369" y="8414"/>
                  <a:pt x="10466" y="8421"/>
                  <a:pt x="10601" y="8412"/>
                </a:cubicBezTo>
                <a:cubicBezTo>
                  <a:pt x="10508" y="8375"/>
                  <a:pt x="10538" y="8249"/>
                  <a:pt x="10575" y="8212"/>
                </a:cubicBezTo>
                <a:cubicBezTo>
                  <a:pt x="10596" y="8208"/>
                  <a:pt x="10614" y="8206"/>
                  <a:pt x="10630" y="8206"/>
                </a:cubicBezTo>
                <a:cubicBezTo>
                  <a:pt x="10798" y="8206"/>
                  <a:pt x="10749" y="8417"/>
                  <a:pt x="10941" y="8470"/>
                </a:cubicBezTo>
                <a:cubicBezTo>
                  <a:pt x="10930" y="8337"/>
                  <a:pt x="11064" y="8270"/>
                  <a:pt x="10974" y="8233"/>
                </a:cubicBezTo>
                <a:cubicBezTo>
                  <a:pt x="10993" y="8217"/>
                  <a:pt x="11006" y="8212"/>
                  <a:pt x="11017" y="8212"/>
                </a:cubicBezTo>
                <a:cubicBezTo>
                  <a:pt x="11040" y="8212"/>
                  <a:pt x="11052" y="8236"/>
                  <a:pt x="11090" y="8236"/>
                </a:cubicBezTo>
                <a:cubicBezTo>
                  <a:pt x="11094" y="8236"/>
                  <a:pt x="11099" y="8236"/>
                  <a:pt x="11103" y="8236"/>
                </a:cubicBezTo>
                <a:cubicBezTo>
                  <a:pt x="11085" y="8124"/>
                  <a:pt x="11101" y="8041"/>
                  <a:pt x="11196" y="7971"/>
                </a:cubicBezTo>
                <a:lnTo>
                  <a:pt x="11196" y="7971"/>
                </a:lnTo>
                <a:cubicBezTo>
                  <a:pt x="11219" y="8020"/>
                  <a:pt x="11252" y="8090"/>
                  <a:pt x="11145" y="8136"/>
                </a:cubicBezTo>
                <a:cubicBezTo>
                  <a:pt x="11163" y="8130"/>
                  <a:pt x="11182" y="8127"/>
                  <a:pt x="11200" y="8127"/>
                </a:cubicBezTo>
                <a:cubicBezTo>
                  <a:pt x="11311" y="8127"/>
                  <a:pt x="11419" y="8226"/>
                  <a:pt x="11435" y="8321"/>
                </a:cubicBezTo>
                <a:lnTo>
                  <a:pt x="11231" y="8391"/>
                </a:lnTo>
                <a:cubicBezTo>
                  <a:pt x="11231" y="8431"/>
                  <a:pt x="11244" y="8444"/>
                  <a:pt x="11264" y="8444"/>
                </a:cubicBezTo>
                <a:cubicBezTo>
                  <a:pt x="11305" y="8444"/>
                  <a:pt x="11376" y="8390"/>
                  <a:pt x="11430" y="8390"/>
                </a:cubicBezTo>
                <a:cubicBezTo>
                  <a:pt x="11449" y="8390"/>
                  <a:pt x="11466" y="8397"/>
                  <a:pt x="11479" y="8416"/>
                </a:cubicBezTo>
                <a:cubicBezTo>
                  <a:pt x="11425" y="8490"/>
                  <a:pt x="11326" y="8472"/>
                  <a:pt x="11300" y="8532"/>
                </a:cubicBezTo>
                <a:cubicBezTo>
                  <a:pt x="11317" y="8541"/>
                  <a:pt x="11333" y="8545"/>
                  <a:pt x="11348" y="8545"/>
                </a:cubicBezTo>
                <a:cubicBezTo>
                  <a:pt x="11441" y="8545"/>
                  <a:pt x="11498" y="8385"/>
                  <a:pt x="11562" y="8324"/>
                </a:cubicBezTo>
                <a:cubicBezTo>
                  <a:pt x="11593" y="8306"/>
                  <a:pt x="11619" y="8298"/>
                  <a:pt x="11640" y="8298"/>
                </a:cubicBezTo>
                <a:cubicBezTo>
                  <a:pt x="11716" y="8298"/>
                  <a:pt x="11741" y="8390"/>
                  <a:pt x="11775" y="8430"/>
                </a:cubicBezTo>
                <a:cubicBezTo>
                  <a:pt x="11816" y="8292"/>
                  <a:pt x="11753" y="8271"/>
                  <a:pt x="11673" y="8271"/>
                </a:cubicBezTo>
                <a:cubicBezTo>
                  <a:pt x="11640" y="8271"/>
                  <a:pt x="11604" y="8275"/>
                  <a:pt x="11571" y="8275"/>
                </a:cubicBezTo>
                <a:cubicBezTo>
                  <a:pt x="11495" y="8275"/>
                  <a:pt x="11436" y="8256"/>
                  <a:pt x="11472" y="8131"/>
                </a:cubicBezTo>
                <a:cubicBezTo>
                  <a:pt x="11467" y="8046"/>
                  <a:pt x="11516" y="7967"/>
                  <a:pt x="11583" y="7895"/>
                </a:cubicBezTo>
                <a:cubicBezTo>
                  <a:pt x="11650" y="7823"/>
                  <a:pt x="11731" y="7756"/>
                  <a:pt x="11794" y="7694"/>
                </a:cubicBezTo>
                <a:cubicBezTo>
                  <a:pt x="11574" y="7647"/>
                  <a:pt x="11669" y="7494"/>
                  <a:pt x="11784" y="7341"/>
                </a:cubicBezTo>
                <a:lnTo>
                  <a:pt x="11784" y="7341"/>
                </a:lnTo>
                <a:cubicBezTo>
                  <a:pt x="11738" y="7373"/>
                  <a:pt x="11704" y="7383"/>
                  <a:pt x="11677" y="7383"/>
                </a:cubicBezTo>
                <a:cubicBezTo>
                  <a:pt x="11633" y="7383"/>
                  <a:pt x="11609" y="7356"/>
                  <a:pt x="11579" y="7356"/>
                </a:cubicBezTo>
                <a:cubicBezTo>
                  <a:pt x="11551" y="7356"/>
                  <a:pt x="11518" y="7380"/>
                  <a:pt x="11458" y="7473"/>
                </a:cubicBezTo>
                <a:lnTo>
                  <a:pt x="11374" y="7369"/>
                </a:lnTo>
                <a:cubicBezTo>
                  <a:pt x="11472" y="7297"/>
                  <a:pt x="11622" y="7265"/>
                  <a:pt x="11720" y="7198"/>
                </a:cubicBezTo>
                <a:cubicBezTo>
                  <a:pt x="11720" y="7242"/>
                  <a:pt x="11761" y="7249"/>
                  <a:pt x="11743" y="7290"/>
                </a:cubicBezTo>
                <a:lnTo>
                  <a:pt x="11995" y="7036"/>
                </a:lnTo>
                <a:lnTo>
                  <a:pt x="12016" y="7128"/>
                </a:lnTo>
                <a:cubicBezTo>
                  <a:pt x="12116" y="7070"/>
                  <a:pt x="12220" y="7022"/>
                  <a:pt x="12327" y="6978"/>
                </a:cubicBezTo>
                <a:cubicBezTo>
                  <a:pt x="12431" y="6934"/>
                  <a:pt x="12519" y="6890"/>
                  <a:pt x="12558" y="6834"/>
                </a:cubicBezTo>
                <a:lnTo>
                  <a:pt x="12558" y="6834"/>
                </a:lnTo>
                <a:cubicBezTo>
                  <a:pt x="12534" y="6855"/>
                  <a:pt x="12503" y="6865"/>
                  <a:pt x="12474" y="6865"/>
                </a:cubicBezTo>
                <a:cubicBezTo>
                  <a:pt x="12408" y="6865"/>
                  <a:pt x="12350" y="6817"/>
                  <a:pt x="12398" y="6753"/>
                </a:cubicBezTo>
                <a:cubicBezTo>
                  <a:pt x="12419" y="6670"/>
                  <a:pt x="12479" y="6549"/>
                  <a:pt x="12570" y="6505"/>
                </a:cubicBezTo>
                <a:cubicBezTo>
                  <a:pt x="12597" y="6526"/>
                  <a:pt x="12633" y="6533"/>
                  <a:pt x="12671" y="6533"/>
                </a:cubicBezTo>
                <a:cubicBezTo>
                  <a:pt x="12735" y="6533"/>
                  <a:pt x="12807" y="6514"/>
                  <a:pt x="12856" y="6514"/>
                </a:cubicBezTo>
                <a:cubicBezTo>
                  <a:pt x="12914" y="6514"/>
                  <a:pt x="12942" y="6539"/>
                  <a:pt x="12896" y="6649"/>
                </a:cubicBezTo>
                <a:cubicBezTo>
                  <a:pt x="12933" y="6607"/>
                  <a:pt x="12970" y="6561"/>
                  <a:pt x="13003" y="6514"/>
                </a:cubicBezTo>
                <a:cubicBezTo>
                  <a:pt x="13019" y="6489"/>
                  <a:pt x="13035" y="6461"/>
                  <a:pt x="13049" y="6433"/>
                </a:cubicBezTo>
                <a:cubicBezTo>
                  <a:pt x="13084" y="6352"/>
                  <a:pt x="13133" y="6280"/>
                  <a:pt x="13191" y="6216"/>
                </a:cubicBezTo>
                <a:lnTo>
                  <a:pt x="13191" y="6216"/>
                </a:lnTo>
                <a:lnTo>
                  <a:pt x="13047" y="6355"/>
                </a:lnTo>
                <a:cubicBezTo>
                  <a:pt x="12965" y="6272"/>
                  <a:pt x="12984" y="6038"/>
                  <a:pt x="12822" y="6038"/>
                </a:cubicBezTo>
                <a:cubicBezTo>
                  <a:pt x="12811" y="6038"/>
                  <a:pt x="12798" y="6039"/>
                  <a:pt x="12785" y="6042"/>
                </a:cubicBezTo>
                <a:cubicBezTo>
                  <a:pt x="12929" y="5857"/>
                  <a:pt x="12690" y="5752"/>
                  <a:pt x="12931" y="5565"/>
                </a:cubicBezTo>
                <a:cubicBezTo>
                  <a:pt x="12932" y="5565"/>
                  <a:pt x="12933" y="5565"/>
                  <a:pt x="12933" y="5565"/>
                </a:cubicBezTo>
                <a:cubicBezTo>
                  <a:pt x="13074" y="5565"/>
                  <a:pt x="13032" y="5795"/>
                  <a:pt x="12908" y="5912"/>
                </a:cubicBezTo>
                <a:cubicBezTo>
                  <a:pt x="12984" y="5873"/>
                  <a:pt x="13086" y="5889"/>
                  <a:pt x="13114" y="5771"/>
                </a:cubicBezTo>
                <a:lnTo>
                  <a:pt x="13114" y="5771"/>
                </a:lnTo>
                <a:cubicBezTo>
                  <a:pt x="13223" y="5822"/>
                  <a:pt x="13077" y="6007"/>
                  <a:pt x="13105" y="6037"/>
                </a:cubicBezTo>
                <a:cubicBezTo>
                  <a:pt x="13239" y="5958"/>
                  <a:pt x="13068" y="5982"/>
                  <a:pt x="13172" y="5875"/>
                </a:cubicBezTo>
                <a:cubicBezTo>
                  <a:pt x="13214" y="5799"/>
                  <a:pt x="13252" y="5776"/>
                  <a:pt x="13291" y="5776"/>
                </a:cubicBezTo>
                <a:cubicBezTo>
                  <a:pt x="13347" y="5776"/>
                  <a:pt x="13403" y="5827"/>
                  <a:pt x="13464" y="5827"/>
                </a:cubicBezTo>
                <a:cubicBezTo>
                  <a:pt x="13499" y="5827"/>
                  <a:pt x="13535" y="5810"/>
                  <a:pt x="13575" y="5759"/>
                </a:cubicBezTo>
                <a:lnTo>
                  <a:pt x="13575" y="5759"/>
                </a:lnTo>
                <a:cubicBezTo>
                  <a:pt x="13556" y="5775"/>
                  <a:pt x="13524" y="5788"/>
                  <a:pt x="13498" y="5788"/>
                </a:cubicBezTo>
                <a:cubicBezTo>
                  <a:pt x="13467" y="5788"/>
                  <a:pt x="13445" y="5771"/>
                  <a:pt x="13457" y="5727"/>
                </a:cubicBezTo>
                <a:cubicBezTo>
                  <a:pt x="13506" y="5699"/>
                  <a:pt x="13552" y="5662"/>
                  <a:pt x="13589" y="5620"/>
                </a:cubicBezTo>
                <a:cubicBezTo>
                  <a:pt x="13610" y="5599"/>
                  <a:pt x="13621" y="5572"/>
                  <a:pt x="13626" y="5542"/>
                </a:cubicBezTo>
                <a:cubicBezTo>
                  <a:pt x="13635" y="5491"/>
                  <a:pt x="13631" y="5440"/>
                  <a:pt x="13716" y="5352"/>
                </a:cubicBezTo>
                <a:cubicBezTo>
                  <a:pt x="13891" y="5420"/>
                  <a:pt x="13952" y="5570"/>
                  <a:pt x="14090" y="5570"/>
                </a:cubicBezTo>
                <a:cubicBezTo>
                  <a:pt x="14116" y="5570"/>
                  <a:pt x="14143" y="5565"/>
                  <a:pt x="14175" y="5553"/>
                </a:cubicBezTo>
                <a:lnTo>
                  <a:pt x="14175" y="5553"/>
                </a:lnTo>
                <a:lnTo>
                  <a:pt x="14073" y="5611"/>
                </a:lnTo>
                <a:cubicBezTo>
                  <a:pt x="14118" y="5624"/>
                  <a:pt x="14161" y="5630"/>
                  <a:pt x="14200" y="5630"/>
                </a:cubicBezTo>
                <a:cubicBezTo>
                  <a:pt x="14263" y="5630"/>
                  <a:pt x="14318" y="5614"/>
                  <a:pt x="14363" y="5586"/>
                </a:cubicBezTo>
                <a:cubicBezTo>
                  <a:pt x="14437" y="5493"/>
                  <a:pt x="14506" y="5403"/>
                  <a:pt x="14571" y="5310"/>
                </a:cubicBezTo>
                <a:cubicBezTo>
                  <a:pt x="14636" y="5215"/>
                  <a:pt x="14699" y="5120"/>
                  <a:pt x="14761" y="5023"/>
                </a:cubicBezTo>
                <a:cubicBezTo>
                  <a:pt x="14824" y="4928"/>
                  <a:pt x="14889" y="4830"/>
                  <a:pt x="14958" y="4735"/>
                </a:cubicBezTo>
                <a:cubicBezTo>
                  <a:pt x="14977" y="4712"/>
                  <a:pt x="14993" y="4689"/>
                  <a:pt x="15011" y="4666"/>
                </a:cubicBezTo>
                <a:cubicBezTo>
                  <a:pt x="15030" y="4643"/>
                  <a:pt x="15048" y="4622"/>
                  <a:pt x="15069" y="4599"/>
                </a:cubicBezTo>
                <a:cubicBezTo>
                  <a:pt x="15109" y="4555"/>
                  <a:pt x="15148" y="4513"/>
                  <a:pt x="15192" y="4469"/>
                </a:cubicBezTo>
                <a:lnTo>
                  <a:pt x="15192" y="4469"/>
                </a:lnTo>
                <a:lnTo>
                  <a:pt x="15069" y="4583"/>
                </a:lnTo>
                <a:cubicBezTo>
                  <a:pt x="14990" y="4555"/>
                  <a:pt x="15155" y="4450"/>
                  <a:pt x="15120" y="4393"/>
                </a:cubicBezTo>
                <a:lnTo>
                  <a:pt x="15120" y="4393"/>
                </a:lnTo>
                <a:lnTo>
                  <a:pt x="15250" y="4413"/>
                </a:lnTo>
                <a:cubicBezTo>
                  <a:pt x="15213" y="4286"/>
                  <a:pt x="14986" y="4416"/>
                  <a:pt x="14979" y="4277"/>
                </a:cubicBezTo>
                <a:lnTo>
                  <a:pt x="14979" y="4277"/>
                </a:lnTo>
                <a:cubicBezTo>
                  <a:pt x="14983" y="4278"/>
                  <a:pt x="14988" y="4278"/>
                  <a:pt x="14992" y="4278"/>
                </a:cubicBezTo>
                <a:cubicBezTo>
                  <a:pt x="15013" y="4278"/>
                  <a:pt x="15032" y="4269"/>
                  <a:pt x="15044" y="4254"/>
                </a:cubicBezTo>
                <a:lnTo>
                  <a:pt x="15044" y="4254"/>
                </a:lnTo>
                <a:lnTo>
                  <a:pt x="14939" y="4265"/>
                </a:lnTo>
                <a:cubicBezTo>
                  <a:pt x="15120" y="4208"/>
                  <a:pt x="15179" y="3995"/>
                  <a:pt x="15340" y="3995"/>
                </a:cubicBezTo>
                <a:cubicBezTo>
                  <a:pt x="15369" y="3995"/>
                  <a:pt x="15401" y="4001"/>
                  <a:pt x="15438" y="4017"/>
                </a:cubicBezTo>
                <a:cubicBezTo>
                  <a:pt x="15086" y="4234"/>
                  <a:pt x="15530" y="4375"/>
                  <a:pt x="15250" y="4613"/>
                </a:cubicBezTo>
                <a:lnTo>
                  <a:pt x="15250" y="4613"/>
                </a:lnTo>
                <a:cubicBezTo>
                  <a:pt x="15274" y="4596"/>
                  <a:pt x="15292" y="4588"/>
                  <a:pt x="15306" y="4588"/>
                </a:cubicBezTo>
                <a:cubicBezTo>
                  <a:pt x="15368" y="4588"/>
                  <a:pt x="15334" y="4746"/>
                  <a:pt x="15370" y="4777"/>
                </a:cubicBezTo>
                <a:cubicBezTo>
                  <a:pt x="15484" y="4747"/>
                  <a:pt x="15373" y="4664"/>
                  <a:pt x="15505" y="4640"/>
                </a:cubicBezTo>
                <a:lnTo>
                  <a:pt x="15505" y="4640"/>
                </a:lnTo>
                <a:cubicBezTo>
                  <a:pt x="15546" y="4724"/>
                  <a:pt x="15345" y="4928"/>
                  <a:pt x="15484" y="4930"/>
                </a:cubicBezTo>
                <a:cubicBezTo>
                  <a:pt x="15428" y="4796"/>
                  <a:pt x="15542" y="4768"/>
                  <a:pt x="15544" y="4654"/>
                </a:cubicBezTo>
                <a:cubicBezTo>
                  <a:pt x="15550" y="4654"/>
                  <a:pt x="15555" y="4653"/>
                  <a:pt x="15560" y="4653"/>
                </a:cubicBezTo>
                <a:cubicBezTo>
                  <a:pt x="15639" y="4653"/>
                  <a:pt x="15589" y="4739"/>
                  <a:pt x="15644" y="4759"/>
                </a:cubicBezTo>
                <a:cubicBezTo>
                  <a:pt x="15685" y="4728"/>
                  <a:pt x="15683" y="4657"/>
                  <a:pt x="15734" y="4652"/>
                </a:cubicBezTo>
                <a:lnTo>
                  <a:pt x="15743" y="4747"/>
                </a:lnTo>
                <a:cubicBezTo>
                  <a:pt x="15889" y="4742"/>
                  <a:pt x="15892" y="4703"/>
                  <a:pt x="15892" y="4652"/>
                </a:cubicBezTo>
                <a:cubicBezTo>
                  <a:pt x="15889" y="4622"/>
                  <a:pt x="15896" y="4594"/>
                  <a:pt x="15910" y="4569"/>
                </a:cubicBezTo>
                <a:cubicBezTo>
                  <a:pt x="15922" y="4550"/>
                  <a:pt x="15936" y="4536"/>
                  <a:pt x="15952" y="4525"/>
                </a:cubicBezTo>
                <a:cubicBezTo>
                  <a:pt x="15977" y="4508"/>
                  <a:pt x="16005" y="4494"/>
                  <a:pt x="16035" y="4485"/>
                </a:cubicBezTo>
                <a:cubicBezTo>
                  <a:pt x="16018" y="4444"/>
                  <a:pt x="15997" y="4428"/>
                  <a:pt x="15972" y="4428"/>
                </a:cubicBezTo>
                <a:cubicBezTo>
                  <a:pt x="15932" y="4428"/>
                  <a:pt x="15882" y="4472"/>
                  <a:pt x="15820" y="4522"/>
                </a:cubicBezTo>
                <a:cubicBezTo>
                  <a:pt x="15732" y="4423"/>
                  <a:pt x="15783" y="4311"/>
                  <a:pt x="15841" y="4200"/>
                </a:cubicBezTo>
                <a:cubicBezTo>
                  <a:pt x="15898" y="4089"/>
                  <a:pt x="15961" y="3973"/>
                  <a:pt x="15887" y="3853"/>
                </a:cubicBezTo>
                <a:cubicBezTo>
                  <a:pt x="15939" y="3816"/>
                  <a:pt x="15968" y="3802"/>
                  <a:pt x="15983" y="3802"/>
                </a:cubicBezTo>
                <a:cubicBezTo>
                  <a:pt x="16030" y="3802"/>
                  <a:pt x="15943" y="3945"/>
                  <a:pt x="16073" y="3945"/>
                </a:cubicBezTo>
                <a:cubicBezTo>
                  <a:pt x="16086" y="3945"/>
                  <a:pt x="16101" y="3944"/>
                  <a:pt x="16119" y="3941"/>
                </a:cubicBezTo>
                <a:lnTo>
                  <a:pt x="16119" y="3941"/>
                </a:lnTo>
                <a:cubicBezTo>
                  <a:pt x="16315" y="4038"/>
                  <a:pt x="16042" y="4189"/>
                  <a:pt x="16044" y="4328"/>
                </a:cubicBezTo>
                <a:lnTo>
                  <a:pt x="16318" y="4316"/>
                </a:lnTo>
                <a:lnTo>
                  <a:pt x="16318" y="4316"/>
                </a:lnTo>
                <a:cubicBezTo>
                  <a:pt x="16348" y="4557"/>
                  <a:pt x="16174" y="4562"/>
                  <a:pt x="16232" y="4766"/>
                </a:cubicBezTo>
                <a:cubicBezTo>
                  <a:pt x="16401" y="4694"/>
                  <a:pt x="16355" y="4652"/>
                  <a:pt x="16487" y="4494"/>
                </a:cubicBezTo>
                <a:cubicBezTo>
                  <a:pt x="16139" y="4478"/>
                  <a:pt x="16542" y="4309"/>
                  <a:pt x="16288" y="4189"/>
                </a:cubicBezTo>
                <a:cubicBezTo>
                  <a:pt x="16302" y="4188"/>
                  <a:pt x="16314" y="4187"/>
                  <a:pt x="16325" y="4187"/>
                </a:cubicBezTo>
                <a:cubicBezTo>
                  <a:pt x="16383" y="4187"/>
                  <a:pt x="16411" y="4199"/>
                  <a:pt x="16447" y="4199"/>
                </a:cubicBezTo>
                <a:cubicBezTo>
                  <a:pt x="16481" y="4199"/>
                  <a:pt x="16523" y="4188"/>
                  <a:pt x="16605" y="4147"/>
                </a:cubicBezTo>
                <a:lnTo>
                  <a:pt x="16605" y="4147"/>
                </a:lnTo>
                <a:cubicBezTo>
                  <a:pt x="16510" y="4251"/>
                  <a:pt x="16681" y="4316"/>
                  <a:pt x="16531" y="4397"/>
                </a:cubicBezTo>
                <a:cubicBezTo>
                  <a:pt x="16603" y="4360"/>
                  <a:pt x="16668" y="4311"/>
                  <a:pt x="16725" y="4254"/>
                </a:cubicBezTo>
                <a:cubicBezTo>
                  <a:pt x="16746" y="4230"/>
                  <a:pt x="16769" y="4212"/>
                  <a:pt x="16793" y="4193"/>
                </a:cubicBezTo>
                <a:cubicBezTo>
                  <a:pt x="16834" y="4163"/>
                  <a:pt x="16878" y="4135"/>
                  <a:pt x="16922" y="4112"/>
                </a:cubicBezTo>
                <a:cubicBezTo>
                  <a:pt x="16932" y="3929"/>
                  <a:pt x="16580" y="4043"/>
                  <a:pt x="16832" y="3795"/>
                </a:cubicBezTo>
                <a:cubicBezTo>
                  <a:pt x="16845" y="3788"/>
                  <a:pt x="16856" y="3786"/>
                  <a:pt x="16865" y="3786"/>
                </a:cubicBezTo>
                <a:cubicBezTo>
                  <a:pt x="16900" y="3786"/>
                  <a:pt x="16903" y="3828"/>
                  <a:pt x="16871" y="3841"/>
                </a:cubicBezTo>
                <a:cubicBezTo>
                  <a:pt x="17115" y="3797"/>
                  <a:pt x="16742" y="3681"/>
                  <a:pt x="16844" y="3542"/>
                </a:cubicBezTo>
                <a:cubicBezTo>
                  <a:pt x="16874" y="3520"/>
                  <a:pt x="16902" y="3511"/>
                  <a:pt x="16924" y="3511"/>
                </a:cubicBezTo>
                <a:cubicBezTo>
                  <a:pt x="16963" y="3511"/>
                  <a:pt x="16984" y="3541"/>
                  <a:pt x="16969" y="3575"/>
                </a:cubicBezTo>
                <a:cubicBezTo>
                  <a:pt x="17073" y="3427"/>
                  <a:pt x="16948" y="3366"/>
                  <a:pt x="17029" y="3290"/>
                </a:cubicBezTo>
                <a:lnTo>
                  <a:pt x="17029" y="3290"/>
                </a:lnTo>
                <a:lnTo>
                  <a:pt x="16978" y="3292"/>
                </a:lnTo>
                <a:cubicBezTo>
                  <a:pt x="16999" y="3230"/>
                  <a:pt x="16790" y="3077"/>
                  <a:pt x="16994" y="2968"/>
                </a:cubicBezTo>
                <a:cubicBezTo>
                  <a:pt x="17031" y="2951"/>
                  <a:pt x="17058" y="2944"/>
                  <a:pt x="17079" y="2944"/>
                </a:cubicBezTo>
                <a:cubicBezTo>
                  <a:pt x="17144" y="2944"/>
                  <a:pt x="17142" y="3014"/>
                  <a:pt x="17163" y="3049"/>
                </a:cubicBezTo>
                <a:cubicBezTo>
                  <a:pt x="17200" y="3003"/>
                  <a:pt x="17256" y="2973"/>
                  <a:pt x="17314" y="2963"/>
                </a:cubicBezTo>
                <a:cubicBezTo>
                  <a:pt x="17339" y="2959"/>
                  <a:pt x="17364" y="2957"/>
                  <a:pt x="17389" y="2957"/>
                </a:cubicBezTo>
                <a:cubicBezTo>
                  <a:pt x="17417" y="2957"/>
                  <a:pt x="17446" y="2960"/>
                  <a:pt x="17474" y="2966"/>
                </a:cubicBezTo>
                <a:cubicBezTo>
                  <a:pt x="17453" y="2940"/>
                  <a:pt x="17448" y="2908"/>
                  <a:pt x="17485" y="2889"/>
                </a:cubicBezTo>
                <a:cubicBezTo>
                  <a:pt x="17530" y="2856"/>
                  <a:pt x="17563" y="2844"/>
                  <a:pt x="17589" y="2844"/>
                </a:cubicBezTo>
                <a:cubicBezTo>
                  <a:pt x="17665" y="2844"/>
                  <a:pt x="17676" y="2952"/>
                  <a:pt x="17733" y="2952"/>
                </a:cubicBezTo>
                <a:cubicBezTo>
                  <a:pt x="17736" y="2952"/>
                  <a:pt x="17738" y="2952"/>
                  <a:pt x="17740" y="2952"/>
                </a:cubicBezTo>
                <a:cubicBezTo>
                  <a:pt x="18060" y="2901"/>
                  <a:pt x="17587" y="2695"/>
                  <a:pt x="17907" y="2546"/>
                </a:cubicBezTo>
                <a:lnTo>
                  <a:pt x="17907" y="2546"/>
                </a:lnTo>
                <a:lnTo>
                  <a:pt x="17511" y="2662"/>
                </a:lnTo>
                <a:cubicBezTo>
                  <a:pt x="17497" y="2596"/>
                  <a:pt x="17465" y="2502"/>
                  <a:pt x="17405" y="2502"/>
                </a:cubicBezTo>
                <a:cubicBezTo>
                  <a:pt x="17395" y="2502"/>
                  <a:pt x="17385" y="2504"/>
                  <a:pt x="17374" y="2509"/>
                </a:cubicBezTo>
                <a:cubicBezTo>
                  <a:pt x="17413" y="2623"/>
                  <a:pt x="17321" y="2773"/>
                  <a:pt x="17189" y="2810"/>
                </a:cubicBezTo>
                <a:cubicBezTo>
                  <a:pt x="17096" y="2702"/>
                  <a:pt x="17467" y="2523"/>
                  <a:pt x="17191" y="2481"/>
                </a:cubicBezTo>
                <a:cubicBezTo>
                  <a:pt x="17279" y="2470"/>
                  <a:pt x="17369" y="2389"/>
                  <a:pt x="17469" y="2359"/>
                </a:cubicBezTo>
                <a:lnTo>
                  <a:pt x="17469" y="2359"/>
                </a:lnTo>
                <a:cubicBezTo>
                  <a:pt x="17459" y="2406"/>
                  <a:pt x="17477" y="2420"/>
                  <a:pt x="17506" y="2420"/>
                </a:cubicBezTo>
                <a:cubicBezTo>
                  <a:pt x="17553" y="2420"/>
                  <a:pt x="17628" y="2385"/>
                  <a:pt x="17671" y="2385"/>
                </a:cubicBezTo>
                <a:cubicBezTo>
                  <a:pt x="17702" y="2385"/>
                  <a:pt x="17716" y="2405"/>
                  <a:pt x="17684" y="2475"/>
                </a:cubicBezTo>
                <a:cubicBezTo>
                  <a:pt x="17766" y="2431"/>
                  <a:pt x="17849" y="2393"/>
                  <a:pt x="17935" y="2359"/>
                </a:cubicBezTo>
                <a:cubicBezTo>
                  <a:pt x="18006" y="2333"/>
                  <a:pt x="18067" y="2315"/>
                  <a:pt x="18127" y="2294"/>
                </a:cubicBezTo>
                <a:cubicBezTo>
                  <a:pt x="18271" y="2248"/>
                  <a:pt x="18407" y="2176"/>
                  <a:pt x="18525" y="2083"/>
                </a:cubicBezTo>
                <a:lnTo>
                  <a:pt x="18525" y="2083"/>
                </a:lnTo>
                <a:cubicBezTo>
                  <a:pt x="18523" y="2178"/>
                  <a:pt x="18368" y="2493"/>
                  <a:pt x="18143" y="2509"/>
                </a:cubicBezTo>
                <a:lnTo>
                  <a:pt x="18097" y="2440"/>
                </a:lnTo>
                <a:lnTo>
                  <a:pt x="18097" y="2440"/>
                </a:lnTo>
                <a:cubicBezTo>
                  <a:pt x="18006" y="2523"/>
                  <a:pt x="18036" y="2536"/>
                  <a:pt x="18100" y="2536"/>
                </a:cubicBezTo>
                <a:cubicBezTo>
                  <a:pt x="18130" y="2536"/>
                  <a:pt x="18167" y="2533"/>
                  <a:pt x="18203" y="2533"/>
                </a:cubicBezTo>
                <a:cubicBezTo>
                  <a:pt x="18269" y="2533"/>
                  <a:pt x="18330" y="2543"/>
                  <a:pt x="18333" y="2597"/>
                </a:cubicBezTo>
                <a:cubicBezTo>
                  <a:pt x="18444" y="2431"/>
                  <a:pt x="18623" y="2387"/>
                  <a:pt x="18817" y="2356"/>
                </a:cubicBezTo>
                <a:cubicBezTo>
                  <a:pt x="18914" y="2340"/>
                  <a:pt x="19014" y="2333"/>
                  <a:pt x="19114" y="2312"/>
                </a:cubicBezTo>
                <a:cubicBezTo>
                  <a:pt x="19213" y="2296"/>
                  <a:pt x="19308" y="2261"/>
                  <a:pt x="19396" y="2208"/>
                </a:cubicBezTo>
                <a:cubicBezTo>
                  <a:pt x="19304" y="2164"/>
                  <a:pt x="19362" y="2095"/>
                  <a:pt x="19352" y="2016"/>
                </a:cubicBezTo>
                <a:lnTo>
                  <a:pt x="19352" y="2016"/>
                </a:lnTo>
                <a:cubicBezTo>
                  <a:pt x="19260" y="2063"/>
                  <a:pt x="19241" y="2087"/>
                  <a:pt x="19202" y="2087"/>
                </a:cubicBezTo>
                <a:cubicBezTo>
                  <a:pt x="19180" y="2087"/>
                  <a:pt x="19151" y="2079"/>
                  <a:pt x="19097" y="2062"/>
                </a:cubicBezTo>
                <a:cubicBezTo>
                  <a:pt x="19084" y="1958"/>
                  <a:pt x="19188" y="1960"/>
                  <a:pt x="19211" y="1872"/>
                </a:cubicBezTo>
                <a:cubicBezTo>
                  <a:pt x="19211" y="1839"/>
                  <a:pt x="19202" y="1827"/>
                  <a:pt x="19187" y="1827"/>
                </a:cubicBezTo>
                <a:cubicBezTo>
                  <a:pt x="19155" y="1827"/>
                  <a:pt x="19095" y="1883"/>
                  <a:pt x="19044" y="1883"/>
                </a:cubicBezTo>
                <a:cubicBezTo>
                  <a:pt x="19036" y="1883"/>
                  <a:pt x="19027" y="1881"/>
                  <a:pt x="19019" y="1877"/>
                </a:cubicBezTo>
                <a:cubicBezTo>
                  <a:pt x="19144" y="1768"/>
                  <a:pt x="19125" y="1759"/>
                  <a:pt x="19179" y="1638"/>
                </a:cubicBezTo>
                <a:cubicBezTo>
                  <a:pt x="19290" y="1692"/>
                  <a:pt x="19297" y="1745"/>
                  <a:pt x="19394" y="1817"/>
                </a:cubicBezTo>
                <a:cubicBezTo>
                  <a:pt x="19759" y="1704"/>
                  <a:pt x="19657" y="1528"/>
                  <a:pt x="19958" y="1465"/>
                </a:cubicBezTo>
                <a:lnTo>
                  <a:pt x="19958" y="1465"/>
                </a:lnTo>
                <a:cubicBezTo>
                  <a:pt x="19814" y="1496"/>
                  <a:pt x="20012" y="1537"/>
                  <a:pt x="19935" y="1563"/>
                </a:cubicBezTo>
                <a:lnTo>
                  <a:pt x="19935" y="1563"/>
                </a:lnTo>
                <a:lnTo>
                  <a:pt x="19987" y="1553"/>
                </a:lnTo>
                <a:lnTo>
                  <a:pt x="19987" y="1553"/>
                </a:lnTo>
                <a:cubicBezTo>
                  <a:pt x="19934" y="1615"/>
                  <a:pt x="19873" y="1671"/>
                  <a:pt x="19809" y="1719"/>
                </a:cubicBezTo>
                <a:lnTo>
                  <a:pt x="19709" y="1794"/>
                </a:lnTo>
                <a:cubicBezTo>
                  <a:pt x="19674" y="1819"/>
                  <a:pt x="19644" y="1844"/>
                  <a:pt x="19616" y="1868"/>
                </a:cubicBezTo>
                <a:cubicBezTo>
                  <a:pt x="19501" y="1967"/>
                  <a:pt x="19429" y="2067"/>
                  <a:pt x="19496" y="2187"/>
                </a:cubicBezTo>
                <a:cubicBezTo>
                  <a:pt x="19591" y="2136"/>
                  <a:pt x="19663" y="2062"/>
                  <a:pt x="19744" y="1988"/>
                </a:cubicBezTo>
                <a:cubicBezTo>
                  <a:pt x="19825" y="1907"/>
                  <a:pt x="19924" y="1842"/>
                  <a:pt x="20033" y="1800"/>
                </a:cubicBezTo>
                <a:lnTo>
                  <a:pt x="20038" y="1851"/>
                </a:lnTo>
                <a:cubicBezTo>
                  <a:pt x="20223" y="1800"/>
                  <a:pt x="20015" y="1789"/>
                  <a:pt x="20040" y="1731"/>
                </a:cubicBezTo>
                <a:cubicBezTo>
                  <a:pt x="20078" y="1697"/>
                  <a:pt x="20116" y="1685"/>
                  <a:pt x="20153" y="1685"/>
                </a:cubicBezTo>
                <a:cubicBezTo>
                  <a:pt x="20235" y="1685"/>
                  <a:pt x="20313" y="1745"/>
                  <a:pt x="20374" y="1745"/>
                </a:cubicBezTo>
                <a:cubicBezTo>
                  <a:pt x="20411" y="1745"/>
                  <a:pt x="20441" y="1724"/>
                  <a:pt x="20464" y="1657"/>
                </a:cubicBezTo>
                <a:lnTo>
                  <a:pt x="20464" y="1657"/>
                </a:lnTo>
                <a:lnTo>
                  <a:pt x="20244" y="1689"/>
                </a:lnTo>
                <a:cubicBezTo>
                  <a:pt x="20367" y="1529"/>
                  <a:pt x="20193" y="1685"/>
                  <a:pt x="20172" y="1502"/>
                </a:cubicBezTo>
                <a:cubicBezTo>
                  <a:pt x="20290" y="1390"/>
                  <a:pt x="20478" y="1312"/>
                  <a:pt x="20682" y="1238"/>
                </a:cubicBezTo>
                <a:cubicBezTo>
                  <a:pt x="20888" y="1166"/>
                  <a:pt x="21106" y="1085"/>
                  <a:pt x="21289" y="960"/>
                </a:cubicBezTo>
                <a:cubicBezTo>
                  <a:pt x="21216" y="931"/>
                  <a:pt x="21172" y="919"/>
                  <a:pt x="21126" y="919"/>
                </a:cubicBezTo>
                <a:cubicBezTo>
                  <a:pt x="21081" y="919"/>
                  <a:pt x="21034" y="931"/>
                  <a:pt x="20958" y="950"/>
                </a:cubicBezTo>
                <a:cubicBezTo>
                  <a:pt x="20955" y="696"/>
                  <a:pt x="21027" y="709"/>
                  <a:pt x="20893" y="533"/>
                </a:cubicBezTo>
                <a:lnTo>
                  <a:pt x="20700" y="582"/>
                </a:lnTo>
                <a:lnTo>
                  <a:pt x="20631" y="367"/>
                </a:lnTo>
                <a:cubicBezTo>
                  <a:pt x="20669" y="353"/>
                  <a:pt x="20708" y="345"/>
                  <a:pt x="20748" y="345"/>
                </a:cubicBezTo>
                <a:cubicBezTo>
                  <a:pt x="20761" y="345"/>
                  <a:pt x="20775" y="346"/>
                  <a:pt x="20788" y="348"/>
                </a:cubicBezTo>
                <a:cubicBezTo>
                  <a:pt x="20772" y="204"/>
                  <a:pt x="21087" y="302"/>
                  <a:pt x="21062" y="167"/>
                </a:cubicBezTo>
                <a:lnTo>
                  <a:pt x="21062" y="167"/>
                </a:lnTo>
                <a:lnTo>
                  <a:pt x="20907" y="237"/>
                </a:lnTo>
                <a:cubicBezTo>
                  <a:pt x="20793" y="149"/>
                  <a:pt x="20985" y="100"/>
                  <a:pt x="21090" y="28"/>
                </a:cubicBezTo>
                <a:cubicBezTo>
                  <a:pt x="21061" y="8"/>
                  <a:pt x="21032" y="0"/>
                  <a:pt x="21000"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54" name="Google Shape;454;p24"/>
          <p:cNvSpPr txBox="1">
            <a:spLocks noGrp="1"/>
          </p:cNvSpPr>
          <p:nvPr>
            <p:ph type="title"/>
          </p:nvPr>
        </p:nvSpPr>
        <p:spPr>
          <a:xfrm>
            <a:off x="1805475" y="1378050"/>
            <a:ext cx="2621400" cy="527700"/>
          </a:xfrm>
          <a:prstGeom prst="rect">
            <a:avLst/>
          </a:prstGeom>
        </p:spPr>
        <p:txBody>
          <a:bodyPr spcFirstLastPara="1" wrap="square" lIns="91425" tIns="91425" rIns="91425" bIns="91425" anchor="ctr" anchorCtr="0">
            <a:noAutofit/>
          </a:bodyPr>
          <a:lstStyle>
            <a:lvl1pPr lvl="0"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55" name="Google Shape;455;p24"/>
          <p:cNvSpPr txBox="1">
            <a:spLocks noGrp="1"/>
          </p:cNvSpPr>
          <p:nvPr>
            <p:ph type="subTitle" idx="1"/>
          </p:nvPr>
        </p:nvSpPr>
        <p:spPr>
          <a:xfrm>
            <a:off x="1805475" y="1964575"/>
            <a:ext cx="2621400" cy="484800"/>
          </a:xfrm>
          <a:prstGeom prst="rect">
            <a:avLst/>
          </a:prstGeom>
        </p:spPr>
        <p:txBody>
          <a:bodyPr spcFirstLastPara="1" wrap="square" lIns="91425" tIns="91425" rIns="91425" bIns="91425" anchor="ctr" anchorCtr="0">
            <a:noAutofit/>
          </a:bodyPr>
          <a:lstStyle>
            <a:lvl1pPr lvl="0"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56" name="Google Shape;456;p24"/>
          <p:cNvSpPr txBox="1">
            <a:spLocks noGrp="1"/>
          </p:cNvSpPr>
          <p:nvPr>
            <p:ph type="title" idx="2"/>
          </p:nvPr>
        </p:nvSpPr>
        <p:spPr>
          <a:xfrm>
            <a:off x="4716975" y="1378050"/>
            <a:ext cx="2621400" cy="527700"/>
          </a:xfrm>
          <a:prstGeom prst="rect">
            <a:avLst/>
          </a:prstGeom>
        </p:spPr>
        <p:txBody>
          <a:bodyPr spcFirstLastPara="1" wrap="square" lIns="91425" tIns="91425" rIns="91425" bIns="91425" anchor="ctr" anchorCtr="0">
            <a:noAutofit/>
          </a:bodyPr>
          <a:lstStyle>
            <a:lvl1pPr lvl="0" algn="r"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57" name="Google Shape;457;p24"/>
          <p:cNvSpPr txBox="1">
            <a:spLocks noGrp="1"/>
          </p:cNvSpPr>
          <p:nvPr>
            <p:ph type="subTitle" idx="3"/>
          </p:nvPr>
        </p:nvSpPr>
        <p:spPr>
          <a:xfrm>
            <a:off x="4716975" y="1964575"/>
            <a:ext cx="2621400" cy="484800"/>
          </a:xfrm>
          <a:prstGeom prst="rect">
            <a:avLst/>
          </a:prstGeom>
        </p:spPr>
        <p:txBody>
          <a:bodyPr spcFirstLastPara="1" wrap="square" lIns="91425" tIns="91425" rIns="91425" bIns="91425" anchor="ctr" anchorCtr="0">
            <a:noAutofit/>
          </a:bodyPr>
          <a:lstStyle>
            <a:lvl1pPr lvl="0" algn="r"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58" name="Google Shape;458;p24"/>
          <p:cNvSpPr txBox="1">
            <a:spLocks noGrp="1"/>
          </p:cNvSpPr>
          <p:nvPr>
            <p:ph type="title" idx="4"/>
          </p:nvPr>
        </p:nvSpPr>
        <p:spPr>
          <a:xfrm>
            <a:off x="1482000" y="2811450"/>
            <a:ext cx="2621400" cy="527700"/>
          </a:xfrm>
          <a:prstGeom prst="rect">
            <a:avLst/>
          </a:prstGeom>
        </p:spPr>
        <p:txBody>
          <a:bodyPr spcFirstLastPara="1" wrap="square" lIns="91425" tIns="91425" rIns="91425" bIns="91425" anchor="ctr" anchorCtr="0">
            <a:noAutofit/>
          </a:bodyPr>
          <a:lstStyle>
            <a:lvl1pPr lvl="0"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59" name="Google Shape;459;p24"/>
          <p:cNvSpPr txBox="1">
            <a:spLocks noGrp="1"/>
          </p:cNvSpPr>
          <p:nvPr>
            <p:ph type="subTitle" idx="5"/>
          </p:nvPr>
        </p:nvSpPr>
        <p:spPr>
          <a:xfrm>
            <a:off x="1482000" y="3397975"/>
            <a:ext cx="2621400" cy="484800"/>
          </a:xfrm>
          <a:prstGeom prst="rect">
            <a:avLst/>
          </a:prstGeom>
        </p:spPr>
        <p:txBody>
          <a:bodyPr spcFirstLastPara="1" wrap="square" lIns="91425" tIns="91425" rIns="91425" bIns="91425" anchor="ctr" anchorCtr="0">
            <a:noAutofit/>
          </a:bodyPr>
          <a:lstStyle>
            <a:lvl1pPr lvl="0"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60" name="Google Shape;460;p24"/>
          <p:cNvSpPr txBox="1">
            <a:spLocks noGrp="1"/>
          </p:cNvSpPr>
          <p:nvPr>
            <p:ph type="title" idx="6"/>
          </p:nvPr>
        </p:nvSpPr>
        <p:spPr>
          <a:xfrm>
            <a:off x="5040600" y="2811450"/>
            <a:ext cx="2621400" cy="527700"/>
          </a:xfrm>
          <a:prstGeom prst="rect">
            <a:avLst/>
          </a:prstGeom>
        </p:spPr>
        <p:txBody>
          <a:bodyPr spcFirstLastPara="1" wrap="square" lIns="91425" tIns="91425" rIns="91425" bIns="91425" anchor="ctr" anchorCtr="0">
            <a:noAutofit/>
          </a:bodyPr>
          <a:lstStyle>
            <a:lvl1pPr lvl="0" algn="r" rtl="0">
              <a:spcBef>
                <a:spcPts val="0"/>
              </a:spcBef>
              <a:spcAft>
                <a:spcPts val="0"/>
              </a:spcAft>
              <a:buSzPts val="2500"/>
              <a:buNone/>
              <a:defRPr sz="2500">
                <a:solidFill>
                  <a:schemeClr val="accent4"/>
                </a:solidFill>
              </a:defRPr>
            </a:lvl1pPr>
            <a:lvl2pPr lvl="1" algn="ctr" rtl="0">
              <a:spcBef>
                <a:spcPts val="0"/>
              </a:spcBef>
              <a:spcAft>
                <a:spcPts val="0"/>
              </a:spcAft>
              <a:buSzPts val="2500"/>
              <a:buNone/>
              <a:defRPr sz="2500"/>
            </a:lvl2pPr>
            <a:lvl3pPr lvl="2" algn="ctr" rtl="0">
              <a:spcBef>
                <a:spcPts val="0"/>
              </a:spcBef>
              <a:spcAft>
                <a:spcPts val="0"/>
              </a:spcAft>
              <a:buSzPts val="2500"/>
              <a:buNone/>
              <a:defRPr sz="2500"/>
            </a:lvl3pPr>
            <a:lvl4pPr lvl="3" algn="ctr" rtl="0">
              <a:spcBef>
                <a:spcPts val="0"/>
              </a:spcBef>
              <a:spcAft>
                <a:spcPts val="0"/>
              </a:spcAft>
              <a:buSzPts val="2500"/>
              <a:buNone/>
              <a:defRPr sz="2500"/>
            </a:lvl4pPr>
            <a:lvl5pPr lvl="4" algn="ctr" rtl="0">
              <a:spcBef>
                <a:spcPts val="0"/>
              </a:spcBef>
              <a:spcAft>
                <a:spcPts val="0"/>
              </a:spcAft>
              <a:buSzPts val="2500"/>
              <a:buNone/>
              <a:defRPr sz="2500"/>
            </a:lvl5pPr>
            <a:lvl6pPr lvl="5" algn="ctr" rtl="0">
              <a:spcBef>
                <a:spcPts val="0"/>
              </a:spcBef>
              <a:spcAft>
                <a:spcPts val="0"/>
              </a:spcAft>
              <a:buSzPts val="2500"/>
              <a:buNone/>
              <a:defRPr sz="2500"/>
            </a:lvl6pPr>
            <a:lvl7pPr lvl="6" algn="ctr" rtl="0">
              <a:spcBef>
                <a:spcPts val="0"/>
              </a:spcBef>
              <a:spcAft>
                <a:spcPts val="0"/>
              </a:spcAft>
              <a:buSzPts val="2500"/>
              <a:buNone/>
              <a:defRPr sz="2500"/>
            </a:lvl7pPr>
            <a:lvl8pPr lvl="7" algn="ctr" rtl="0">
              <a:spcBef>
                <a:spcPts val="0"/>
              </a:spcBef>
              <a:spcAft>
                <a:spcPts val="0"/>
              </a:spcAft>
              <a:buSzPts val="2500"/>
              <a:buNone/>
              <a:defRPr sz="2500"/>
            </a:lvl8pPr>
            <a:lvl9pPr lvl="8" algn="ctr" rtl="0">
              <a:spcBef>
                <a:spcPts val="0"/>
              </a:spcBef>
              <a:spcAft>
                <a:spcPts val="0"/>
              </a:spcAft>
              <a:buSzPts val="2500"/>
              <a:buNone/>
              <a:defRPr sz="2500"/>
            </a:lvl9pPr>
          </a:lstStyle>
          <a:p>
            <a:endParaRPr/>
          </a:p>
        </p:txBody>
      </p:sp>
      <p:sp>
        <p:nvSpPr>
          <p:cNvPr id="461" name="Google Shape;461;p24"/>
          <p:cNvSpPr txBox="1">
            <a:spLocks noGrp="1"/>
          </p:cNvSpPr>
          <p:nvPr>
            <p:ph type="subTitle" idx="7"/>
          </p:nvPr>
        </p:nvSpPr>
        <p:spPr>
          <a:xfrm>
            <a:off x="5040600" y="3397975"/>
            <a:ext cx="2621400" cy="484800"/>
          </a:xfrm>
          <a:prstGeom prst="rect">
            <a:avLst/>
          </a:prstGeom>
        </p:spPr>
        <p:txBody>
          <a:bodyPr spcFirstLastPara="1" wrap="square" lIns="91425" tIns="91425" rIns="91425" bIns="91425" anchor="ctr" anchorCtr="0">
            <a:noAutofit/>
          </a:bodyPr>
          <a:lstStyle>
            <a:lvl1pPr lvl="0" algn="r" rtl="0">
              <a:lnSpc>
                <a:spcPct val="100000"/>
              </a:lnSpc>
              <a:spcBef>
                <a:spcPts val="0"/>
              </a:spcBef>
              <a:spcAft>
                <a:spcPts val="0"/>
              </a:spcAft>
              <a:buSzPts val="1400"/>
              <a:buNone/>
              <a:defRPr sz="14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462" name="Google Shape;462;p24"/>
          <p:cNvSpPr txBox="1">
            <a:spLocks noGrp="1"/>
          </p:cNvSpPr>
          <p:nvPr>
            <p:ph type="title" idx="8"/>
          </p:nvPr>
        </p:nvSpPr>
        <p:spPr>
          <a:xfrm>
            <a:off x="720000" y="535000"/>
            <a:ext cx="77040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0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Tree>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matchingName="Title only 2">
  <p:cSld name="TITLE_ONLY_1_1">
    <p:spTree>
      <p:nvGrpSpPr>
        <p:cNvPr id="1" name="Shape 521"/>
        <p:cNvGrpSpPr/>
        <p:nvPr/>
      </p:nvGrpSpPr>
      <p:grpSpPr>
        <a:xfrm>
          <a:off x="0" y="0"/>
          <a:ext cx="0" cy="0"/>
          <a:chOff x="0" y="0"/>
          <a:chExt cx="0" cy="0"/>
        </a:xfrm>
      </p:grpSpPr>
      <p:sp>
        <p:nvSpPr>
          <p:cNvPr id="522" name="Google Shape;522;p28"/>
          <p:cNvSpPr/>
          <p:nvPr/>
        </p:nvSpPr>
        <p:spPr>
          <a:xfrm flipH="1">
            <a:off x="-726125" y="4684700"/>
            <a:ext cx="10532289" cy="1659580"/>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523" name="Google Shape;523;p28"/>
          <p:cNvGrpSpPr/>
          <p:nvPr/>
        </p:nvGrpSpPr>
        <p:grpSpPr>
          <a:xfrm rot="1537171" flipH="1">
            <a:off x="-450634" y="-17918"/>
            <a:ext cx="1044681" cy="1105835"/>
            <a:chOff x="8273200" y="4264350"/>
            <a:chExt cx="1044664" cy="1105817"/>
          </a:xfrm>
        </p:grpSpPr>
        <p:sp>
          <p:nvSpPr>
            <p:cNvPr id="524" name="Google Shape;524;p28"/>
            <p:cNvSpPr/>
            <p:nvPr/>
          </p:nvSpPr>
          <p:spPr>
            <a:xfrm>
              <a:off x="8273200" y="4264350"/>
              <a:ext cx="1044664" cy="1105817"/>
            </a:xfrm>
            <a:custGeom>
              <a:avLst/>
              <a:gdLst/>
              <a:ahLst/>
              <a:cxnLst/>
              <a:rect l="l" t="t" r="r" b="b"/>
              <a:pathLst>
                <a:path w="9853" h="8825" extrusionOk="0">
                  <a:moveTo>
                    <a:pt x="5786" y="1"/>
                  </a:moveTo>
                  <a:cubicBezTo>
                    <a:pt x="5231" y="1"/>
                    <a:pt x="4841" y="835"/>
                    <a:pt x="4334" y="835"/>
                  </a:cubicBezTo>
                  <a:cubicBezTo>
                    <a:pt x="4280" y="835"/>
                    <a:pt x="4226" y="826"/>
                    <a:pt x="4170" y="806"/>
                  </a:cubicBezTo>
                  <a:cubicBezTo>
                    <a:pt x="4059" y="766"/>
                    <a:pt x="3966" y="683"/>
                    <a:pt x="3855" y="644"/>
                  </a:cubicBezTo>
                  <a:cubicBezTo>
                    <a:pt x="3801" y="624"/>
                    <a:pt x="3747" y="615"/>
                    <a:pt x="3693" y="615"/>
                  </a:cubicBezTo>
                  <a:cubicBezTo>
                    <a:pt x="3387" y="615"/>
                    <a:pt x="3103" y="910"/>
                    <a:pt x="2919" y="1188"/>
                  </a:cubicBezTo>
                  <a:cubicBezTo>
                    <a:pt x="2712" y="1500"/>
                    <a:pt x="2451" y="1871"/>
                    <a:pt x="2084" y="1871"/>
                  </a:cubicBezTo>
                  <a:cubicBezTo>
                    <a:pt x="2070" y="1871"/>
                    <a:pt x="2056" y="1870"/>
                    <a:pt x="2041" y="1869"/>
                  </a:cubicBezTo>
                  <a:cubicBezTo>
                    <a:pt x="1935" y="1862"/>
                    <a:pt x="1830" y="1822"/>
                    <a:pt x="1727" y="1822"/>
                  </a:cubicBezTo>
                  <a:cubicBezTo>
                    <a:pt x="1699" y="1822"/>
                    <a:pt x="1672" y="1825"/>
                    <a:pt x="1645" y="1832"/>
                  </a:cubicBezTo>
                  <a:cubicBezTo>
                    <a:pt x="1360" y="1904"/>
                    <a:pt x="1363" y="2307"/>
                    <a:pt x="1439" y="2587"/>
                  </a:cubicBezTo>
                  <a:cubicBezTo>
                    <a:pt x="1518" y="2870"/>
                    <a:pt x="1559" y="3259"/>
                    <a:pt x="1288" y="3375"/>
                  </a:cubicBezTo>
                  <a:cubicBezTo>
                    <a:pt x="1196" y="3414"/>
                    <a:pt x="1080" y="3407"/>
                    <a:pt x="1004" y="3477"/>
                  </a:cubicBezTo>
                  <a:cubicBezTo>
                    <a:pt x="858" y="3609"/>
                    <a:pt x="997" y="3854"/>
                    <a:pt x="939" y="4039"/>
                  </a:cubicBezTo>
                  <a:cubicBezTo>
                    <a:pt x="858" y="4297"/>
                    <a:pt x="489" y="4294"/>
                    <a:pt x="283" y="4468"/>
                  </a:cubicBezTo>
                  <a:cubicBezTo>
                    <a:pt x="0" y="4707"/>
                    <a:pt x="123" y="5175"/>
                    <a:pt x="346" y="5471"/>
                  </a:cubicBezTo>
                  <a:cubicBezTo>
                    <a:pt x="897" y="6212"/>
                    <a:pt x="876" y="6384"/>
                    <a:pt x="691" y="7269"/>
                  </a:cubicBezTo>
                  <a:cubicBezTo>
                    <a:pt x="582" y="7776"/>
                    <a:pt x="656" y="8156"/>
                    <a:pt x="1133" y="8418"/>
                  </a:cubicBezTo>
                  <a:cubicBezTo>
                    <a:pt x="1705" y="8730"/>
                    <a:pt x="2470" y="8824"/>
                    <a:pt x="3257" y="8824"/>
                  </a:cubicBezTo>
                  <a:cubicBezTo>
                    <a:pt x="4131" y="8824"/>
                    <a:pt x="5032" y="8708"/>
                    <a:pt x="5720" y="8647"/>
                  </a:cubicBezTo>
                  <a:cubicBezTo>
                    <a:pt x="6656" y="8564"/>
                    <a:pt x="7605" y="8452"/>
                    <a:pt x="8465" y="8075"/>
                  </a:cubicBezTo>
                  <a:cubicBezTo>
                    <a:pt x="8872" y="7899"/>
                    <a:pt x="9273" y="7644"/>
                    <a:pt x="9463" y="7243"/>
                  </a:cubicBezTo>
                  <a:cubicBezTo>
                    <a:pt x="9567" y="7025"/>
                    <a:pt x="9600" y="6782"/>
                    <a:pt x="9628" y="6541"/>
                  </a:cubicBezTo>
                  <a:cubicBezTo>
                    <a:pt x="9760" y="5464"/>
                    <a:pt x="9852" y="4364"/>
                    <a:pt x="9662" y="3291"/>
                  </a:cubicBezTo>
                  <a:cubicBezTo>
                    <a:pt x="9470" y="2221"/>
                    <a:pt x="8965" y="1169"/>
                    <a:pt x="8092" y="521"/>
                  </a:cubicBezTo>
                  <a:cubicBezTo>
                    <a:pt x="7923" y="396"/>
                    <a:pt x="7737" y="285"/>
                    <a:pt x="7531" y="245"/>
                  </a:cubicBezTo>
                  <a:cubicBezTo>
                    <a:pt x="7462" y="232"/>
                    <a:pt x="7392" y="227"/>
                    <a:pt x="7322" y="227"/>
                  </a:cubicBezTo>
                  <a:cubicBezTo>
                    <a:pt x="7119" y="227"/>
                    <a:pt x="6912" y="268"/>
                    <a:pt x="6711" y="268"/>
                  </a:cubicBezTo>
                  <a:cubicBezTo>
                    <a:pt x="6612" y="268"/>
                    <a:pt x="6515" y="258"/>
                    <a:pt x="6419" y="229"/>
                  </a:cubicBezTo>
                  <a:cubicBezTo>
                    <a:pt x="6225" y="169"/>
                    <a:pt x="6051" y="27"/>
                    <a:pt x="5850" y="4"/>
                  </a:cubicBezTo>
                  <a:cubicBezTo>
                    <a:pt x="5828" y="2"/>
                    <a:pt x="5807" y="1"/>
                    <a:pt x="5786"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25" name="Google Shape;525;p28"/>
            <p:cNvSpPr/>
            <p:nvPr/>
          </p:nvSpPr>
          <p:spPr>
            <a:xfrm>
              <a:off x="8497910" y="4516225"/>
              <a:ext cx="595257" cy="742658"/>
            </a:xfrm>
            <a:custGeom>
              <a:avLst/>
              <a:gdLst/>
              <a:ahLst/>
              <a:cxnLst/>
              <a:rect l="l" t="t" r="r" b="b"/>
              <a:pathLst>
                <a:path w="8584" h="10710" extrusionOk="0">
                  <a:moveTo>
                    <a:pt x="4027" y="1"/>
                  </a:moveTo>
                  <a:cubicBezTo>
                    <a:pt x="3970" y="1"/>
                    <a:pt x="3896" y="34"/>
                    <a:pt x="3858" y="73"/>
                  </a:cubicBezTo>
                  <a:cubicBezTo>
                    <a:pt x="3700" y="228"/>
                    <a:pt x="3684" y="612"/>
                    <a:pt x="3816" y="791"/>
                  </a:cubicBezTo>
                  <a:cubicBezTo>
                    <a:pt x="3994" y="1029"/>
                    <a:pt x="4217" y="1196"/>
                    <a:pt x="4530" y="1226"/>
                  </a:cubicBezTo>
                  <a:cubicBezTo>
                    <a:pt x="4715" y="1245"/>
                    <a:pt x="4777" y="1321"/>
                    <a:pt x="4810" y="1506"/>
                  </a:cubicBezTo>
                  <a:cubicBezTo>
                    <a:pt x="4824" y="1578"/>
                    <a:pt x="4821" y="1652"/>
                    <a:pt x="4840" y="1724"/>
                  </a:cubicBezTo>
                  <a:cubicBezTo>
                    <a:pt x="4956" y="2187"/>
                    <a:pt x="5204" y="2577"/>
                    <a:pt x="5542" y="2912"/>
                  </a:cubicBezTo>
                  <a:cubicBezTo>
                    <a:pt x="5711" y="3082"/>
                    <a:pt x="5919" y="3163"/>
                    <a:pt x="6135" y="3209"/>
                  </a:cubicBezTo>
                  <a:cubicBezTo>
                    <a:pt x="6253" y="3193"/>
                    <a:pt x="6376" y="3228"/>
                    <a:pt x="6438" y="3105"/>
                  </a:cubicBezTo>
                  <a:lnTo>
                    <a:pt x="6438" y="3107"/>
                  </a:lnTo>
                  <a:cubicBezTo>
                    <a:pt x="6529" y="2926"/>
                    <a:pt x="6566" y="2729"/>
                    <a:pt x="6355" y="2572"/>
                  </a:cubicBezTo>
                  <a:cubicBezTo>
                    <a:pt x="6267" y="2507"/>
                    <a:pt x="6188" y="2431"/>
                    <a:pt x="6116" y="2347"/>
                  </a:cubicBezTo>
                  <a:cubicBezTo>
                    <a:pt x="6001" y="2218"/>
                    <a:pt x="5887" y="2088"/>
                    <a:pt x="5783" y="1949"/>
                  </a:cubicBezTo>
                  <a:cubicBezTo>
                    <a:pt x="5676" y="1810"/>
                    <a:pt x="5551" y="1680"/>
                    <a:pt x="5486" y="1525"/>
                  </a:cubicBezTo>
                  <a:cubicBezTo>
                    <a:pt x="5414" y="1351"/>
                    <a:pt x="5273" y="1196"/>
                    <a:pt x="5299" y="990"/>
                  </a:cubicBezTo>
                  <a:cubicBezTo>
                    <a:pt x="5331" y="742"/>
                    <a:pt x="5199" y="566"/>
                    <a:pt x="5046" y="406"/>
                  </a:cubicBezTo>
                  <a:cubicBezTo>
                    <a:pt x="4777" y="126"/>
                    <a:pt x="4407" y="75"/>
                    <a:pt x="4050" y="3"/>
                  </a:cubicBezTo>
                  <a:cubicBezTo>
                    <a:pt x="4043" y="2"/>
                    <a:pt x="4035" y="1"/>
                    <a:pt x="4027" y="1"/>
                  </a:cubicBezTo>
                  <a:close/>
                  <a:moveTo>
                    <a:pt x="447" y="2266"/>
                  </a:moveTo>
                  <a:cubicBezTo>
                    <a:pt x="348" y="2266"/>
                    <a:pt x="274" y="2315"/>
                    <a:pt x="182" y="2419"/>
                  </a:cubicBezTo>
                  <a:cubicBezTo>
                    <a:pt x="40" y="2581"/>
                    <a:pt x="1" y="2778"/>
                    <a:pt x="3" y="2982"/>
                  </a:cubicBezTo>
                  <a:cubicBezTo>
                    <a:pt x="8" y="3045"/>
                    <a:pt x="36" y="3102"/>
                    <a:pt x="80" y="3146"/>
                  </a:cubicBezTo>
                  <a:cubicBezTo>
                    <a:pt x="145" y="3205"/>
                    <a:pt x="212" y="3276"/>
                    <a:pt x="301" y="3276"/>
                  </a:cubicBezTo>
                  <a:cubicBezTo>
                    <a:pt x="328" y="3276"/>
                    <a:pt x="358" y="3269"/>
                    <a:pt x="390" y="3253"/>
                  </a:cubicBezTo>
                  <a:cubicBezTo>
                    <a:pt x="511" y="3276"/>
                    <a:pt x="626" y="3309"/>
                    <a:pt x="744" y="3320"/>
                  </a:cubicBezTo>
                  <a:cubicBezTo>
                    <a:pt x="782" y="3324"/>
                    <a:pt x="821" y="3328"/>
                    <a:pt x="857" y="3328"/>
                  </a:cubicBezTo>
                  <a:cubicBezTo>
                    <a:pt x="952" y="3328"/>
                    <a:pt x="1036" y="3300"/>
                    <a:pt x="1076" y="3167"/>
                  </a:cubicBezTo>
                  <a:cubicBezTo>
                    <a:pt x="1090" y="3119"/>
                    <a:pt x="1152" y="3091"/>
                    <a:pt x="1182" y="3045"/>
                  </a:cubicBezTo>
                  <a:cubicBezTo>
                    <a:pt x="1205" y="3010"/>
                    <a:pt x="1231" y="2959"/>
                    <a:pt x="1224" y="2922"/>
                  </a:cubicBezTo>
                  <a:cubicBezTo>
                    <a:pt x="1196" y="2716"/>
                    <a:pt x="1134" y="2526"/>
                    <a:pt x="923" y="2431"/>
                  </a:cubicBezTo>
                  <a:cubicBezTo>
                    <a:pt x="823" y="2387"/>
                    <a:pt x="724" y="2340"/>
                    <a:pt x="622" y="2303"/>
                  </a:cubicBezTo>
                  <a:cubicBezTo>
                    <a:pt x="554" y="2279"/>
                    <a:pt x="497" y="2266"/>
                    <a:pt x="447" y="2266"/>
                  </a:cubicBezTo>
                  <a:close/>
                  <a:moveTo>
                    <a:pt x="8162" y="1394"/>
                  </a:moveTo>
                  <a:cubicBezTo>
                    <a:pt x="8006" y="1394"/>
                    <a:pt x="7887" y="1482"/>
                    <a:pt x="7770" y="1583"/>
                  </a:cubicBezTo>
                  <a:cubicBezTo>
                    <a:pt x="7657" y="1685"/>
                    <a:pt x="7675" y="1814"/>
                    <a:pt x="7715" y="1935"/>
                  </a:cubicBezTo>
                  <a:cubicBezTo>
                    <a:pt x="7791" y="2167"/>
                    <a:pt x="7872" y="2396"/>
                    <a:pt x="7967" y="2621"/>
                  </a:cubicBezTo>
                  <a:cubicBezTo>
                    <a:pt x="8067" y="2852"/>
                    <a:pt x="8164" y="3089"/>
                    <a:pt x="8296" y="3302"/>
                  </a:cubicBezTo>
                  <a:cubicBezTo>
                    <a:pt x="8361" y="3408"/>
                    <a:pt x="8421" y="3519"/>
                    <a:pt x="8472" y="3631"/>
                  </a:cubicBezTo>
                  <a:lnTo>
                    <a:pt x="8583" y="1541"/>
                  </a:lnTo>
                  <a:cubicBezTo>
                    <a:pt x="8484" y="1472"/>
                    <a:pt x="8373" y="1425"/>
                    <a:pt x="8257" y="1404"/>
                  </a:cubicBezTo>
                  <a:cubicBezTo>
                    <a:pt x="8224" y="1397"/>
                    <a:pt x="8192" y="1394"/>
                    <a:pt x="8162" y="1394"/>
                  </a:cubicBezTo>
                  <a:close/>
                  <a:moveTo>
                    <a:pt x="3261" y="3739"/>
                  </a:moveTo>
                  <a:cubicBezTo>
                    <a:pt x="3167" y="3739"/>
                    <a:pt x="3077" y="3769"/>
                    <a:pt x="2998" y="3844"/>
                  </a:cubicBezTo>
                  <a:cubicBezTo>
                    <a:pt x="2876" y="3953"/>
                    <a:pt x="2769" y="4075"/>
                    <a:pt x="2679" y="4210"/>
                  </a:cubicBezTo>
                  <a:cubicBezTo>
                    <a:pt x="2544" y="4418"/>
                    <a:pt x="2426" y="4631"/>
                    <a:pt x="2208" y="4768"/>
                  </a:cubicBezTo>
                  <a:cubicBezTo>
                    <a:pt x="2134" y="4812"/>
                    <a:pt x="2102" y="4902"/>
                    <a:pt x="2132" y="4983"/>
                  </a:cubicBezTo>
                  <a:cubicBezTo>
                    <a:pt x="2215" y="5250"/>
                    <a:pt x="2478" y="5435"/>
                    <a:pt x="2759" y="5435"/>
                  </a:cubicBezTo>
                  <a:cubicBezTo>
                    <a:pt x="2783" y="5435"/>
                    <a:pt x="2807" y="5433"/>
                    <a:pt x="2832" y="5430"/>
                  </a:cubicBezTo>
                  <a:cubicBezTo>
                    <a:pt x="2896" y="5424"/>
                    <a:pt x="2959" y="5426"/>
                    <a:pt x="3024" y="5424"/>
                  </a:cubicBezTo>
                  <a:cubicBezTo>
                    <a:pt x="3262" y="5421"/>
                    <a:pt x="3508" y="5391"/>
                    <a:pt x="3638" y="5164"/>
                  </a:cubicBezTo>
                  <a:lnTo>
                    <a:pt x="3638" y="5166"/>
                  </a:lnTo>
                  <a:cubicBezTo>
                    <a:pt x="3784" y="4916"/>
                    <a:pt x="3888" y="4643"/>
                    <a:pt x="4008" y="4379"/>
                  </a:cubicBezTo>
                  <a:cubicBezTo>
                    <a:pt x="4073" y="4240"/>
                    <a:pt x="3950" y="4152"/>
                    <a:pt x="3913" y="4041"/>
                  </a:cubicBezTo>
                  <a:cubicBezTo>
                    <a:pt x="3904" y="4010"/>
                    <a:pt x="3886" y="3960"/>
                    <a:pt x="3872" y="3960"/>
                  </a:cubicBezTo>
                  <a:cubicBezTo>
                    <a:pt x="3870" y="3960"/>
                    <a:pt x="3869" y="3960"/>
                    <a:pt x="3867" y="3960"/>
                  </a:cubicBezTo>
                  <a:cubicBezTo>
                    <a:pt x="3712" y="3960"/>
                    <a:pt x="3616" y="3836"/>
                    <a:pt x="3485" y="3786"/>
                  </a:cubicBezTo>
                  <a:cubicBezTo>
                    <a:pt x="3409" y="3757"/>
                    <a:pt x="3334" y="3739"/>
                    <a:pt x="3261" y="3739"/>
                  </a:cubicBezTo>
                  <a:close/>
                  <a:moveTo>
                    <a:pt x="5906" y="4468"/>
                  </a:moveTo>
                  <a:cubicBezTo>
                    <a:pt x="5840" y="4468"/>
                    <a:pt x="5772" y="4478"/>
                    <a:pt x="5702" y="4504"/>
                  </a:cubicBezTo>
                  <a:cubicBezTo>
                    <a:pt x="5691" y="4508"/>
                    <a:pt x="5679" y="4509"/>
                    <a:pt x="5667" y="4509"/>
                  </a:cubicBezTo>
                  <a:cubicBezTo>
                    <a:pt x="5643" y="4509"/>
                    <a:pt x="5618" y="4504"/>
                    <a:pt x="5593" y="4504"/>
                  </a:cubicBezTo>
                  <a:cubicBezTo>
                    <a:pt x="5447" y="4504"/>
                    <a:pt x="5303" y="4555"/>
                    <a:pt x="5190" y="4647"/>
                  </a:cubicBezTo>
                  <a:cubicBezTo>
                    <a:pt x="4979" y="4812"/>
                    <a:pt x="4858" y="5053"/>
                    <a:pt x="4701" y="5259"/>
                  </a:cubicBezTo>
                  <a:cubicBezTo>
                    <a:pt x="4608" y="5384"/>
                    <a:pt x="4657" y="5535"/>
                    <a:pt x="4794" y="5648"/>
                  </a:cubicBezTo>
                  <a:cubicBezTo>
                    <a:pt x="5016" y="5834"/>
                    <a:pt x="5287" y="5924"/>
                    <a:pt x="5556" y="6000"/>
                  </a:cubicBezTo>
                  <a:cubicBezTo>
                    <a:pt x="5579" y="6007"/>
                    <a:pt x="5603" y="6010"/>
                    <a:pt x="5628" y="6010"/>
                  </a:cubicBezTo>
                  <a:cubicBezTo>
                    <a:pt x="5699" y="6010"/>
                    <a:pt x="5776" y="5989"/>
                    <a:pt x="5850" y="5984"/>
                  </a:cubicBezTo>
                  <a:lnTo>
                    <a:pt x="5857" y="6021"/>
                  </a:lnTo>
                  <a:cubicBezTo>
                    <a:pt x="5984" y="5991"/>
                    <a:pt x="6114" y="5947"/>
                    <a:pt x="6244" y="5931"/>
                  </a:cubicBezTo>
                  <a:cubicBezTo>
                    <a:pt x="6431" y="5910"/>
                    <a:pt x="6503" y="5792"/>
                    <a:pt x="6545" y="5627"/>
                  </a:cubicBezTo>
                  <a:cubicBezTo>
                    <a:pt x="6570" y="5523"/>
                    <a:pt x="6610" y="5424"/>
                    <a:pt x="6665" y="5331"/>
                  </a:cubicBezTo>
                  <a:cubicBezTo>
                    <a:pt x="6837" y="5060"/>
                    <a:pt x="6749" y="4729"/>
                    <a:pt x="6445" y="4620"/>
                  </a:cubicBezTo>
                  <a:cubicBezTo>
                    <a:pt x="6270" y="4554"/>
                    <a:pt x="6095" y="4468"/>
                    <a:pt x="5906" y="4468"/>
                  </a:cubicBezTo>
                  <a:close/>
                  <a:moveTo>
                    <a:pt x="6927" y="4136"/>
                  </a:moveTo>
                  <a:lnTo>
                    <a:pt x="6927" y="4136"/>
                  </a:lnTo>
                  <a:cubicBezTo>
                    <a:pt x="6946" y="4224"/>
                    <a:pt x="6950" y="4316"/>
                    <a:pt x="6983" y="4397"/>
                  </a:cubicBezTo>
                  <a:cubicBezTo>
                    <a:pt x="7092" y="4654"/>
                    <a:pt x="7200" y="4914"/>
                    <a:pt x="7330" y="5159"/>
                  </a:cubicBezTo>
                  <a:cubicBezTo>
                    <a:pt x="7420" y="5326"/>
                    <a:pt x="7550" y="5472"/>
                    <a:pt x="7654" y="5632"/>
                  </a:cubicBezTo>
                  <a:cubicBezTo>
                    <a:pt x="7761" y="5790"/>
                    <a:pt x="7877" y="5940"/>
                    <a:pt x="8041" y="6051"/>
                  </a:cubicBezTo>
                  <a:cubicBezTo>
                    <a:pt x="8115" y="6102"/>
                    <a:pt x="8173" y="6209"/>
                    <a:pt x="8199" y="6299"/>
                  </a:cubicBezTo>
                  <a:cubicBezTo>
                    <a:pt x="8236" y="6440"/>
                    <a:pt x="8273" y="6582"/>
                    <a:pt x="8312" y="6723"/>
                  </a:cubicBezTo>
                  <a:lnTo>
                    <a:pt x="8347" y="6028"/>
                  </a:lnTo>
                  <a:cubicBezTo>
                    <a:pt x="8287" y="5947"/>
                    <a:pt x="8215" y="5878"/>
                    <a:pt x="8152" y="5801"/>
                  </a:cubicBezTo>
                  <a:lnTo>
                    <a:pt x="8152" y="5803"/>
                  </a:lnTo>
                  <a:cubicBezTo>
                    <a:pt x="8074" y="5706"/>
                    <a:pt x="7986" y="5611"/>
                    <a:pt x="7914" y="5509"/>
                  </a:cubicBezTo>
                  <a:cubicBezTo>
                    <a:pt x="7828" y="5389"/>
                    <a:pt x="7756" y="5261"/>
                    <a:pt x="7673" y="5141"/>
                  </a:cubicBezTo>
                  <a:cubicBezTo>
                    <a:pt x="7613" y="5051"/>
                    <a:pt x="7525" y="4976"/>
                    <a:pt x="7478" y="4879"/>
                  </a:cubicBezTo>
                  <a:cubicBezTo>
                    <a:pt x="7342" y="4599"/>
                    <a:pt x="7119" y="4381"/>
                    <a:pt x="6927" y="4136"/>
                  </a:cubicBezTo>
                  <a:close/>
                  <a:moveTo>
                    <a:pt x="3120" y="8472"/>
                  </a:moveTo>
                  <a:cubicBezTo>
                    <a:pt x="2971" y="8472"/>
                    <a:pt x="2822" y="8513"/>
                    <a:pt x="2674" y="8541"/>
                  </a:cubicBezTo>
                  <a:cubicBezTo>
                    <a:pt x="2646" y="8548"/>
                    <a:pt x="2623" y="8565"/>
                    <a:pt x="2607" y="8585"/>
                  </a:cubicBezTo>
                  <a:cubicBezTo>
                    <a:pt x="2475" y="8785"/>
                    <a:pt x="2252" y="8907"/>
                    <a:pt x="2171" y="9153"/>
                  </a:cubicBezTo>
                  <a:cubicBezTo>
                    <a:pt x="2123" y="9306"/>
                    <a:pt x="2074" y="9438"/>
                    <a:pt x="2183" y="9584"/>
                  </a:cubicBezTo>
                  <a:cubicBezTo>
                    <a:pt x="2273" y="9702"/>
                    <a:pt x="2310" y="9850"/>
                    <a:pt x="2287" y="9996"/>
                  </a:cubicBezTo>
                  <a:cubicBezTo>
                    <a:pt x="2271" y="10144"/>
                    <a:pt x="2297" y="10293"/>
                    <a:pt x="2364" y="10425"/>
                  </a:cubicBezTo>
                  <a:lnTo>
                    <a:pt x="4923" y="10561"/>
                  </a:lnTo>
                  <a:cubicBezTo>
                    <a:pt x="4889" y="10497"/>
                    <a:pt x="4852" y="10436"/>
                    <a:pt x="4810" y="10378"/>
                  </a:cubicBezTo>
                  <a:cubicBezTo>
                    <a:pt x="4638" y="10142"/>
                    <a:pt x="4625" y="9825"/>
                    <a:pt x="4374" y="9637"/>
                  </a:cubicBezTo>
                  <a:cubicBezTo>
                    <a:pt x="4303" y="9584"/>
                    <a:pt x="4307" y="9436"/>
                    <a:pt x="4240" y="9375"/>
                  </a:cubicBezTo>
                  <a:cubicBezTo>
                    <a:pt x="4147" y="9297"/>
                    <a:pt x="4115" y="9202"/>
                    <a:pt x="4080" y="9100"/>
                  </a:cubicBezTo>
                  <a:cubicBezTo>
                    <a:pt x="4025" y="8940"/>
                    <a:pt x="3946" y="8799"/>
                    <a:pt x="3779" y="8727"/>
                  </a:cubicBezTo>
                  <a:cubicBezTo>
                    <a:pt x="3663" y="8676"/>
                    <a:pt x="3550" y="8620"/>
                    <a:pt x="3441" y="8555"/>
                  </a:cubicBezTo>
                  <a:cubicBezTo>
                    <a:pt x="3334" y="8493"/>
                    <a:pt x="3227" y="8472"/>
                    <a:pt x="3120" y="8472"/>
                  </a:cubicBezTo>
                  <a:close/>
                  <a:moveTo>
                    <a:pt x="6827" y="9297"/>
                  </a:moveTo>
                  <a:cubicBezTo>
                    <a:pt x="6769" y="9297"/>
                    <a:pt x="6691" y="9340"/>
                    <a:pt x="6631" y="9373"/>
                  </a:cubicBezTo>
                  <a:cubicBezTo>
                    <a:pt x="6568" y="9405"/>
                    <a:pt x="6519" y="9466"/>
                    <a:pt x="6461" y="9510"/>
                  </a:cubicBezTo>
                  <a:cubicBezTo>
                    <a:pt x="6346" y="9593"/>
                    <a:pt x="6295" y="9739"/>
                    <a:pt x="6336" y="9876"/>
                  </a:cubicBezTo>
                  <a:cubicBezTo>
                    <a:pt x="6404" y="10133"/>
                    <a:pt x="6415" y="10408"/>
                    <a:pt x="6559" y="10645"/>
                  </a:cubicBezTo>
                  <a:lnTo>
                    <a:pt x="7796" y="10710"/>
                  </a:lnTo>
                  <a:cubicBezTo>
                    <a:pt x="7777" y="10654"/>
                    <a:pt x="7759" y="10598"/>
                    <a:pt x="7740" y="10541"/>
                  </a:cubicBezTo>
                  <a:cubicBezTo>
                    <a:pt x="7729" y="10508"/>
                    <a:pt x="7733" y="10469"/>
                    <a:pt x="7724" y="10434"/>
                  </a:cubicBezTo>
                  <a:cubicBezTo>
                    <a:pt x="7698" y="10337"/>
                    <a:pt x="7671" y="10242"/>
                    <a:pt x="7643" y="10149"/>
                  </a:cubicBezTo>
                  <a:cubicBezTo>
                    <a:pt x="7601" y="10019"/>
                    <a:pt x="7546" y="9892"/>
                    <a:pt x="7522" y="9760"/>
                  </a:cubicBezTo>
                  <a:cubicBezTo>
                    <a:pt x="7504" y="9663"/>
                    <a:pt x="7460" y="9602"/>
                    <a:pt x="7400" y="9528"/>
                  </a:cubicBezTo>
                  <a:cubicBezTo>
                    <a:pt x="7256" y="9355"/>
                    <a:pt x="7043" y="9361"/>
                    <a:pt x="6858" y="9301"/>
                  </a:cubicBezTo>
                  <a:cubicBezTo>
                    <a:pt x="6848" y="9298"/>
                    <a:pt x="6838" y="9297"/>
                    <a:pt x="6827" y="9297"/>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526" name="Google Shape;526;p28"/>
          <p:cNvGrpSpPr/>
          <p:nvPr/>
        </p:nvGrpSpPr>
        <p:grpSpPr>
          <a:xfrm>
            <a:off x="56332" y="4209803"/>
            <a:ext cx="595599" cy="797385"/>
            <a:chOff x="3628937" y="4538594"/>
            <a:chExt cx="328153" cy="439331"/>
          </a:xfrm>
        </p:grpSpPr>
        <p:sp>
          <p:nvSpPr>
            <p:cNvPr id="527" name="Google Shape;527;p28"/>
            <p:cNvSpPr/>
            <p:nvPr/>
          </p:nvSpPr>
          <p:spPr>
            <a:xfrm>
              <a:off x="3649370" y="4582635"/>
              <a:ext cx="307721" cy="227987"/>
            </a:xfrm>
            <a:custGeom>
              <a:avLst/>
              <a:gdLst/>
              <a:ahLst/>
              <a:cxnLst/>
              <a:rect l="l" t="t" r="r" b="b"/>
              <a:pathLst>
                <a:path w="6009" h="4452" extrusionOk="0">
                  <a:moveTo>
                    <a:pt x="3387" y="1"/>
                  </a:moveTo>
                  <a:cubicBezTo>
                    <a:pt x="2435" y="1"/>
                    <a:pt x="1002" y="627"/>
                    <a:pt x="598" y="1276"/>
                  </a:cubicBezTo>
                  <a:cubicBezTo>
                    <a:pt x="0" y="2231"/>
                    <a:pt x="1791" y="1992"/>
                    <a:pt x="1751" y="2349"/>
                  </a:cubicBezTo>
                  <a:cubicBezTo>
                    <a:pt x="1712" y="2708"/>
                    <a:pt x="797" y="3067"/>
                    <a:pt x="1235" y="4035"/>
                  </a:cubicBezTo>
                  <a:cubicBezTo>
                    <a:pt x="1375" y="4346"/>
                    <a:pt x="1627" y="4452"/>
                    <a:pt x="1903" y="4452"/>
                  </a:cubicBezTo>
                  <a:cubicBezTo>
                    <a:pt x="2488" y="4452"/>
                    <a:pt x="3185" y="3980"/>
                    <a:pt x="3185" y="3980"/>
                  </a:cubicBezTo>
                  <a:lnTo>
                    <a:pt x="3820" y="3783"/>
                  </a:lnTo>
                  <a:cubicBezTo>
                    <a:pt x="5731" y="3544"/>
                    <a:pt x="6009" y="2787"/>
                    <a:pt x="5891" y="1828"/>
                  </a:cubicBezTo>
                  <a:cubicBezTo>
                    <a:pt x="5770" y="869"/>
                    <a:pt x="4499" y="1554"/>
                    <a:pt x="4258" y="484"/>
                  </a:cubicBezTo>
                  <a:cubicBezTo>
                    <a:pt x="4181" y="141"/>
                    <a:pt x="3838" y="1"/>
                    <a:pt x="3387"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28" name="Google Shape;528;p28"/>
            <p:cNvSpPr/>
            <p:nvPr/>
          </p:nvSpPr>
          <p:spPr>
            <a:xfrm>
              <a:off x="3628937" y="4538594"/>
              <a:ext cx="307772" cy="439331"/>
            </a:xfrm>
            <a:custGeom>
              <a:avLst/>
              <a:gdLst/>
              <a:ahLst/>
              <a:cxnLst/>
              <a:rect l="l" t="t" r="r" b="b"/>
              <a:pathLst>
                <a:path w="6010" h="8579" fill="none" extrusionOk="0">
                  <a:moveTo>
                    <a:pt x="3186" y="8578"/>
                  </a:moveTo>
                  <a:lnTo>
                    <a:pt x="3186" y="4564"/>
                  </a:lnTo>
                  <a:cubicBezTo>
                    <a:pt x="3186" y="4564"/>
                    <a:pt x="1673" y="5588"/>
                    <a:pt x="1235" y="4620"/>
                  </a:cubicBezTo>
                  <a:cubicBezTo>
                    <a:pt x="798" y="3651"/>
                    <a:pt x="1713" y="3295"/>
                    <a:pt x="1752" y="2936"/>
                  </a:cubicBezTo>
                  <a:cubicBezTo>
                    <a:pt x="1791" y="2579"/>
                    <a:pt x="1" y="2817"/>
                    <a:pt x="598" y="1861"/>
                  </a:cubicBezTo>
                  <a:cubicBezTo>
                    <a:pt x="1194" y="906"/>
                    <a:pt x="4020" y="1"/>
                    <a:pt x="4258" y="1071"/>
                  </a:cubicBezTo>
                  <a:cubicBezTo>
                    <a:pt x="4497" y="2141"/>
                    <a:pt x="5771" y="1455"/>
                    <a:pt x="5891" y="2414"/>
                  </a:cubicBezTo>
                  <a:cubicBezTo>
                    <a:pt x="6010" y="3373"/>
                    <a:pt x="5732" y="4131"/>
                    <a:pt x="3820" y="4369"/>
                  </a:cubicBezTo>
                </a:path>
              </a:pathLst>
            </a:custGeom>
            <a:noFill/>
            <a:ln w="19050" cap="rnd"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529" name="Google Shape;529;p28"/>
          <p:cNvSpPr/>
          <p:nvPr/>
        </p:nvSpPr>
        <p:spPr>
          <a:xfrm rot="2075087" flipH="1">
            <a:off x="42122" y="-481263"/>
            <a:ext cx="1745093" cy="1096156"/>
          </a:xfrm>
          <a:custGeom>
            <a:avLst/>
            <a:gdLst/>
            <a:ahLst/>
            <a:cxnLst/>
            <a:rect l="l" t="t" r="r" b="b"/>
            <a:pathLst>
              <a:path w="19417" h="12197" fill="none" extrusionOk="0">
                <a:moveTo>
                  <a:pt x="17936" y="4902"/>
                </a:moveTo>
                <a:cubicBezTo>
                  <a:pt x="19037" y="5896"/>
                  <a:pt x="19417" y="7605"/>
                  <a:pt x="18842" y="8972"/>
                </a:cubicBezTo>
                <a:cubicBezTo>
                  <a:pt x="18265" y="10337"/>
                  <a:pt x="16776" y="11258"/>
                  <a:pt x="15298" y="11166"/>
                </a:cubicBezTo>
                <a:cubicBezTo>
                  <a:pt x="13987" y="11082"/>
                  <a:pt x="12838" y="10304"/>
                  <a:pt x="11765" y="9551"/>
                </a:cubicBezTo>
                <a:cubicBezTo>
                  <a:pt x="10691" y="8796"/>
                  <a:pt x="9546" y="8013"/>
                  <a:pt x="8237" y="7920"/>
                </a:cubicBezTo>
                <a:cubicBezTo>
                  <a:pt x="6929" y="7826"/>
                  <a:pt x="5453" y="8731"/>
                  <a:pt x="5439" y="10042"/>
                </a:cubicBezTo>
                <a:cubicBezTo>
                  <a:pt x="5425" y="11247"/>
                  <a:pt x="6741" y="12197"/>
                  <a:pt x="7934" y="12021"/>
                </a:cubicBezTo>
                <a:cubicBezTo>
                  <a:pt x="9127" y="11842"/>
                  <a:pt x="10058" y="10777"/>
                  <a:pt x="10336" y="9602"/>
                </a:cubicBezTo>
                <a:cubicBezTo>
                  <a:pt x="10616" y="8430"/>
                  <a:pt x="10341" y="7184"/>
                  <a:pt x="9852" y="6081"/>
                </a:cubicBezTo>
                <a:cubicBezTo>
                  <a:pt x="8214" y="2384"/>
                  <a:pt x="4015" y="1"/>
                  <a:pt x="0" y="494"/>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530" name="Google Shape;530;p28"/>
          <p:cNvGrpSpPr/>
          <p:nvPr/>
        </p:nvGrpSpPr>
        <p:grpSpPr>
          <a:xfrm rot="-575765" flipH="1">
            <a:off x="7985046" y="-262540"/>
            <a:ext cx="1534122" cy="1304952"/>
            <a:chOff x="-191150" y="-216551"/>
            <a:chExt cx="1534133" cy="1304962"/>
          </a:xfrm>
        </p:grpSpPr>
        <p:sp>
          <p:nvSpPr>
            <p:cNvPr id="531" name="Google Shape;531;p28"/>
            <p:cNvSpPr/>
            <p:nvPr/>
          </p:nvSpPr>
          <p:spPr>
            <a:xfrm>
              <a:off x="-191150" y="-216551"/>
              <a:ext cx="1284155" cy="1062262"/>
            </a:xfrm>
            <a:custGeom>
              <a:avLst/>
              <a:gdLst/>
              <a:ahLst/>
              <a:cxnLst/>
              <a:rect l="l" t="t" r="r" b="b"/>
              <a:pathLst>
                <a:path w="11372" h="9407" extrusionOk="0">
                  <a:moveTo>
                    <a:pt x="5657" y="0"/>
                  </a:moveTo>
                  <a:cubicBezTo>
                    <a:pt x="5590" y="0"/>
                    <a:pt x="5524" y="1"/>
                    <a:pt x="5458" y="3"/>
                  </a:cubicBezTo>
                  <a:cubicBezTo>
                    <a:pt x="4869" y="19"/>
                    <a:pt x="4279" y="96"/>
                    <a:pt x="3732" y="309"/>
                  </a:cubicBezTo>
                  <a:cubicBezTo>
                    <a:pt x="3132" y="543"/>
                    <a:pt x="2609" y="937"/>
                    <a:pt x="2143" y="1379"/>
                  </a:cubicBezTo>
                  <a:cubicBezTo>
                    <a:pt x="897" y="2558"/>
                    <a:pt x="0" y="4258"/>
                    <a:pt x="253" y="5954"/>
                  </a:cubicBezTo>
                  <a:cubicBezTo>
                    <a:pt x="436" y="7183"/>
                    <a:pt x="1271" y="8265"/>
                    <a:pt x="2361" y="8849"/>
                  </a:cubicBezTo>
                  <a:lnTo>
                    <a:pt x="2361" y="8849"/>
                  </a:lnTo>
                  <a:lnTo>
                    <a:pt x="1330" y="8572"/>
                  </a:lnTo>
                  <a:lnTo>
                    <a:pt x="1330" y="8572"/>
                  </a:lnTo>
                  <a:cubicBezTo>
                    <a:pt x="2447" y="9122"/>
                    <a:pt x="3673" y="9407"/>
                    <a:pt x="4913" y="9407"/>
                  </a:cubicBezTo>
                  <a:cubicBezTo>
                    <a:pt x="5149" y="9407"/>
                    <a:pt x="5386" y="9396"/>
                    <a:pt x="5622" y="9375"/>
                  </a:cubicBezTo>
                  <a:cubicBezTo>
                    <a:pt x="7239" y="9232"/>
                    <a:pt x="8849" y="8558"/>
                    <a:pt x="9905" y="7323"/>
                  </a:cubicBezTo>
                  <a:cubicBezTo>
                    <a:pt x="10962" y="6091"/>
                    <a:pt x="11372" y="4268"/>
                    <a:pt x="10728" y="2778"/>
                  </a:cubicBezTo>
                  <a:cubicBezTo>
                    <a:pt x="9915" y="902"/>
                    <a:pt x="7710" y="0"/>
                    <a:pt x="5657"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32" name="Google Shape;532;p28"/>
            <p:cNvSpPr/>
            <p:nvPr/>
          </p:nvSpPr>
          <p:spPr>
            <a:xfrm>
              <a:off x="-191150" y="-174350"/>
              <a:ext cx="1534133" cy="1262760"/>
            </a:xfrm>
            <a:custGeom>
              <a:avLst/>
              <a:gdLst/>
              <a:ahLst/>
              <a:cxnLst/>
              <a:rect l="l" t="t" r="r" b="b"/>
              <a:pathLst>
                <a:path w="10322" h="8496" extrusionOk="0">
                  <a:moveTo>
                    <a:pt x="10271" y="0"/>
                  </a:moveTo>
                  <a:cubicBezTo>
                    <a:pt x="10245" y="0"/>
                    <a:pt x="10219" y="16"/>
                    <a:pt x="10218" y="49"/>
                  </a:cubicBezTo>
                  <a:cubicBezTo>
                    <a:pt x="10172" y="2089"/>
                    <a:pt x="9734" y="4195"/>
                    <a:pt x="8497" y="5861"/>
                  </a:cubicBezTo>
                  <a:cubicBezTo>
                    <a:pt x="7946" y="6607"/>
                    <a:pt x="7241" y="7248"/>
                    <a:pt x="6421" y="7686"/>
                  </a:cubicBezTo>
                  <a:cubicBezTo>
                    <a:pt x="5516" y="8168"/>
                    <a:pt x="4496" y="8376"/>
                    <a:pt x="3479" y="8432"/>
                  </a:cubicBezTo>
                  <a:cubicBezTo>
                    <a:pt x="3287" y="8443"/>
                    <a:pt x="3096" y="8447"/>
                    <a:pt x="2905" y="8447"/>
                  </a:cubicBezTo>
                  <a:cubicBezTo>
                    <a:pt x="1942" y="8447"/>
                    <a:pt x="986" y="8327"/>
                    <a:pt x="26" y="8240"/>
                  </a:cubicBezTo>
                  <a:cubicBezTo>
                    <a:pt x="7" y="8240"/>
                    <a:pt x="0" y="8274"/>
                    <a:pt x="21" y="8277"/>
                  </a:cubicBezTo>
                  <a:lnTo>
                    <a:pt x="19" y="8277"/>
                  </a:lnTo>
                  <a:cubicBezTo>
                    <a:pt x="959" y="8409"/>
                    <a:pt x="1920" y="8495"/>
                    <a:pt x="2873" y="8495"/>
                  </a:cubicBezTo>
                  <a:cubicBezTo>
                    <a:pt x="2974" y="8495"/>
                    <a:pt x="3075" y="8494"/>
                    <a:pt x="3176" y="8492"/>
                  </a:cubicBezTo>
                  <a:cubicBezTo>
                    <a:pt x="4188" y="8471"/>
                    <a:pt x="5203" y="8311"/>
                    <a:pt x="6132" y="7894"/>
                  </a:cubicBezTo>
                  <a:cubicBezTo>
                    <a:pt x="7881" y="7107"/>
                    <a:pt x="9097" y="5465"/>
                    <a:pt x="9711" y="3685"/>
                  </a:cubicBezTo>
                  <a:cubicBezTo>
                    <a:pt x="10114" y="2516"/>
                    <a:pt x="10281" y="1281"/>
                    <a:pt x="10320" y="49"/>
                  </a:cubicBezTo>
                  <a:cubicBezTo>
                    <a:pt x="10321" y="16"/>
                    <a:pt x="10296" y="0"/>
                    <a:pt x="10271" y="0"/>
                  </a:cubicBezTo>
                  <a:close/>
                </a:path>
              </a:pathLst>
            </a:custGeom>
            <a:solidFill>
              <a:schemeClr val="accent2"/>
            </a:solidFill>
            <a:ln w="19050" cap="flat" cmpd="sng">
              <a:solidFill>
                <a:schemeClr val="accent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533" name="Google Shape;533;p28"/>
          <p:cNvSpPr txBox="1">
            <a:spLocks noGrp="1"/>
          </p:cNvSpPr>
          <p:nvPr>
            <p:ph type="title"/>
          </p:nvPr>
        </p:nvSpPr>
        <p:spPr>
          <a:xfrm>
            <a:off x="720000" y="535000"/>
            <a:ext cx="77040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0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Tree>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matchingName="Section header 1">
  <p:cSld name="CUSTOM_3">
    <p:spTree>
      <p:nvGrpSpPr>
        <p:cNvPr id="1" name="Shape 538"/>
        <p:cNvGrpSpPr/>
        <p:nvPr/>
      </p:nvGrpSpPr>
      <p:grpSpPr>
        <a:xfrm>
          <a:off x="0" y="0"/>
          <a:ext cx="0" cy="0"/>
          <a:chOff x="0" y="0"/>
          <a:chExt cx="0" cy="0"/>
        </a:xfrm>
      </p:grpSpPr>
      <p:sp>
        <p:nvSpPr>
          <p:cNvPr id="539" name="Google Shape;539;p30"/>
          <p:cNvSpPr/>
          <p:nvPr/>
        </p:nvSpPr>
        <p:spPr>
          <a:xfrm flipH="1">
            <a:off x="-726125" y="388570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540" name="Google Shape;540;p30"/>
          <p:cNvGrpSpPr/>
          <p:nvPr/>
        </p:nvGrpSpPr>
        <p:grpSpPr>
          <a:xfrm>
            <a:off x="5944358" y="3364889"/>
            <a:ext cx="3162489" cy="1629909"/>
            <a:chOff x="3354813" y="3765175"/>
            <a:chExt cx="2434369" cy="1254645"/>
          </a:xfrm>
        </p:grpSpPr>
        <p:sp>
          <p:nvSpPr>
            <p:cNvPr id="541" name="Google Shape;541;p30"/>
            <p:cNvSpPr/>
            <p:nvPr/>
          </p:nvSpPr>
          <p:spPr>
            <a:xfrm>
              <a:off x="3392401" y="3821659"/>
              <a:ext cx="2396782" cy="1198160"/>
            </a:xfrm>
            <a:custGeom>
              <a:avLst/>
              <a:gdLst/>
              <a:ahLst/>
              <a:cxnLst/>
              <a:rect l="l" t="t" r="r" b="b"/>
              <a:pathLst>
                <a:path w="46803" h="23397" extrusionOk="0">
                  <a:moveTo>
                    <a:pt x="28896" y="1"/>
                  </a:moveTo>
                  <a:cubicBezTo>
                    <a:pt x="28218" y="1"/>
                    <a:pt x="27634" y="160"/>
                    <a:pt x="27634" y="1008"/>
                  </a:cubicBezTo>
                  <a:cubicBezTo>
                    <a:pt x="27673" y="4670"/>
                    <a:pt x="27710" y="8332"/>
                    <a:pt x="27747" y="11995"/>
                  </a:cubicBezTo>
                  <a:cubicBezTo>
                    <a:pt x="27756" y="12706"/>
                    <a:pt x="27379" y="12782"/>
                    <a:pt x="26772" y="12801"/>
                  </a:cubicBezTo>
                  <a:cubicBezTo>
                    <a:pt x="26128" y="12819"/>
                    <a:pt x="25484" y="12838"/>
                    <a:pt x="24840" y="12856"/>
                  </a:cubicBezTo>
                  <a:cubicBezTo>
                    <a:pt x="24694" y="12860"/>
                    <a:pt x="24512" y="12875"/>
                    <a:pt x="24326" y="12875"/>
                  </a:cubicBezTo>
                  <a:cubicBezTo>
                    <a:pt x="23941" y="12875"/>
                    <a:pt x="23537" y="12811"/>
                    <a:pt x="23397" y="12453"/>
                  </a:cubicBezTo>
                  <a:cubicBezTo>
                    <a:pt x="23327" y="12277"/>
                    <a:pt x="23330" y="12083"/>
                    <a:pt x="23330" y="11895"/>
                  </a:cubicBezTo>
                  <a:cubicBezTo>
                    <a:pt x="23339" y="10806"/>
                    <a:pt x="23346" y="9715"/>
                    <a:pt x="23355" y="8626"/>
                  </a:cubicBezTo>
                  <a:cubicBezTo>
                    <a:pt x="23360" y="8073"/>
                    <a:pt x="23730" y="6078"/>
                    <a:pt x="22927" y="6067"/>
                  </a:cubicBezTo>
                  <a:cubicBezTo>
                    <a:pt x="22303" y="6067"/>
                    <a:pt x="21680" y="6048"/>
                    <a:pt x="21057" y="6037"/>
                  </a:cubicBezTo>
                  <a:cubicBezTo>
                    <a:pt x="20849" y="6034"/>
                    <a:pt x="20446" y="5969"/>
                    <a:pt x="20076" y="5969"/>
                  </a:cubicBezTo>
                  <a:cubicBezTo>
                    <a:pt x="19750" y="5969"/>
                    <a:pt x="19449" y="6019"/>
                    <a:pt x="19329" y="6208"/>
                  </a:cubicBezTo>
                  <a:cubicBezTo>
                    <a:pt x="19227" y="6368"/>
                    <a:pt x="19225" y="6572"/>
                    <a:pt x="19225" y="6762"/>
                  </a:cubicBezTo>
                  <a:cubicBezTo>
                    <a:pt x="19225" y="8643"/>
                    <a:pt x="19287" y="10521"/>
                    <a:pt x="19311" y="12405"/>
                  </a:cubicBezTo>
                  <a:cubicBezTo>
                    <a:pt x="19315" y="12662"/>
                    <a:pt x="19294" y="12961"/>
                    <a:pt x="19081" y="13107"/>
                  </a:cubicBezTo>
                  <a:cubicBezTo>
                    <a:pt x="18961" y="13188"/>
                    <a:pt x="18803" y="13195"/>
                    <a:pt x="18657" y="13199"/>
                  </a:cubicBezTo>
                  <a:lnTo>
                    <a:pt x="12862" y="13384"/>
                  </a:lnTo>
                  <a:cubicBezTo>
                    <a:pt x="12824" y="13386"/>
                    <a:pt x="12786" y="13386"/>
                    <a:pt x="12747" y="13386"/>
                  </a:cubicBezTo>
                  <a:cubicBezTo>
                    <a:pt x="12437" y="13386"/>
                    <a:pt x="12090" y="13339"/>
                    <a:pt x="11963" y="13016"/>
                  </a:cubicBezTo>
                  <a:cubicBezTo>
                    <a:pt x="11907" y="12877"/>
                    <a:pt x="11910" y="12724"/>
                    <a:pt x="11912" y="12576"/>
                  </a:cubicBezTo>
                  <a:cubicBezTo>
                    <a:pt x="11923" y="11904"/>
                    <a:pt x="12313" y="9989"/>
                    <a:pt x="11773" y="9486"/>
                  </a:cubicBezTo>
                  <a:cubicBezTo>
                    <a:pt x="11613" y="9335"/>
                    <a:pt x="11367" y="9326"/>
                    <a:pt x="11147" y="9326"/>
                  </a:cubicBezTo>
                  <a:cubicBezTo>
                    <a:pt x="9602" y="9326"/>
                    <a:pt x="8057" y="9335"/>
                    <a:pt x="6512" y="9335"/>
                  </a:cubicBezTo>
                  <a:cubicBezTo>
                    <a:pt x="6343" y="9335"/>
                    <a:pt x="6206" y="9472"/>
                    <a:pt x="6206" y="9641"/>
                  </a:cubicBezTo>
                  <a:cubicBezTo>
                    <a:pt x="6206" y="10730"/>
                    <a:pt x="6225" y="11821"/>
                    <a:pt x="6241" y="12912"/>
                  </a:cubicBezTo>
                  <a:cubicBezTo>
                    <a:pt x="6252" y="13602"/>
                    <a:pt x="5704" y="13727"/>
                    <a:pt x="5132" y="13727"/>
                  </a:cubicBezTo>
                  <a:cubicBezTo>
                    <a:pt x="4833" y="13727"/>
                    <a:pt x="4527" y="13693"/>
                    <a:pt x="4291" y="13688"/>
                  </a:cubicBezTo>
                  <a:lnTo>
                    <a:pt x="946" y="13628"/>
                  </a:lnTo>
                  <a:cubicBezTo>
                    <a:pt x="918" y="13627"/>
                    <a:pt x="890" y="13627"/>
                    <a:pt x="862" y="13627"/>
                  </a:cubicBezTo>
                  <a:cubicBezTo>
                    <a:pt x="736" y="13627"/>
                    <a:pt x="610" y="13635"/>
                    <a:pt x="496" y="13690"/>
                  </a:cubicBezTo>
                  <a:cubicBezTo>
                    <a:pt x="1" y="13933"/>
                    <a:pt x="302" y="15136"/>
                    <a:pt x="302" y="15571"/>
                  </a:cubicBezTo>
                  <a:lnTo>
                    <a:pt x="302" y="23093"/>
                  </a:lnTo>
                  <a:cubicBezTo>
                    <a:pt x="302" y="23259"/>
                    <a:pt x="438" y="23396"/>
                    <a:pt x="608" y="23396"/>
                  </a:cubicBezTo>
                  <a:lnTo>
                    <a:pt x="46207" y="23396"/>
                  </a:lnTo>
                  <a:cubicBezTo>
                    <a:pt x="46376" y="23396"/>
                    <a:pt x="46513" y="23259"/>
                    <a:pt x="46513" y="23093"/>
                  </a:cubicBezTo>
                  <a:lnTo>
                    <a:pt x="46513" y="13913"/>
                  </a:lnTo>
                  <a:cubicBezTo>
                    <a:pt x="46513" y="13428"/>
                    <a:pt x="46802" y="11395"/>
                    <a:pt x="46406" y="11110"/>
                  </a:cubicBezTo>
                  <a:cubicBezTo>
                    <a:pt x="46346" y="11070"/>
                    <a:pt x="46276" y="11045"/>
                    <a:pt x="46207" y="11036"/>
                  </a:cubicBezTo>
                  <a:cubicBezTo>
                    <a:pt x="46186" y="11031"/>
                    <a:pt x="46163" y="11029"/>
                    <a:pt x="46142" y="11024"/>
                  </a:cubicBezTo>
                  <a:cubicBezTo>
                    <a:pt x="45892" y="10987"/>
                    <a:pt x="45606" y="10945"/>
                    <a:pt x="45337" y="10945"/>
                  </a:cubicBezTo>
                  <a:cubicBezTo>
                    <a:pt x="44819" y="10945"/>
                    <a:pt x="44365" y="11099"/>
                    <a:pt x="44356" y="11733"/>
                  </a:cubicBezTo>
                  <a:cubicBezTo>
                    <a:pt x="44349" y="12196"/>
                    <a:pt x="44632" y="13801"/>
                    <a:pt x="44247" y="14123"/>
                  </a:cubicBezTo>
                  <a:cubicBezTo>
                    <a:pt x="44175" y="14184"/>
                    <a:pt x="44078" y="14200"/>
                    <a:pt x="43983" y="14209"/>
                  </a:cubicBezTo>
                  <a:cubicBezTo>
                    <a:pt x="43805" y="14229"/>
                    <a:pt x="43543" y="14268"/>
                    <a:pt x="43287" y="14268"/>
                  </a:cubicBezTo>
                  <a:cubicBezTo>
                    <a:pt x="42875" y="14268"/>
                    <a:pt x="42480" y="14166"/>
                    <a:pt x="42480" y="13716"/>
                  </a:cubicBezTo>
                  <a:cubicBezTo>
                    <a:pt x="42480" y="13005"/>
                    <a:pt x="42930" y="10530"/>
                    <a:pt x="41925" y="10530"/>
                  </a:cubicBezTo>
                  <a:cubicBezTo>
                    <a:pt x="41918" y="10530"/>
                    <a:pt x="41912" y="10530"/>
                    <a:pt x="41905" y="10531"/>
                  </a:cubicBezTo>
                  <a:lnTo>
                    <a:pt x="39990" y="10598"/>
                  </a:lnTo>
                  <a:cubicBezTo>
                    <a:pt x="39809" y="10604"/>
                    <a:pt x="39554" y="10626"/>
                    <a:pt x="39290" y="10626"/>
                  </a:cubicBezTo>
                  <a:cubicBezTo>
                    <a:pt x="38729" y="10626"/>
                    <a:pt x="38131" y="10523"/>
                    <a:pt x="38146" y="9935"/>
                  </a:cubicBezTo>
                  <a:cubicBezTo>
                    <a:pt x="38183" y="8559"/>
                    <a:pt x="38217" y="7183"/>
                    <a:pt x="38252" y="5807"/>
                  </a:cubicBezTo>
                  <a:cubicBezTo>
                    <a:pt x="38259" y="5613"/>
                    <a:pt x="38261" y="5414"/>
                    <a:pt x="38206" y="5226"/>
                  </a:cubicBezTo>
                  <a:cubicBezTo>
                    <a:pt x="38113" y="4918"/>
                    <a:pt x="37757" y="4835"/>
                    <a:pt x="37302" y="4835"/>
                  </a:cubicBezTo>
                  <a:cubicBezTo>
                    <a:pt x="36765" y="4835"/>
                    <a:pt x="36091" y="4951"/>
                    <a:pt x="35550" y="4951"/>
                  </a:cubicBezTo>
                  <a:cubicBezTo>
                    <a:pt x="35001" y="4951"/>
                    <a:pt x="34589" y="4832"/>
                    <a:pt x="34597" y="4353"/>
                  </a:cubicBezTo>
                  <a:lnTo>
                    <a:pt x="34648" y="1008"/>
                  </a:lnTo>
                  <a:cubicBezTo>
                    <a:pt x="34652" y="806"/>
                    <a:pt x="34655" y="600"/>
                    <a:pt x="34581" y="410"/>
                  </a:cubicBezTo>
                  <a:cubicBezTo>
                    <a:pt x="34454" y="78"/>
                    <a:pt x="34071" y="4"/>
                    <a:pt x="33667" y="4"/>
                  </a:cubicBezTo>
                  <a:cubicBezTo>
                    <a:pt x="33339" y="4"/>
                    <a:pt x="32997" y="53"/>
                    <a:pt x="32769" y="53"/>
                  </a:cubicBezTo>
                  <a:cubicBezTo>
                    <a:pt x="32767" y="53"/>
                    <a:pt x="32765" y="53"/>
                    <a:pt x="32762" y="53"/>
                  </a:cubicBezTo>
                  <a:cubicBezTo>
                    <a:pt x="31882" y="53"/>
                    <a:pt x="30999" y="53"/>
                    <a:pt x="30119" y="58"/>
                  </a:cubicBezTo>
                  <a:cubicBezTo>
                    <a:pt x="30116" y="58"/>
                    <a:pt x="30114" y="58"/>
                    <a:pt x="30111" y="58"/>
                  </a:cubicBezTo>
                  <a:cubicBezTo>
                    <a:pt x="29743" y="58"/>
                    <a:pt x="29303" y="1"/>
                    <a:pt x="28896"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42" name="Google Shape;542;p30"/>
            <p:cNvSpPr/>
            <p:nvPr/>
          </p:nvSpPr>
          <p:spPr>
            <a:xfrm>
              <a:off x="3354813" y="3765175"/>
              <a:ext cx="2396730" cy="1216289"/>
            </a:xfrm>
            <a:custGeom>
              <a:avLst/>
              <a:gdLst/>
              <a:ahLst/>
              <a:cxnLst/>
              <a:rect l="l" t="t" r="r" b="b"/>
              <a:pathLst>
                <a:path w="46802" h="23751" fill="none" extrusionOk="0">
                  <a:moveTo>
                    <a:pt x="46204" y="11390"/>
                  </a:moveTo>
                  <a:cubicBezTo>
                    <a:pt x="46183" y="11386"/>
                    <a:pt x="46163" y="11381"/>
                    <a:pt x="46142" y="11379"/>
                  </a:cubicBezTo>
                  <a:cubicBezTo>
                    <a:pt x="45412" y="11270"/>
                    <a:pt x="44370" y="11122"/>
                    <a:pt x="44353" y="12085"/>
                  </a:cubicBezTo>
                  <a:cubicBezTo>
                    <a:pt x="44346" y="12549"/>
                    <a:pt x="44631" y="14154"/>
                    <a:pt x="44247" y="14478"/>
                  </a:cubicBezTo>
                  <a:cubicBezTo>
                    <a:pt x="44175" y="14538"/>
                    <a:pt x="44075" y="14552"/>
                    <a:pt x="43983" y="14562"/>
                  </a:cubicBezTo>
                  <a:cubicBezTo>
                    <a:pt x="43515" y="14615"/>
                    <a:pt x="42479" y="14800"/>
                    <a:pt x="42479" y="14071"/>
                  </a:cubicBezTo>
                  <a:cubicBezTo>
                    <a:pt x="42479" y="13352"/>
                    <a:pt x="42933" y="10851"/>
                    <a:pt x="41905" y="10885"/>
                  </a:cubicBezTo>
                  <a:lnTo>
                    <a:pt x="39987" y="10950"/>
                  </a:lnTo>
                  <a:cubicBezTo>
                    <a:pt x="39422" y="10971"/>
                    <a:pt x="38122" y="11152"/>
                    <a:pt x="38145" y="10290"/>
                  </a:cubicBezTo>
                  <a:lnTo>
                    <a:pt x="38252" y="6162"/>
                  </a:lnTo>
                  <a:cubicBezTo>
                    <a:pt x="38256" y="5965"/>
                    <a:pt x="38261" y="5766"/>
                    <a:pt x="38206" y="5578"/>
                  </a:cubicBezTo>
                  <a:cubicBezTo>
                    <a:pt x="37890" y="4541"/>
                    <a:pt x="34573" y="6058"/>
                    <a:pt x="34594" y="4707"/>
                  </a:cubicBezTo>
                  <a:lnTo>
                    <a:pt x="34647" y="1362"/>
                  </a:lnTo>
                  <a:cubicBezTo>
                    <a:pt x="34650" y="1159"/>
                    <a:pt x="34652" y="952"/>
                    <a:pt x="34580" y="765"/>
                  </a:cubicBezTo>
                  <a:cubicBezTo>
                    <a:pt x="34349" y="160"/>
                    <a:pt x="33265" y="408"/>
                    <a:pt x="32760" y="408"/>
                  </a:cubicBezTo>
                  <a:cubicBezTo>
                    <a:pt x="31879" y="406"/>
                    <a:pt x="30999" y="408"/>
                    <a:pt x="30119" y="410"/>
                  </a:cubicBezTo>
                  <a:cubicBezTo>
                    <a:pt x="29137" y="415"/>
                    <a:pt x="27633" y="0"/>
                    <a:pt x="27633" y="1360"/>
                  </a:cubicBezTo>
                  <a:cubicBezTo>
                    <a:pt x="27670" y="5022"/>
                    <a:pt x="27710" y="8685"/>
                    <a:pt x="27747" y="12349"/>
                  </a:cubicBezTo>
                  <a:cubicBezTo>
                    <a:pt x="27754" y="13061"/>
                    <a:pt x="27378" y="13135"/>
                    <a:pt x="26769" y="13153"/>
                  </a:cubicBezTo>
                  <a:cubicBezTo>
                    <a:pt x="26125" y="13174"/>
                    <a:pt x="25481" y="13193"/>
                    <a:pt x="24840" y="13209"/>
                  </a:cubicBezTo>
                  <a:cubicBezTo>
                    <a:pt x="24388" y="13223"/>
                    <a:pt x="23605" y="13339"/>
                    <a:pt x="23396" y="12806"/>
                  </a:cubicBezTo>
                  <a:cubicBezTo>
                    <a:pt x="23327" y="12630"/>
                    <a:pt x="23327" y="12437"/>
                    <a:pt x="23329" y="12247"/>
                  </a:cubicBezTo>
                  <a:cubicBezTo>
                    <a:pt x="23336" y="11159"/>
                    <a:pt x="23346" y="10070"/>
                    <a:pt x="23352" y="8981"/>
                  </a:cubicBezTo>
                  <a:cubicBezTo>
                    <a:pt x="23357" y="8425"/>
                    <a:pt x="23730" y="6433"/>
                    <a:pt x="22924" y="6419"/>
                  </a:cubicBezTo>
                  <a:cubicBezTo>
                    <a:pt x="22301" y="6419"/>
                    <a:pt x="21678" y="6401"/>
                    <a:pt x="21055" y="6391"/>
                  </a:cubicBezTo>
                  <a:cubicBezTo>
                    <a:pt x="20663" y="6385"/>
                    <a:pt x="19586" y="6160"/>
                    <a:pt x="19329" y="6563"/>
                  </a:cubicBezTo>
                  <a:cubicBezTo>
                    <a:pt x="19227" y="6723"/>
                    <a:pt x="19225" y="6924"/>
                    <a:pt x="19225" y="7114"/>
                  </a:cubicBezTo>
                  <a:cubicBezTo>
                    <a:pt x="19225" y="8997"/>
                    <a:pt x="19285" y="10874"/>
                    <a:pt x="19310" y="12757"/>
                  </a:cubicBezTo>
                  <a:cubicBezTo>
                    <a:pt x="19313" y="13014"/>
                    <a:pt x="19294" y="13315"/>
                    <a:pt x="19081" y="13459"/>
                  </a:cubicBezTo>
                  <a:cubicBezTo>
                    <a:pt x="18958" y="13542"/>
                    <a:pt x="18803" y="13549"/>
                    <a:pt x="18655" y="13554"/>
                  </a:cubicBezTo>
                  <a:lnTo>
                    <a:pt x="12861" y="13739"/>
                  </a:lnTo>
                  <a:cubicBezTo>
                    <a:pt x="12528" y="13751"/>
                    <a:pt x="12106" y="13735"/>
                    <a:pt x="11960" y="13371"/>
                  </a:cubicBezTo>
                  <a:cubicBezTo>
                    <a:pt x="11905" y="13234"/>
                    <a:pt x="11907" y="13081"/>
                    <a:pt x="11909" y="12933"/>
                  </a:cubicBezTo>
                  <a:cubicBezTo>
                    <a:pt x="11923" y="12259"/>
                    <a:pt x="12310" y="10343"/>
                    <a:pt x="11773" y="9841"/>
                  </a:cubicBezTo>
                  <a:cubicBezTo>
                    <a:pt x="11610" y="9690"/>
                    <a:pt x="11367" y="9681"/>
                    <a:pt x="11147" y="9681"/>
                  </a:cubicBezTo>
                  <a:cubicBezTo>
                    <a:pt x="9600" y="9681"/>
                    <a:pt x="8055" y="9690"/>
                    <a:pt x="6510" y="9690"/>
                  </a:cubicBezTo>
                  <a:cubicBezTo>
                    <a:pt x="6343" y="9690"/>
                    <a:pt x="6206" y="9827"/>
                    <a:pt x="6206" y="9996"/>
                  </a:cubicBezTo>
                  <a:cubicBezTo>
                    <a:pt x="6204" y="11087"/>
                    <a:pt x="6225" y="12176"/>
                    <a:pt x="6241" y="13269"/>
                  </a:cubicBezTo>
                  <a:cubicBezTo>
                    <a:pt x="6257" y="14321"/>
                    <a:pt x="4978" y="14057"/>
                    <a:pt x="4290" y="14045"/>
                  </a:cubicBezTo>
                  <a:lnTo>
                    <a:pt x="945" y="13982"/>
                  </a:lnTo>
                  <a:cubicBezTo>
                    <a:pt x="793" y="13980"/>
                    <a:pt x="633" y="13980"/>
                    <a:pt x="496" y="14047"/>
                  </a:cubicBezTo>
                  <a:cubicBezTo>
                    <a:pt x="0" y="14288"/>
                    <a:pt x="301" y="15490"/>
                    <a:pt x="301" y="15926"/>
                  </a:cubicBezTo>
                  <a:lnTo>
                    <a:pt x="301" y="23445"/>
                  </a:lnTo>
                  <a:cubicBezTo>
                    <a:pt x="299" y="23614"/>
                    <a:pt x="438" y="23751"/>
                    <a:pt x="607" y="23751"/>
                  </a:cubicBezTo>
                  <a:lnTo>
                    <a:pt x="46207" y="23751"/>
                  </a:lnTo>
                  <a:cubicBezTo>
                    <a:pt x="46376" y="23751"/>
                    <a:pt x="46512" y="23614"/>
                    <a:pt x="46512" y="23445"/>
                  </a:cubicBezTo>
                  <a:lnTo>
                    <a:pt x="46512" y="14267"/>
                  </a:lnTo>
                  <a:cubicBezTo>
                    <a:pt x="46512" y="13783"/>
                    <a:pt x="46802" y="11747"/>
                    <a:pt x="46403" y="11465"/>
                  </a:cubicBezTo>
                  <a:cubicBezTo>
                    <a:pt x="46343" y="11425"/>
                    <a:pt x="46276" y="11400"/>
                    <a:pt x="46204" y="11390"/>
                  </a:cubicBezTo>
                  <a:close/>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543" name="Google Shape;543;p30"/>
          <p:cNvSpPr/>
          <p:nvPr/>
        </p:nvSpPr>
        <p:spPr>
          <a:xfrm rot="-308598">
            <a:off x="6493700" y="-145598"/>
            <a:ext cx="3569323" cy="1670575"/>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544" name="Google Shape;544;p30"/>
          <p:cNvGrpSpPr/>
          <p:nvPr/>
        </p:nvGrpSpPr>
        <p:grpSpPr>
          <a:xfrm>
            <a:off x="7217013" y="-808280"/>
            <a:ext cx="2509583" cy="1668048"/>
            <a:chOff x="-372074" y="-1220130"/>
            <a:chExt cx="2509583" cy="1668048"/>
          </a:xfrm>
        </p:grpSpPr>
        <p:sp>
          <p:nvSpPr>
            <p:cNvPr id="545" name="Google Shape;545;p30"/>
            <p:cNvSpPr/>
            <p:nvPr/>
          </p:nvSpPr>
          <p:spPr>
            <a:xfrm flipH="1">
              <a:off x="-27990" y="-396917"/>
              <a:ext cx="2066229" cy="844835"/>
            </a:xfrm>
            <a:custGeom>
              <a:avLst/>
              <a:gdLst/>
              <a:ahLst/>
              <a:cxnLst/>
              <a:rect l="l" t="t" r="r" b="b"/>
              <a:pathLst>
                <a:path w="29016" h="11864" extrusionOk="0">
                  <a:moveTo>
                    <a:pt x="215" y="0"/>
                  </a:moveTo>
                  <a:cubicBezTo>
                    <a:pt x="176" y="0"/>
                    <a:pt x="136" y="25"/>
                    <a:pt x="132" y="74"/>
                  </a:cubicBezTo>
                  <a:lnTo>
                    <a:pt x="134" y="72"/>
                  </a:lnTo>
                  <a:lnTo>
                    <a:pt x="134" y="72"/>
                  </a:lnTo>
                  <a:cubicBezTo>
                    <a:pt x="0" y="2481"/>
                    <a:pt x="649" y="4932"/>
                    <a:pt x="1916" y="6982"/>
                  </a:cubicBezTo>
                  <a:cubicBezTo>
                    <a:pt x="2553" y="8015"/>
                    <a:pt x="3352" y="8941"/>
                    <a:pt x="4281" y="9724"/>
                  </a:cubicBezTo>
                  <a:cubicBezTo>
                    <a:pt x="5226" y="10517"/>
                    <a:pt x="6347" y="11147"/>
                    <a:pt x="7577" y="11348"/>
                  </a:cubicBezTo>
                  <a:cubicBezTo>
                    <a:pt x="7912" y="11403"/>
                    <a:pt x="8243" y="11428"/>
                    <a:pt x="8572" y="11428"/>
                  </a:cubicBezTo>
                  <a:cubicBezTo>
                    <a:pt x="10620" y="11428"/>
                    <a:pt x="12553" y="10466"/>
                    <a:pt x="14478" y="9836"/>
                  </a:cubicBezTo>
                  <a:cubicBezTo>
                    <a:pt x="15465" y="9512"/>
                    <a:pt x="16470" y="9273"/>
                    <a:pt x="17505" y="9273"/>
                  </a:cubicBezTo>
                  <a:cubicBezTo>
                    <a:pt x="17634" y="9273"/>
                    <a:pt x="17763" y="9277"/>
                    <a:pt x="17892" y="9284"/>
                  </a:cubicBezTo>
                  <a:cubicBezTo>
                    <a:pt x="19004" y="9351"/>
                    <a:pt x="20118" y="9699"/>
                    <a:pt x="21179" y="10095"/>
                  </a:cubicBezTo>
                  <a:cubicBezTo>
                    <a:pt x="23160" y="10832"/>
                    <a:pt x="25183" y="11863"/>
                    <a:pt x="27337" y="11863"/>
                  </a:cubicBezTo>
                  <a:cubicBezTo>
                    <a:pt x="27506" y="11863"/>
                    <a:pt x="27676" y="11857"/>
                    <a:pt x="27846" y="11844"/>
                  </a:cubicBezTo>
                  <a:cubicBezTo>
                    <a:pt x="28138" y="11823"/>
                    <a:pt x="28430" y="11772"/>
                    <a:pt x="28713" y="11691"/>
                  </a:cubicBezTo>
                  <a:cubicBezTo>
                    <a:pt x="28902" y="11635"/>
                    <a:pt x="29016" y="11438"/>
                    <a:pt x="28967" y="11246"/>
                  </a:cubicBezTo>
                  <a:cubicBezTo>
                    <a:pt x="28917" y="11064"/>
                    <a:pt x="28765" y="10986"/>
                    <a:pt x="28599" y="10986"/>
                  </a:cubicBezTo>
                  <a:cubicBezTo>
                    <a:pt x="28573" y="10986"/>
                    <a:pt x="28547" y="10988"/>
                    <a:pt x="28520" y="10991"/>
                  </a:cubicBezTo>
                  <a:cubicBezTo>
                    <a:pt x="28268" y="11026"/>
                    <a:pt x="28020" y="11056"/>
                    <a:pt x="27740" y="11072"/>
                  </a:cubicBezTo>
                  <a:cubicBezTo>
                    <a:pt x="27610" y="11080"/>
                    <a:pt x="27481" y="11084"/>
                    <a:pt x="27351" y="11084"/>
                  </a:cubicBezTo>
                  <a:cubicBezTo>
                    <a:pt x="27204" y="11084"/>
                    <a:pt x="27057" y="11079"/>
                    <a:pt x="26910" y="11068"/>
                  </a:cubicBezTo>
                  <a:cubicBezTo>
                    <a:pt x="26394" y="11033"/>
                    <a:pt x="25907" y="10940"/>
                    <a:pt x="25370" y="10799"/>
                  </a:cubicBezTo>
                  <a:cubicBezTo>
                    <a:pt x="24265" y="10510"/>
                    <a:pt x="23204" y="10069"/>
                    <a:pt x="22136" y="9662"/>
                  </a:cubicBezTo>
                  <a:cubicBezTo>
                    <a:pt x="21071" y="9254"/>
                    <a:pt x="19986" y="8863"/>
                    <a:pt x="18856" y="8682"/>
                  </a:cubicBezTo>
                  <a:cubicBezTo>
                    <a:pt x="18422" y="8613"/>
                    <a:pt x="17984" y="8569"/>
                    <a:pt x="17546" y="8569"/>
                  </a:cubicBezTo>
                  <a:cubicBezTo>
                    <a:pt x="17411" y="8569"/>
                    <a:pt x="17276" y="8574"/>
                    <a:pt x="17142" y="8582"/>
                  </a:cubicBezTo>
                  <a:cubicBezTo>
                    <a:pt x="16537" y="8626"/>
                    <a:pt x="15940" y="8728"/>
                    <a:pt x="15358" y="8890"/>
                  </a:cubicBezTo>
                  <a:cubicBezTo>
                    <a:pt x="14214" y="9198"/>
                    <a:pt x="13123" y="9676"/>
                    <a:pt x="12018" y="10095"/>
                  </a:cubicBezTo>
                  <a:cubicBezTo>
                    <a:pt x="10962" y="10493"/>
                    <a:pt x="9859" y="10873"/>
                    <a:pt x="8724" y="10940"/>
                  </a:cubicBezTo>
                  <a:cubicBezTo>
                    <a:pt x="8612" y="10947"/>
                    <a:pt x="8501" y="10951"/>
                    <a:pt x="8390" y="10951"/>
                  </a:cubicBezTo>
                  <a:cubicBezTo>
                    <a:pt x="7301" y="10951"/>
                    <a:pt x="6263" y="10624"/>
                    <a:pt x="5323" y="10060"/>
                  </a:cubicBezTo>
                  <a:cubicBezTo>
                    <a:pt x="4288" y="9439"/>
                    <a:pt x="3394" y="8578"/>
                    <a:pt x="2659" y="7621"/>
                  </a:cubicBezTo>
                  <a:cubicBezTo>
                    <a:pt x="1195" y="5715"/>
                    <a:pt x="343" y="3361"/>
                    <a:pt x="276" y="957"/>
                  </a:cubicBezTo>
                  <a:cubicBezTo>
                    <a:pt x="269" y="662"/>
                    <a:pt x="271" y="368"/>
                    <a:pt x="287" y="74"/>
                  </a:cubicBezTo>
                  <a:cubicBezTo>
                    <a:pt x="290" y="24"/>
                    <a:pt x="253" y="0"/>
                    <a:pt x="21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46" name="Google Shape;546;p30"/>
            <p:cNvSpPr/>
            <p:nvPr/>
          </p:nvSpPr>
          <p:spPr>
            <a:xfrm flipH="1">
              <a:off x="-372074" y="-1220130"/>
              <a:ext cx="2509583" cy="1348504"/>
            </a:xfrm>
            <a:custGeom>
              <a:avLst/>
              <a:gdLst/>
              <a:ahLst/>
              <a:cxnLst/>
              <a:rect l="l" t="t" r="r" b="b"/>
              <a:pathLst>
                <a:path w="35242" h="18937" extrusionOk="0">
                  <a:moveTo>
                    <a:pt x="109" y="0"/>
                  </a:moveTo>
                  <a:cubicBezTo>
                    <a:pt x="54" y="0"/>
                    <a:pt x="1" y="55"/>
                    <a:pt x="41" y="112"/>
                  </a:cubicBezTo>
                  <a:lnTo>
                    <a:pt x="44" y="112"/>
                  </a:lnTo>
                  <a:cubicBezTo>
                    <a:pt x="2152" y="3026"/>
                    <a:pt x="3845" y="6223"/>
                    <a:pt x="5073" y="9605"/>
                  </a:cubicBezTo>
                  <a:cubicBezTo>
                    <a:pt x="5677" y="11266"/>
                    <a:pt x="6087" y="13005"/>
                    <a:pt x="6805" y="14622"/>
                  </a:cubicBezTo>
                  <a:cubicBezTo>
                    <a:pt x="7440" y="16051"/>
                    <a:pt x="8404" y="17404"/>
                    <a:pt x="9814" y="18155"/>
                  </a:cubicBezTo>
                  <a:cubicBezTo>
                    <a:pt x="10442" y="18488"/>
                    <a:pt x="11137" y="18688"/>
                    <a:pt x="11851" y="18699"/>
                  </a:cubicBezTo>
                  <a:cubicBezTo>
                    <a:pt x="11872" y="18699"/>
                    <a:pt x="11893" y="18700"/>
                    <a:pt x="11914" y="18700"/>
                  </a:cubicBezTo>
                  <a:cubicBezTo>
                    <a:pt x="12532" y="18700"/>
                    <a:pt x="13145" y="18570"/>
                    <a:pt x="13727" y="18375"/>
                  </a:cubicBezTo>
                  <a:cubicBezTo>
                    <a:pt x="15003" y="17944"/>
                    <a:pt x="16148" y="17221"/>
                    <a:pt x="17366" y="16663"/>
                  </a:cubicBezTo>
                  <a:cubicBezTo>
                    <a:pt x="18191" y="16283"/>
                    <a:pt x="19096" y="15961"/>
                    <a:pt x="20008" y="15961"/>
                  </a:cubicBezTo>
                  <a:cubicBezTo>
                    <a:pt x="20330" y="15961"/>
                    <a:pt x="20652" y="16001"/>
                    <a:pt x="20973" y="16093"/>
                  </a:cubicBezTo>
                  <a:cubicBezTo>
                    <a:pt x="21795" y="16329"/>
                    <a:pt x="22453" y="16883"/>
                    <a:pt x="23162" y="17332"/>
                  </a:cubicBezTo>
                  <a:cubicBezTo>
                    <a:pt x="23817" y="17747"/>
                    <a:pt x="24517" y="18085"/>
                    <a:pt x="25247" y="18340"/>
                  </a:cubicBezTo>
                  <a:cubicBezTo>
                    <a:pt x="26379" y="18739"/>
                    <a:pt x="27581" y="18936"/>
                    <a:pt x="28784" y="18936"/>
                  </a:cubicBezTo>
                  <a:cubicBezTo>
                    <a:pt x="30679" y="18936"/>
                    <a:pt x="32575" y="18445"/>
                    <a:pt x="34202" y="17476"/>
                  </a:cubicBezTo>
                  <a:cubicBezTo>
                    <a:pt x="34529" y="17279"/>
                    <a:pt x="34820" y="17034"/>
                    <a:pt x="35071" y="16746"/>
                  </a:cubicBezTo>
                  <a:cubicBezTo>
                    <a:pt x="35242" y="16556"/>
                    <a:pt x="35091" y="16308"/>
                    <a:pt x="34880" y="16308"/>
                  </a:cubicBezTo>
                  <a:cubicBezTo>
                    <a:pt x="34840" y="16308"/>
                    <a:pt x="34798" y="16316"/>
                    <a:pt x="34756" y="16336"/>
                  </a:cubicBezTo>
                  <a:cubicBezTo>
                    <a:pt x="34589" y="16415"/>
                    <a:pt x="34410" y="16478"/>
                    <a:pt x="34251" y="16570"/>
                  </a:cubicBezTo>
                  <a:cubicBezTo>
                    <a:pt x="34077" y="16672"/>
                    <a:pt x="33899" y="16770"/>
                    <a:pt x="33722" y="16869"/>
                  </a:cubicBezTo>
                  <a:cubicBezTo>
                    <a:pt x="33403" y="17050"/>
                    <a:pt x="33072" y="17214"/>
                    <a:pt x="32731" y="17358"/>
                  </a:cubicBezTo>
                  <a:cubicBezTo>
                    <a:pt x="32064" y="17638"/>
                    <a:pt x="31369" y="17849"/>
                    <a:pt x="30658" y="17986"/>
                  </a:cubicBezTo>
                  <a:cubicBezTo>
                    <a:pt x="30000" y="18112"/>
                    <a:pt x="29333" y="18175"/>
                    <a:pt x="28667" y="18175"/>
                  </a:cubicBezTo>
                  <a:cubicBezTo>
                    <a:pt x="27863" y="18175"/>
                    <a:pt x="27059" y="18083"/>
                    <a:pt x="26270" y="17898"/>
                  </a:cubicBezTo>
                  <a:cubicBezTo>
                    <a:pt x="25555" y="17731"/>
                    <a:pt x="24860" y="17483"/>
                    <a:pt x="24200" y="17156"/>
                  </a:cubicBezTo>
                  <a:cubicBezTo>
                    <a:pt x="23468" y="16788"/>
                    <a:pt x="22805" y="16297"/>
                    <a:pt x="22080" y="15919"/>
                  </a:cubicBezTo>
                  <a:cubicBezTo>
                    <a:pt x="21460" y="15597"/>
                    <a:pt x="20794" y="15404"/>
                    <a:pt x="20094" y="15404"/>
                  </a:cubicBezTo>
                  <a:cubicBezTo>
                    <a:pt x="20069" y="15404"/>
                    <a:pt x="20045" y="15405"/>
                    <a:pt x="20021" y="15405"/>
                  </a:cubicBezTo>
                  <a:cubicBezTo>
                    <a:pt x="19393" y="15419"/>
                    <a:pt x="18774" y="15584"/>
                    <a:pt x="18191" y="15811"/>
                  </a:cubicBezTo>
                  <a:cubicBezTo>
                    <a:pt x="16958" y="16297"/>
                    <a:pt x="15842" y="17027"/>
                    <a:pt x="14656" y="17610"/>
                  </a:cubicBezTo>
                  <a:cubicBezTo>
                    <a:pt x="13763" y="18049"/>
                    <a:pt x="12789" y="18408"/>
                    <a:pt x="11796" y="18408"/>
                  </a:cubicBezTo>
                  <a:cubicBezTo>
                    <a:pt x="11488" y="18408"/>
                    <a:pt x="11178" y="18373"/>
                    <a:pt x="10868" y="18296"/>
                  </a:cubicBezTo>
                  <a:cubicBezTo>
                    <a:pt x="9386" y="17928"/>
                    <a:pt x="8223" y="16728"/>
                    <a:pt x="7486" y="15438"/>
                  </a:cubicBezTo>
                  <a:cubicBezTo>
                    <a:pt x="6608" y="13895"/>
                    <a:pt x="6196" y="12148"/>
                    <a:pt x="5631" y="10480"/>
                  </a:cubicBezTo>
                  <a:cubicBezTo>
                    <a:pt x="4498" y="7154"/>
                    <a:pt x="2916" y="3997"/>
                    <a:pt x="929" y="1099"/>
                  </a:cubicBezTo>
                  <a:cubicBezTo>
                    <a:pt x="683" y="740"/>
                    <a:pt x="430" y="383"/>
                    <a:pt x="173" y="33"/>
                  </a:cubicBezTo>
                  <a:cubicBezTo>
                    <a:pt x="156" y="10"/>
                    <a:pt x="133" y="0"/>
                    <a:pt x="109"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547" name="Google Shape;547;p30"/>
          <p:cNvSpPr/>
          <p:nvPr/>
        </p:nvSpPr>
        <p:spPr>
          <a:xfrm rot="-6302922">
            <a:off x="183675" y="-1168387"/>
            <a:ext cx="1200526" cy="2804603"/>
          </a:xfrm>
          <a:custGeom>
            <a:avLst/>
            <a:gdLst/>
            <a:ahLst/>
            <a:cxnLst/>
            <a:rect l="l" t="t" r="r" b="b"/>
            <a:pathLst>
              <a:path w="8178" h="19105" extrusionOk="0">
                <a:moveTo>
                  <a:pt x="4806" y="0"/>
                </a:moveTo>
                <a:cubicBezTo>
                  <a:pt x="4270" y="0"/>
                  <a:pt x="3760" y="379"/>
                  <a:pt x="3343" y="752"/>
                </a:cubicBezTo>
                <a:cubicBezTo>
                  <a:pt x="2417" y="1583"/>
                  <a:pt x="1539" y="2505"/>
                  <a:pt x="994" y="3624"/>
                </a:cubicBezTo>
                <a:cubicBezTo>
                  <a:pt x="448" y="4743"/>
                  <a:pt x="269" y="6089"/>
                  <a:pt x="749" y="7238"/>
                </a:cubicBezTo>
                <a:cubicBezTo>
                  <a:pt x="1147" y="8192"/>
                  <a:pt x="1990" y="9028"/>
                  <a:pt x="1932" y="10062"/>
                </a:cubicBezTo>
                <a:cubicBezTo>
                  <a:pt x="1881" y="11000"/>
                  <a:pt x="1103" y="11715"/>
                  <a:pt x="698" y="12563"/>
                </a:cubicBezTo>
                <a:cubicBezTo>
                  <a:pt x="0" y="14016"/>
                  <a:pt x="480" y="15825"/>
                  <a:pt x="1502" y="17069"/>
                </a:cubicBezTo>
                <a:cubicBezTo>
                  <a:pt x="2266" y="18003"/>
                  <a:pt x="3391" y="19105"/>
                  <a:pt x="4438" y="19105"/>
                </a:cubicBezTo>
                <a:cubicBezTo>
                  <a:pt x="4860" y="19105"/>
                  <a:pt x="5269" y="18925"/>
                  <a:pt x="5636" y="18484"/>
                </a:cubicBezTo>
                <a:cubicBezTo>
                  <a:pt x="6751" y="17148"/>
                  <a:pt x="7200" y="14548"/>
                  <a:pt x="7494" y="12883"/>
                </a:cubicBezTo>
                <a:cubicBezTo>
                  <a:pt x="8178" y="9033"/>
                  <a:pt x="7779" y="4982"/>
                  <a:pt x="6253" y="1373"/>
                </a:cubicBezTo>
                <a:cubicBezTo>
                  <a:pt x="6012" y="800"/>
                  <a:pt x="5669" y="175"/>
                  <a:pt x="5067" y="31"/>
                </a:cubicBezTo>
                <a:cubicBezTo>
                  <a:pt x="4979" y="10"/>
                  <a:pt x="4892" y="0"/>
                  <a:pt x="480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548" name="Google Shape;548;p30"/>
          <p:cNvGrpSpPr/>
          <p:nvPr/>
        </p:nvGrpSpPr>
        <p:grpSpPr>
          <a:xfrm flipH="1">
            <a:off x="3" y="3047350"/>
            <a:ext cx="1064258" cy="2033395"/>
            <a:chOff x="-56046" y="3110100"/>
            <a:chExt cx="1064258" cy="2033395"/>
          </a:xfrm>
        </p:grpSpPr>
        <p:sp>
          <p:nvSpPr>
            <p:cNvPr id="549" name="Google Shape;549;p30"/>
            <p:cNvSpPr/>
            <p:nvPr/>
          </p:nvSpPr>
          <p:spPr>
            <a:xfrm>
              <a:off x="6861" y="3186582"/>
              <a:ext cx="1001351" cy="1956913"/>
            </a:xfrm>
            <a:custGeom>
              <a:avLst/>
              <a:gdLst/>
              <a:ahLst/>
              <a:cxnLst/>
              <a:rect l="l" t="t" r="r" b="b"/>
              <a:pathLst>
                <a:path w="9885" h="19318" extrusionOk="0">
                  <a:moveTo>
                    <a:pt x="8551" y="1"/>
                  </a:moveTo>
                  <a:cubicBezTo>
                    <a:pt x="8546" y="1"/>
                    <a:pt x="8541" y="1"/>
                    <a:pt x="8536" y="1"/>
                  </a:cubicBezTo>
                  <a:cubicBezTo>
                    <a:pt x="7468" y="20"/>
                    <a:pt x="6400" y="38"/>
                    <a:pt x="5333" y="59"/>
                  </a:cubicBezTo>
                  <a:cubicBezTo>
                    <a:pt x="5303" y="59"/>
                    <a:pt x="5273" y="60"/>
                    <a:pt x="5243" y="60"/>
                  </a:cubicBezTo>
                  <a:cubicBezTo>
                    <a:pt x="5102" y="60"/>
                    <a:pt x="4954" y="55"/>
                    <a:pt x="4806" y="55"/>
                  </a:cubicBezTo>
                  <a:cubicBezTo>
                    <a:pt x="4232" y="55"/>
                    <a:pt x="3655" y="121"/>
                    <a:pt x="3484" y="763"/>
                  </a:cubicBezTo>
                  <a:cubicBezTo>
                    <a:pt x="3331" y="1342"/>
                    <a:pt x="3477" y="2139"/>
                    <a:pt x="3477" y="2737"/>
                  </a:cubicBezTo>
                  <a:lnTo>
                    <a:pt x="3477" y="6415"/>
                  </a:lnTo>
                  <a:cubicBezTo>
                    <a:pt x="3477" y="7130"/>
                    <a:pt x="2856" y="7253"/>
                    <a:pt x="2234" y="7253"/>
                  </a:cubicBezTo>
                  <a:cubicBezTo>
                    <a:pt x="1911" y="7253"/>
                    <a:pt x="1588" y="7220"/>
                    <a:pt x="1353" y="7219"/>
                  </a:cubicBezTo>
                  <a:cubicBezTo>
                    <a:pt x="1158" y="7219"/>
                    <a:pt x="959" y="7219"/>
                    <a:pt x="781" y="7295"/>
                  </a:cubicBezTo>
                  <a:cubicBezTo>
                    <a:pt x="491" y="7418"/>
                    <a:pt x="313" y="7726"/>
                    <a:pt x="260" y="8037"/>
                  </a:cubicBezTo>
                  <a:cubicBezTo>
                    <a:pt x="0" y="9542"/>
                    <a:pt x="243" y="11250"/>
                    <a:pt x="253" y="12781"/>
                  </a:cubicBezTo>
                  <a:cubicBezTo>
                    <a:pt x="264" y="14581"/>
                    <a:pt x="273" y="16381"/>
                    <a:pt x="283" y="18180"/>
                  </a:cubicBezTo>
                  <a:cubicBezTo>
                    <a:pt x="287" y="18722"/>
                    <a:pt x="440" y="19318"/>
                    <a:pt x="1082" y="19318"/>
                  </a:cubicBezTo>
                  <a:cubicBezTo>
                    <a:pt x="1088" y="19318"/>
                    <a:pt x="1094" y="19318"/>
                    <a:pt x="1100" y="19318"/>
                  </a:cubicBezTo>
                  <a:lnTo>
                    <a:pt x="8300" y="19170"/>
                  </a:lnTo>
                  <a:cubicBezTo>
                    <a:pt x="8810" y="19160"/>
                    <a:pt x="9016" y="18787"/>
                    <a:pt x="9081" y="18366"/>
                  </a:cubicBezTo>
                  <a:cubicBezTo>
                    <a:pt x="9095" y="18266"/>
                    <a:pt x="9101" y="18164"/>
                    <a:pt x="9104" y="18062"/>
                  </a:cubicBezTo>
                  <a:cubicBezTo>
                    <a:pt x="9152" y="14845"/>
                    <a:pt x="9201" y="11627"/>
                    <a:pt x="9247" y="8410"/>
                  </a:cubicBezTo>
                  <a:cubicBezTo>
                    <a:pt x="9273" y="6781"/>
                    <a:pt x="9296" y="5150"/>
                    <a:pt x="9322" y="3520"/>
                  </a:cubicBezTo>
                  <a:cubicBezTo>
                    <a:pt x="9333" y="2730"/>
                    <a:pt x="9885" y="1"/>
                    <a:pt x="8551"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50" name="Google Shape;550;p30"/>
            <p:cNvSpPr/>
            <p:nvPr/>
          </p:nvSpPr>
          <p:spPr>
            <a:xfrm>
              <a:off x="-56046" y="3110100"/>
              <a:ext cx="1001857" cy="1966537"/>
            </a:xfrm>
            <a:custGeom>
              <a:avLst/>
              <a:gdLst/>
              <a:ahLst/>
              <a:cxnLst/>
              <a:rect l="l" t="t" r="r" b="b"/>
              <a:pathLst>
                <a:path w="9890" h="19413" fill="none" extrusionOk="0">
                  <a:moveTo>
                    <a:pt x="9081" y="18449"/>
                  </a:moveTo>
                  <a:cubicBezTo>
                    <a:pt x="9095" y="18347"/>
                    <a:pt x="9102" y="18245"/>
                    <a:pt x="9104" y="18143"/>
                  </a:cubicBezTo>
                  <a:cubicBezTo>
                    <a:pt x="9153" y="14926"/>
                    <a:pt x="9201" y="11710"/>
                    <a:pt x="9248" y="8493"/>
                  </a:cubicBezTo>
                  <a:cubicBezTo>
                    <a:pt x="9273" y="6862"/>
                    <a:pt x="9296" y="5234"/>
                    <a:pt x="9322" y="3603"/>
                  </a:cubicBezTo>
                  <a:cubicBezTo>
                    <a:pt x="9333" y="2808"/>
                    <a:pt x="9889" y="63"/>
                    <a:pt x="8536" y="84"/>
                  </a:cubicBezTo>
                  <a:cubicBezTo>
                    <a:pt x="7469" y="103"/>
                    <a:pt x="6401" y="121"/>
                    <a:pt x="5333" y="140"/>
                  </a:cubicBezTo>
                  <a:cubicBezTo>
                    <a:pt x="4633" y="154"/>
                    <a:pt x="3709" y="1"/>
                    <a:pt x="3484" y="846"/>
                  </a:cubicBezTo>
                  <a:cubicBezTo>
                    <a:pt x="3331" y="1425"/>
                    <a:pt x="3477" y="2222"/>
                    <a:pt x="3477" y="2820"/>
                  </a:cubicBezTo>
                  <a:lnTo>
                    <a:pt x="3477" y="6496"/>
                  </a:lnTo>
                  <a:cubicBezTo>
                    <a:pt x="3477" y="7585"/>
                    <a:pt x="2041" y="7305"/>
                    <a:pt x="1353" y="7302"/>
                  </a:cubicBezTo>
                  <a:cubicBezTo>
                    <a:pt x="1159" y="7302"/>
                    <a:pt x="959" y="7302"/>
                    <a:pt x="781" y="7376"/>
                  </a:cubicBezTo>
                  <a:cubicBezTo>
                    <a:pt x="491" y="7501"/>
                    <a:pt x="313" y="7807"/>
                    <a:pt x="260" y="8118"/>
                  </a:cubicBezTo>
                  <a:cubicBezTo>
                    <a:pt x="0" y="9623"/>
                    <a:pt x="244" y="11333"/>
                    <a:pt x="253" y="12862"/>
                  </a:cubicBezTo>
                  <a:cubicBezTo>
                    <a:pt x="264" y="14662"/>
                    <a:pt x="274" y="16464"/>
                    <a:pt x="283" y="18264"/>
                  </a:cubicBezTo>
                  <a:cubicBezTo>
                    <a:pt x="288" y="18810"/>
                    <a:pt x="443" y="19413"/>
                    <a:pt x="1101" y="19399"/>
                  </a:cubicBezTo>
                  <a:lnTo>
                    <a:pt x="8300" y="19250"/>
                  </a:lnTo>
                  <a:cubicBezTo>
                    <a:pt x="8812" y="19241"/>
                    <a:pt x="9016" y="18871"/>
                    <a:pt x="9081" y="18449"/>
                  </a:cubicBezTo>
                  <a:close/>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551" name="Google Shape;551;p30"/>
          <p:cNvGrpSpPr/>
          <p:nvPr/>
        </p:nvGrpSpPr>
        <p:grpSpPr>
          <a:xfrm flipH="1">
            <a:off x="5475890" y="3527305"/>
            <a:ext cx="631620" cy="1553456"/>
            <a:chOff x="889085" y="3601710"/>
            <a:chExt cx="597164" cy="1468850"/>
          </a:xfrm>
        </p:grpSpPr>
        <p:sp>
          <p:nvSpPr>
            <p:cNvPr id="552" name="Google Shape;552;p30"/>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53" name="Google Shape;553;p30"/>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554" name="Google Shape;554;p30"/>
          <p:cNvGrpSpPr/>
          <p:nvPr/>
        </p:nvGrpSpPr>
        <p:grpSpPr>
          <a:xfrm flipH="1">
            <a:off x="4571997" y="3984588"/>
            <a:ext cx="818808" cy="1096167"/>
            <a:chOff x="113834" y="3966188"/>
            <a:chExt cx="818808" cy="1096167"/>
          </a:xfrm>
        </p:grpSpPr>
        <p:sp>
          <p:nvSpPr>
            <p:cNvPr id="555" name="Google Shape;555;p30"/>
            <p:cNvSpPr/>
            <p:nvPr/>
          </p:nvSpPr>
          <p:spPr>
            <a:xfrm>
              <a:off x="164788" y="4075897"/>
              <a:ext cx="767854" cy="568901"/>
            </a:xfrm>
            <a:custGeom>
              <a:avLst/>
              <a:gdLst/>
              <a:ahLst/>
              <a:cxnLst/>
              <a:rect l="l" t="t" r="r" b="b"/>
              <a:pathLst>
                <a:path w="7580" h="5616" extrusionOk="0">
                  <a:moveTo>
                    <a:pt x="4274" y="1"/>
                  </a:moveTo>
                  <a:cubicBezTo>
                    <a:pt x="3072" y="1"/>
                    <a:pt x="1264" y="791"/>
                    <a:pt x="753" y="1609"/>
                  </a:cubicBezTo>
                  <a:cubicBezTo>
                    <a:pt x="0" y="2816"/>
                    <a:pt x="2259" y="2512"/>
                    <a:pt x="2208" y="2966"/>
                  </a:cubicBezTo>
                  <a:cubicBezTo>
                    <a:pt x="2159" y="3418"/>
                    <a:pt x="1003" y="3870"/>
                    <a:pt x="1557" y="5091"/>
                  </a:cubicBezTo>
                  <a:cubicBezTo>
                    <a:pt x="1734" y="5482"/>
                    <a:pt x="2050" y="5615"/>
                    <a:pt x="2398" y="5615"/>
                  </a:cubicBezTo>
                  <a:cubicBezTo>
                    <a:pt x="3136" y="5615"/>
                    <a:pt x="4017" y="5019"/>
                    <a:pt x="4017" y="5019"/>
                  </a:cubicBezTo>
                  <a:lnTo>
                    <a:pt x="4818" y="4773"/>
                  </a:lnTo>
                  <a:cubicBezTo>
                    <a:pt x="7230" y="4472"/>
                    <a:pt x="7580" y="3518"/>
                    <a:pt x="7429" y="2306"/>
                  </a:cubicBezTo>
                  <a:cubicBezTo>
                    <a:pt x="7278" y="1095"/>
                    <a:pt x="5673" y="1961"/>
                    <a:pt x="5372" y="611"/>
                  </a:cubicBezTo>
                  <a:cubicBezTo>
                    <a:pt x="5275" y="177"/>
                    <a:pt x="4843" y="1"/>
                    <a:pt x="4274"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56" name="Google Shape;556;p30"/>
            <p:cNvSpPr/>
            <p:nvPr/>
          </p:nvSpPr>
          <p:spPr>
            <a:xfrm>
              <a:off x="113834" y="3966188"/>
              <a:ext cx="768158" cy="1096167"/>
            </a:xfrm>
            <a:custGeom>
              <a:avLst/>
              <a:gdLst/>
              <a:ahLst/>
              <a:cxnLst/>
              <a:rect l="l" t="t" r="r" b="b"/>
              <a:pathLst>
                <a:path w="7583" h="10821" fill="none" extrusionOk="0">
                  <a:moveTo>
                    <a:pt x="4017" y="10820"/>
                  </a:moveTo>
                  <a:lnTo>
                    <a:pt x="4017" y="5759"/>
                  </a:lnTo>
                  <a:cubicBezTo>
                    <a:pt x="4017" y="5759"/>
                    <a:pt x="2111" y="7049"/>
                    <a:pt x="1557" y="5828"/>
                  </a:cubicBezTo>
                  <a:cubicBezTo>
                    <a:pt x="1006" y="4608"/>
                    <a:pt x="2159" y="4156"/>
                    <a:pt x="2210" y="3704"/>
                  </a:cubicBezTo>
                  <a:cubicBezTo>
                    <a:pt x="2261" y="3253"/>
                    <a:pt x="0" y="3554"/>
                    <a:pt x="753" y="2349"/>
                  </a:cubicBezTo>
                  <a:cubicBezTo>
                    <a:pt x="1506" y="1145"/>
                    <a:pt x="5071" y="0"/>
                    <a:pt x="5372" y="1351"/>
                  </a:cubicBezTo>
                  <a:cubicBezTo>
                    <a:pt x="5673" y="2699"/>
                    <a:pt x="7281" y="1835"/>
                    <a:pt x="7432" y="3046"/>
                  </a:cubicBezTo>
                  <a:cubicBezTo>
                    <a:pt x="7582" y="4256"/>
                    <a:pt x="7230" y="5210"/>
                    <a:pt x="4821" y="5511"/>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557" name="Google Shape;557;p30"/>
          <p:cNvSpPr/>
          <p:nvPr/>
        </p:nvSpPr>
        <p:spPr>
          <a:xfrm rot="3541365">
            <a:off x="-329641" y="-225262"/>
            <a:ext cx="1490280" cy="1924093"/>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58" name="Google Shape;558;p30"/>
          <p:cNvSpPr/>
          <p:nvPr/>
        </p:nvSpPr>
        <p:spPr>
          <a:xfrm rot="8284272" flipH="1">
            <a:off x="1913272" y="-1475342"/>
            <a:ext cx="4545454" cy="3233934"/>
          </a:xfrm>
          <a:custGeom>
            <a:avLst/>
            <a:gdLst/>
            <a:ahLst/>
            <a:cxnLst/>
            <a:rect l="l" t="t" r="r" b="b"/>
            <a:pathLst>
              <a:path w="51519" h="36654" fill="none" extrusionOk="0">
                <a:moveTo>
                  <a:pt x="0" y="34286"/>
                </a:moveTo>
                <a:cubicBezTo>
                  <a:pt x="3758" y="36568"/>
                  <a:pt x="8747" y="36653"/>
                  <a:pt x="12583" y="34504"/>
                </a:cubicBezTo>
                <a:cubicBezTo>
                  <a:pt x="16417" y="32354"/>
                  <a:pt x="18946" y="28050"/>
                  <a:pt x="18958" y="23653"/>
                </a:cubicBezTo>
                <a:cubicBezTo>
                  <a:pt x="18965" y="21682"/>
                  <a:pt x="18504" y="19743"/>
                  <a:pt x="18180" y="17797"/>
                </a:cubicBezTo>
                <a:cubicBezTo>
                  <a:pt x="17853" y="15852"/>
                  <a:pt x="17663" y="13829"/>
                  <a:pt x="18198" y="11930"/>
                </a:cubicBezTo>
                <a:cubicBezTo>
                  <a:pt x="18736" y="10033"/>
                  <a:pt x="20130" y="8272"/>
                  <a:pt x="22044" y="7793"/>
                </a:cubicBezTo>
                <a:cubicBezTo>
                  <a:pt x="23957" y="7316"/>
                  <a:pt x="26271" y="8513"/>
                  <a:pt x="26575" y="10461"/>
                </a:cubicBezTo>
                <a:cubicBezTo>
                  <a:pt x="26815" y="12013"/>
                  <a:pt x="25632" y="13646"/>
                  <a:pt x="24080" y="13897"/>
                </a:cubicBezTo>
                <a:cubicBezTo>
                  <a:pt x="22530" y="14147"/>
                  <a:pt x="20890" y="12970"/>
                  <a:pt x="20633" y="11420"/>
                </a:cubicBezTo>
                <a:cubicBezTo>
                  <a:pt x="20373" y="9873"/>
                  <a:pt x="21541" y="8226"/>
                  <a:pt x="23088" y="7959"/>
                </a:cubicBezTo>
                <a:cubicBezTo>
                  <a:pt x="24728" y="7677"/>
                  <a:pt x="26285" y="8770"/>
                  <a:pt x="27439" y="9970"/>
                </a:cubicBezTo>
                <a:cubicBezTo>
                  <a:pt x="28594" y="11170"/>
                  <a:pt x="29630" y="12583"/>
                  <a:pt x="31154" y="13253"/>
                </a:cubicBezTo>
                <a:cubicBezTo>
                  <a:pt x="33943" y="14478"/>
                  <a:pt x="37615" y="12129"/>
                  <a:pt x="37668" y="9083"/>
                </a:cubicBezTo>
                <a:cubicBezTo>
                  <a:pt x="37714" y="6553"/>
                  <a:pt x="35773" y="3811"/>
                  <a:pt x="37184" y="1707"/>
                </a:cubicBezTo>
                <a:cubicBezTo>
                  <a:pt x="38328" y="0"/>
                  <a:pt x="41032" y="155"/>
                  <a:pt x="42692" y="1369"/>
                </a:cubicBezTo>
                <a:cubicBezTo>
                  <a:pt x="44356" y="2583"/>
                  <a:pt x="45322" y="4501"/>
                  <a:pt x="46521" y="6171"/>
                </a:cubicBezTo>
                <a:cubicBezTo>
                  <a:pt x="47724" y="7841"/>
                  <a:pt x="49461" y="9419"/>
                  <a:pt x="51518" y="9352"/>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559" name="Google Shape;559;p30"/>
          <p:cNvGrpSpPr/>
          <p:nvPr/>
        </p:nvGrpSpPr>
        <p:grpSpPr>
          <a:xfrm>
            <a:off x="6274796" y="1628822"/>
            <a:ext cx="542009" cy="1370216"/>
            <a:chOff x="6086050" y="4051075"/>
            <a:chExt cx="271575" cy="686550"/>
          </a:xfrm>
        </p:grpSpPr>
        <p:sp>
          <p:nvSpPr>
            <p:cNvPr id="560" name="Google Shape;560;p30"/>
            <p:cNvSpPr/>
            <p:nvPr/>
          </p:nvSpPr>
          <p:spPr>
            <a:xfrm>
              <a:off x="6288975" y="4051075"/>
              <a:ext cx="16275" cy="283525"/>
            </a:xfrm>
            <a:custGeom>
              <a:avLst/>
              <a:gdLst/>
              <a:ahLst/>
              <a:cxnLst/>
              <a:rect l="l" t="t" r="r" b="b"/>
              <a:pathLst>
                <a:path w="651" h="11341" extrusionOk="0">
                  <a:moveTo>
                    <a:pt x="324" y="1"/>
                  </a:moveTo>
                  <a:cubicBezTo>
                    <a:pt x="257" y="1"/>
                    <a:pt x="190" y="44"/>
                    <a:pt x="190" y="129"/>
                  </a:cubicBezTo>
                  <a:lnTo>
                    <a:pt x="188" y="129"/>
                  </a:lnTo>
                  <a:lnTo>
                    <a:pt x="167" y="4454"/>
                  </a:lnTo>
                  <a:cubicBezTo>
                    <a:pt x="162" y="5184"/>
                    <a:pt x="123" y="5914"/>
                    <a:pt x="109" y="6643"/>
                  </a:cubicBezTo>
                  <a:cubicBezTo>
                    <a:pt x="93" y="7364"/>
                    <a:pt x="86" y="8084"/>
                    <a:pt x="74" y="8804"/>
                  </a:cubicBezTo>
                  <a:cubicBezTo>
                    <a:pt x="67" y="9208"/>
                    <a:pt x="58" y="9611"/>
                    <a:pt x="42" y="10016"/>
                  </a:cubicBezTo>
                  <a:lnTo>
                    <a:pt x="16" y="10621"/>
                  </a:lnTo>
                  <a:cubicBezTo>
                    <a:pt x="14" y="10716"/>
                    <a:pt x="0" y="10815"/>
                    <a:pt x="5" y="10908"/>
                  </a:cubicBezTo>
                  <a:cubicBezTo>
                    <a:pt x="12" y="11035"/>
                    <a:pt x="83" y="11137"/>
                    <a:pt x="148" y="11241"/>
                  </a:cubicBezTo>
                  <a:cubicBezTo>
                    <a:pt x="188" y="11307"/>
                    <a:pt x="255" y="11340"/>
                    <a:pt x="322" y="11340"/>
                  </a:cubicBezTo>
                  <a:cubicBezTo>
                    <a:pt x="390" y="11340"/>
                    <a:pt x="458" y="11307"/>
                    <a:pt x="498" y="11241"/>
                  </a:cubicBezTo>
                  <a:cubicBezTo>
                    <a:pt x="544" y="11165"/>
                    <a:pt x="605" y="11082"/>
                    <a:pt x="628" y="10993"/>
                  </a:cubicBezTo>
                  <a:cubicBezTo>
                    <a:pt x="651" y="10910"/>
                    <a:pt x="635" y="10820"/>
                    <a:pt x="632" y="10736"/>
                  </a:cubicBezTo>
                  <a:lnTo>
                    <a:pt x="609" y="10160"/>
                  </a:lnTo>
                  <a:cubicBezTo>
                    <a:pt x="595" y="9794"/>
                    <a:pt x="581" y="9430"/>
                    <a:pt x="574" y="9064"/>
                  </a:cubicBezTo>
                  <a:lnTo>
                    <a:pt x="542" y="6933"/>
                  </a:lnTo>
                  <a:cubicBezTo>
                    <a:pt x="530" y="6201"/>
                    <a:pt x="503" y="5471"/>
                    <a:pt x="484" y="4741"/>
                  </a:cubicBezTo>
                  <a:cubicBezTo>
                    <a:pt x="463" y="4021"/>
                    <a:pt x="475" y="3301"/>
                    <a:pt x="470" y="2580"/>
                  </a:cubicBezTo>
                  <a:lnTo>
                    <a:pt x="459" y="129"/>
                  </a:lnTo>
                  <a:cubicBezTo>
                    <a:pt x="459" y="44"/>
                    <a:pt x="391" y="1"/>
                    <a:pt x="32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61" name="Google Shape;561;p30"/>
            <p:cNvSpPr/>
            <p:nvPr/>
          </p:nvSpPr>
          <p:spPr>
            <a:xfrm>
              <a:off x="6189025" y="4240975"/>
              <a:ext cx="25500" cy="344350"/>
            </a:xfrm>
            <a:custGeom>
              <a:avLst/>
              <a:gdLst/>
              <a:ahLst/>
              <a:cxnLst/>
              <a:rect l="l" t="t" r="r" b="b"/>
              <a:pathLst>
                <a:path w="1020" h="13774" extrusionOk="0">
                  <a:moveTo>
                    <a:pt x="508" y="0"/>
                  </a:moveTo>
                  <a:cubicBezTo>
                    <a:pt x="428" y="0"/>
                    <a:pt x="348" y="53"/>
                    <a:pt x="347" y="157"/>
                  </a:cubicBezTo>
                  <a:cubicBezTo>
                    <a:pt x="308" y="3567"/>
                    <a:pt x="294" y="6983"/>
                    <a:pt x="155" y="10391"/>
                  </a:cubicBezTo>
                  <a:cubicBezTo>
                    <a:pt x="118" y="11354"/>
                    <a:pt x="92" y="12320"/>
                    <a:pt x="18" y="13282"/>
                  </a:cubicBezTo>
                  <a:cubicBezTo>
                    <a:pt x="0" y="13534"/>
                    <a:pt x="250" y="13773"/>
                    <a:pt x="496" y="13773"/>
                  </a:cubicBezTo>
                  <a:cubicBezTo>
                    <a:pt x="500" y="13773"/>
                    <a:pt x="505" y="13773"/>
                    <a:pt x="509" y="13773"/>
                  </a:cubicBezTo>
                  <a:cubicBezTo>
                    <a:pt x="760" y="13761"/>
                    <a:pt x="1019" y="13555"/>
                    <a:pt x="998" y="13282"/>
                  </a:cubicBezTo>
                  <a:cubicBezTo>
                    <a:pt x="864" y="11572"/>
                    <a:pt x="841" y="9851"/>
                    <a:pt x="799" y="8137"/>
                  </a:cubicBezTo>
                  <a:cubicBezTo>
                    <a:pt x="757" y="6439"/>
                    <a:pt x="725" y="4743"/>
                    <a:pt x="704" y="3048"/>
                  </a:cubicBezTo>
                  <a:lnTo>
                    <a:pt x="669" y="157"/>
                  </a:lnTo>
                  <a:cubicBezTo>
                    <a:pt x="668" y="53"/>
                    <a:pt x="588" y="0"/>
                    <a:pt x="508"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62" name="Google Shape;562;p30"/>
            <p:cNvSpPr/>
            <p:nvPr/>
          </p:nvSpPr>
          <p:spPr>
            <a:xfrm>
              <a:off x="6328275" y="4419275"/>
              <a:ext cx="29350" cy="37875"/>
            </a:xfrm>
            <a:custGeom>
              <a:avLst/>
              <a:gdLst/>
              <a:ahLst/>
              <a:cxnLst/>
              <a:rect l="l" t="t" r="r" b="b"/>
              <a:pathLst>
                <a:path w="1174" h="1515" extrusionOk="0">
                  <a:moveTo>
                    <a:pt x="910" y="0"/>
                  </a:moveTo>
                  <a:cubicBezTo>
                    <a:pt x="844" y="0"/>
                    <a:pt x="778" y="21"/>
                    <a:pt x="728" y="64"/>
                  </a:cubicBezTo>
                  <a:cubicBezTo>
                    <a:pt x="663" y="124"/>
                    <a:pt x="603" y="186"/>
                    <a:pt x="546" y="253"/>
                  </a:cubicBezTo>
                  <a:lnTo>
                    <a:pt x="546" y="253"/>
                  </a:lnTo>
                  <a:cubicBezTo>
                    <a:pt x="331" y="374"/>
                    <a:pt x="225" y="669"/>
                    <a:pt x="112" y="873"/>
                  </a:cubicBezTo>
                  <a:cubicBezTo>
                    <a:pt x="1" y="1077"/>
                    <a:pt x="63" y="1341"/>
                    <a:pt x="267" y="1459"/>
                  </a:cubicBezTo>
                  <a:cubicBezTo>
                    <a:pt x="330" y="1496"/>
                    <a:pt x="406" y="1515"/>
                    <a:pt x="484" y="1515"/>
                  </a:cubicBezTo>
                  <a:cubicBezTo>
                    <a:pt x="634" y="1515"/>
                    <a:pt x="789" y="1445"/>
                    <a:pt x="853" y="1306"/>
                  </a:cubicBezTo>
                  <a:lnTo>
                    <a:pt x="1027" y="924"/>
                  </a:lnTo>
                  <a:cubicBezTo>
                    <a:pt x="1089" y="791"/>
                    <a:pt x="1124" y="680"/>
                    <a:pt x="1112" y="558"/>
                  </a:cubicBezTo>
                  <a:lnTo>
                    <a:pt x="1112" y="558"/>
                  </a:lnTo>
                  <a:cubicBezTo>
                    <a:pt x="1135" y="455"/>
                    <a:pt x="1150" y="349"/>
                    <a:pt x="1159" y="243"/>
                  </a:cubicBezTo>
                  <a:cubicBezTo>
                    <a:pt x="1173" y="86"/>
                    <a:pt x="1042" y="0"/>
                    <a:pt x="910"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63" name="Google Shape;563;p30"/>
            <p:cNvSpPr/>
            <p:nvPr/>
          </p:nvSpPr>
          <p:spPr>
            <a:xfrm>
              <a:off x="6086050" y="4482425"/>
              <a:ext cx="19700" cy="25925"/>
            </a:xfrm>
            <a:custGeom>
              <a:avLst/>
              <a:gdLst/>
              <a:ahLst/>
              <a:cxnLst/>
              <a:rect l="l" t="t" r="r" b="b"/>
              <a:pathLst>
                <a:path w="788" h="1037" extrusionOk="0">
                  <a:moveTo>
                    <a:pt x="404" y="1"/>
                  </a:moveTo>
                  <a:cubicBezTo>
                    <a:pt x="401" y="1"/>
                    <a:pt x="397" y="1"/>
                    <a:pt x="394" y="1"/>
                  </a:cubicBezTo>
                  <a:cubicBezTo>
                    <a:pt x="56" y="17"/>
                    <a:pt x="44" y="409"/>
                    <a:pt x="19" y="661"/>
                  </a:cubicBezTo>
                  <a:cubicBezTo>
                    <a:pt x="1" y="852"/>
                    <a:pt x="197" y="1036"/>
                    <a:pt x="384" y="1036"/>
                  </a:cubicBezTo>
                  <a:cubicBezTo>
                    <a:pt x="387" y="1036"/>
                    <a:pt x="391" y="1036"/>
                    <a:pt x="394" y="1036"/>
                  </a:cubicBezTo>
                  <a:cubicBezTo>
                    <a:pt x="582" y="1027"/>
                    <a:pt x="788" y="870"/>
                    <a:pt x="769" y="661"/>
                  </a:cubicBezTo>
                  <a:cubicBezTo>
                    <a:pt x="758" y="545"/>
                    <a:pt x="753" y="422"/>
                    <a:pt x="725" y="309"/>
                  </a:cubicBezTo>
                  <a:cubicBezTo>
                    <a:pt x="689" y="166"/>
                    <a:pt x="570" y="1"/>
                    <a:pt x="40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64" name="Google Shape;564;p30"/>
            <p:cNvSpPr/>
            <p:nvPr/>
          </p:nvSpPr>
          <p:spPr>
            <a:xfrm>
              <a:off x="6276175" y="4711175"/>
              <a:ext cx="20525" cy="26450"/>
            </a:xfrm>
            <a:custGeom>
              <a:avLst/>
              <a:gdLst/>
              <a:ahLst/>
              <a:cxnLst/>
              <a:rect l="l" t="t" r="r" b="b"/>
              <a:pathLst>
                <a:path w="821" h="1058" extrusionOk="0">
                  <a:moveTo>
                    <a:pt x="410" y="1"/>
                  </a:moveTo>
                  <a:cubicBezTo>
                    <a:pt x="308" y="1"/>
                    <a:pt x="205" y="40"/>
                    <a:pt x="127" y="119"/>
                  </a:cubicBezTo>
                  <a:cubicBezTo>
                    <a:pt x="16" y="228"/>
                    <a:pt x="0" y="362"/>
                    <a:pt x="23" y="508"/>
                  </a:cubicBezTo>
                  <a:lnTo>
                    <a:pt x="23" y="510"/>
                  </a:lnTo>
                  <a:cubicBezTo>
                    <a:pt x="33" y="598"/>
                    <a:pt x="51" y="686"/>
                    <a:pt x="81" y="770"/>
                  </a:cubicBezTo>
                  <a:cubicBezTo>
                    <a:pt x="133" y="903"/>
                    <a:pt x="235" y="1057"/>
                    <a:pt x="396" y="1057"/>
                  </a:cubicBezTo>
                  <a:cubicBezTo>
                    <a:pt x="401" y="1057"/>
                    <a:pt x="405" y="1057"/>
                    <a:pt x="410" y="1057"/>
                  </a:cubicBezTo>
                  <a:cubicBezTo>
                    <a:pt x="695" y="1046"/>
                    <a:pt x="762" y="735"/>
                    <a:pt x="797" y="508"/>
                  </a:cubicBezTo>
                  <a:cubicBezTo>
                    <a:pt x="820" y="369"/>
                    <a:pt x="809" y="223"/>
                    <a:pt x="695" y="119"/>
                  </a:cubicBezTo>
                  <a:cubicBezTo>
                    <a:pt x="616" y="40"/>
                    <a:pt x="513" y="1"/>
                    <a:pt x="410"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565" name="Google Shape;565;p30"/>
          <p:cNvSpPr txBox="1">
            <a:spLocks noGrp="1"/>
          </p:cNvSpPr>
          <p:nvPr>
            <p:ph type="title"/>
          </p:nvPr>
        </p:nvSpPr>
        <p:spPr>
          <a:xfrm>
            <a:off x="1008850" y="2207550"/>
            <a:ext cx="3240000" cy="5742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600"/>
              <a:buNone/>
              <a:defRPr sz="3800"/>
            </a:lvl1pPr>
            <a:lvl2pPr lvl="1" algn="ctr" rtl="0">
              <a:spcBef>
                <a:spcPts val="0"/>
              </a:spcBef>
              <a:spcAft>
                <a:spcPts val="0"/>
              </a:spcAft>
              <a:buSzPts val="3600"/>
              <a:buNone/>
              <a:defRPr sz="3600"/>
            </a:lvl2pPr>
            <a:lvl3pPr lvl="2" algn="ctr" rtl="0">
              <a:spcBef>
                <a:spcPts val="0"/>
              </a:spcBef>
              <a:spcAft>
                <a:spcPts val="0"/>
              </a:spcAft>
              <a:buSzPts val="3600"/>
              <a:buNone/>
              <a:defRPr sz="3600"/>
            </a:lvl3pPr>
            <a:lvl4pPr lvl="3" algn="ctr" rtl="0">
              <a:spcBef>
                <a:spcPts val="0"/>
              </a:spcBef>
              <a:spcAft>
                <a:spcPts val="0"/>
              </a:spcAft>
              <a:buSzPts val="3600"/>
              <a:buNone/>
              <a:defRPr sz="3600"/>
            </a:lvl4pPr>
            <a:lvl5pPr lvl="4" algn="ctr" rtl="0">
              <a:spcBef>
                <a:spcPts val="0"/>
              </a:spcBef>
              <a:spcAft>
                <a:spcPts val="0"/>
              </a:spcAft>
              <a:buSzPts val="3600"/>
              <a:buNone/>
              <a:defRPr sz="3600"/>
            </a:lvl5pPr>
            <a:lvl6pPr lvl="5" algn="ctr" rtl="0">
              <a:spcBef>
                <a:spcPts val="0"/>
              </a:spcBef>
              <a:spcAft>
                <a:spcPts val="0"/>
              </a:spcAft>
              <a:buSzPts val="3600"/>
              <a:buNone/>
              <a:defRPr sz="3600"/>
            </a:lvl6pPr>
            <a:lvl7pPr lvl="6" algn="ctr" rtl="0">
              <a:spcBef>
                <a:spcPts val="0"/>
              </a:spcBef>
              <a:spcAft>
                <a:spcPts val="0"/>
              </a:spcAft>
              <a:buSzPts val="3600"/>
              <a:buNone/>
              <a:defRPr sz="3600"/>
            </a:lvl7pPr>
            <a:lvl8pPr lvl="7" algn="ctr" rtl="0">
              <a:spcBef>
                <a:spcPts val="0"/>
              </a:spcBef>
              <a:spcAft>
                <a:spcPts val="0"/>
              </a:spcAft>
              <a:buSzPts val="3600"/>
              <a:buNone/>
              <a:defRPr sz="3600"/>
            </a:lvl8pPr>
            <a:lvl9pPr lvl="8" algn="ctr" rtl="0">
              <a:spcBef>
                <a:spcPts val="0"/>
              </a:spcBef>
              <a:spcAft>
                <a:spcPts val="0"/>
              </a:spcAft>
              <a:buSzPts val="3600"/>
              <a:buNone/>
              <a:defRPr sz="3600"/>
            </a:lvl9pPr>
          </a:lstStyle>
          <a:p>
            <a:endParaRPr/>
          </a:p>
        </p:txBody>
      </p:sp>
      <p:sp>
        <p:nvSpPr>
          <p:cNvPr id="566" name="Google Shape;566;p30"/>
          <p:cNvSpPr txBox="1">
            <a:spLocks noGrp="1"/>
          </p:cNvSpPr>
          <p:nvPr>
            <p:ph type="title" idx="2" hasCustomPrompt="1"/>
          </p:nvPr>
        </p:nvSpPr>
        <p:spPr>
          <a:xfrm>
            <a:off x="1866088" y="1198837"/>
            <a:ext cx="1525500" cy="9309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6000"/>
              <a:buNone/>
              <a:defRPr sz="8000">
                <a:solidFill>
                  <a:schemeClr val="accent1"/>
                </a:solidFill>
              </a:defRPr>
            </a:lvl1pPr>
            <a:lvl2pPr lvl="1" algn="ctr" rtl="0">
              <a:spcBef>
                <a:spcPts val="0"/>
              </a:spcBef>
              <a:spcAft>
                <a:spcPts val="0"/>
              </a:spcAft>
              <a:buSzPts val="6000"/>
              <a:buNone/>
              <a:defRPr sz="6000"/>
            </a:lvl2pPr>
            <a:lvl3pPr lvl="2" algn="ctr" rtl="0">
              <a:spcBef>
                <a:spcPts val="0"/>
              </a:spcBef>
              <a:spcAft>
                <a:spcPts val="0"/>
              </a:spcAft>
              <a:buSzPts val="6000"/>
              <a:buNone/>
              <a:defRPr sz="6000"/>
            </a:lvl3pPr>
            <a:lvl4pPr lvl="3" algn="ctr" rtl="0">
              <a:spcBef>
                <a:spcPts val="0"/>
              </a:spcBef>
              <a:spcAft>
                <a:spcPts val="0"/>
              </a:spcAft>
              <a:buSzPts val="6000"/>
              <a:buNone/>
              <a:defRPr sz="6000"/>
            </a:lvl4pPr>
            <a:lvl5pPr lvl="4" algn="ctr" rtl="0">
              <a:spcBef>
                <a:spcPts val="0"/>
              </a:spcBef>
              <a:spcAft>
                <a:spcPts val="0"/>
              </a:spcAft>
              <a:buSzPts val="6000"/>
              <a:buNone/>
              <a:defRPr sz="6000"/>
            </a:lvl5pPr>
            <a:lvl6pPr lvl="5" algn="ctr" rtl="0">
              <a:spcBef>
                <a:spcPts val="0"/>
              </a:spcBef>
              <a:spcAft>
                <a:spcPts val="0"/>
              </a:spcAft>
              <a:buSzPts val="6000"/>
              <a:buNone/>
              <a:defRPr sz="6000"/>
            </a:lvl6pPr>
            <a:lvl7pPr lvl="6" algn="ctr" rtl="0">
              <a:spcBef>
                <a:spcPts val="0"/>
              </a:spcBef>
              <a:spcAft>
                <a:spcPts val="0"/>
              </a:spcAft>
              <a:buSzPts val="6000"/>
              <a:buNone/>
              <a:defRPr sz="6000"/>
            </a:lvl7pPr>
            <a:lvl8pPr lvl="7" algn="ctr" rtl="0">
              <a:spcBef>
                <a:spcPts val="0"/>
              </a:spcBef>
              <a:spcAft>
                <a:spcPts val="0"/>
              </a:spcAft>
              <a:buSzPts val="6000"/>
              <a:buNone/>
              <a:defRPr sz="6000"/>
            </a:lvl8pPr>
            <a:lvl9pPr lvl="8" algn="ctr" rtl="0">
              <a:spcBef>
                <a:spcPts val="0"/>
              </a:spcBef>
              <a:spcAft>
                <a:spcPts val="0"/>
              </a:spcAft>
              <a:buSzPts val="6000"/>
              <a:buNone/>
              <a:defRPr sz="6000"/>
            </a:lvl9pPr>
          </a:lstStyle>
          <a:p>
            <a:r>
              <a:t>xx%</a:t>
            </a:r>
          </a:p>
        </p:txBody>
      </p:sp>
      <p:sp>
        <p:nvSpPr>
          <p:cNvPr id="567" name="Google Shape;567;p30"/>
          <p:cNvSpPr txBox="1">
            <a:spLocks noGrp="1"/>
          </p:cNvSpPr>
          <p:nvPr>
            <p:ph type="subTitle" idx="1"/>
          </p:nvPr>
        </p:nvSpPr>
        <p:spPr>
          <a:xfrm>
            <a:off x="1266238" y="2925744"/>
            <a:ext cx="2725200" cy="5742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400"/>
              <a:buNone/>
              <a:defRPr/>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Tree>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matchingName="Section header 4">
  <p:cSld name="SECTION_HEADER_2">
    <p:spTree>
      <p:nvGrpSpPr>
        <p:cNvPr id="1" name="Shape 620"/>
        <p:cNvGrpSpPr/>
        <p:nvPr/>
      </p:nvGrpSpPr>
      <p:grpSpPr>
        <a:xfrm>
          <a:off x="0" y="0"/>
          <a:ext cx="0" cy="0"/>
          <a:chOff x="0" y="0"/>
          <a:chExt cx="0" cy="0"/>
        </a:xfrm>
      </p:grpSpPr>
      <p:sp>
        <p:nvSpPr>
          <p:cNvPr id="621" name="Google Shape;621;p33"/>
          <p:cNvSpPr/>
          <p:nvPr/>
        </p:nvSpPr>
        <p:spPr>
          <a:xfrm flipH="1">
            <a:off x="-694150" y="371475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622" name="Google Shape;622;p33"/>
          <p:cNvGrpSpPr/>
          <p:nvPr/>
        </p:nvGrpSpPr>
        <p:grpSpPr>
          <a:xfrm flipH="1">
            <a:off x="87200" y="3522997"/>
            <a:ext cx="2290183" cy="1579980"/>
            <a:chOff x="6608125" y="3473975"/>
            <a:chExt cx="2290183" cy="1579980"/>
          </a:xfrm>
        </p:grpSpPr>
        <p:sp>
          <p:nvSpPr>
            <p:cNvPr id="623" name="Google Shape;623;p33"/>
            <p:cNvSpPr/>
            <p:nvPr/>
          </p:nvSpPr>
          <p:spPr>
            <a:xfrm>
              <a:off x="6643630" y="3519898"/>
              <a:ext cx="2254679" cy="1534057"/>
            </a:xfrm>
            <a:custGeom>
              <a:avLst/>
              <a:gdLst/>
              <a:ahLst/>
              <a:cxnLst/>
              <a:rect l="l" t="t" r="r" b="b"/>
              <a:pathLst>
                <a:path w="37658" h="25621" extrusionOk="0">
                  <a:moveTo>
                    <a:pt x="28351" y="0"/>
                  </a:moveTo>
                  <a:cubicBezTo>
                    <a:pt x="27793" y="0"/>
                    <a:pt x="27259" y="73"/>
                    <a:pt x="27259" y="387"/>
                  </a:cubicBezTo>
                  <a:lnTo>
                    <a:pt x="27259" y="6968"/>
                  </a:lnTo>
                  <a:cubicBezTo>
                    <a:pt x="27259" y="7486"/>
                    <a:pt x="26957" y="7658"/>
                    <a:pt x="26460" y="7658"/>
                  </a:cubicBezTo>
                  <a:cubicBezTo>
                    <a:pt x="26457" y="7658"/>
                    <a:pt x="26453" y="7658"/>
                    <a:pt x="26450" y="7658"/>
                  </a:cubicBezTo>
                  <a:cubicBezTo>
                    <a:pt x="24634" y="7651"/>
                    <a:pt x="22816" y="7582"/>
                    <a:pt x="21000" y="7582"/>
                  </a:cubicBezTo>
                  <a:cubicBezTo>
                    <a:pt x="20952" y="7581"/>
                    <a:pt x="20904" y="7580"/>
                    <a:pt x="20857" y="7580"/>
                  </a:cubicBezTo>
                  <a:cubicBezTo>
                    <a:pt x="20636" y="7580"/>
                    <a:pt x="20415" y="7596"/>
                    <a:pt x="20221" y="7695"/>
                  </a:cubicBezTo>
                  <a:cubicBezTo>
                    <a:pt x="19730" y="7946"/>
                    <a:pt x="19883" y="8624"/>
                    <a:pt x="19892" y="9067"/>
                  </a:cubicBezTo>
                  <a:cubicBezTo>
                    <a:pt x="19906" y="9755"/>
                    <a:pt x="19915" y="10440"/>
                    <a:pt x="19920" y="11126"/>
                  </a:cubicBezTo>
                  <a:cubicBezTo>
                    <a:pt x="19929" y="12423"/>
                    <a:pt x="19925" y="13765"/>
                    <a:pt x="19913" y="15036"/>
                  </a:cubicBezTo>
                  <a:cubicBezTo>
                    <a:pt x="19910" y="15434"/>
                    <a:pt x="19699" y="15569"/>
                    <a:pt x="19420" y="15569"/>
                  </a:cubicBezTo>
                  <a:cubicBezTo>
                    <a:pt x="19265" y="15569"/>
                    <a:pt x="19089" y="15527"/>
                    <a:pt x="18917" y="15465"/>
                  </a:cubicBezTo>
                  <a:cubicBezTo>
                    <a:pt x="18197" y="15210"/>
                    <a:pt x="17502" y="14888"/>
                    <a:pt x="16823" y="14541"/>
                  </a:cubicBezTo>
                  <a:cubicBezTo>
                    <a:pt x="16314" y="14282"/>
                    <a:pt x="15639" y="13731"/>
                    <a:pt x="15037" y="13731"/>
                  </a:cubicBezTo>
                  <a:cubicBezTo>
                    <a:pt x="15024" y="13731"/>
                    <a:pt x="15012" y="13732"/>
                    <a:pt x="15000" y="13732"/>
                  </a:cubicBezTo>
                  <a:cubicBezTo>
                    <a:pt x="14752" y="13744"/>
                    <a:pt x="14534" y="13885"/>
                    <a:pt x="14326" y="14019"/>
                  </a:cubicBezTo>
                  <a:cubicBezTo>
                    <a:pt x="13480" y="14568"/>
                    <a:pt x="12535" y="15379"/>
                    <a:pt x="11653" y="15870"/>
                  </a:cubicBezTo>
                  <a:cubicBezTo>
                    <a:pt x="10293" y="16018"/>
                    <a:pt x="8625" y="15968"/>
                    <a:pt x="7184" y="15991"/>
                  </a:cubicBezTo>
                  <a:cubicBezTo>
                    <a:pt x="7041" y="15993"/>
                    <a:pt x="6876" y="16005"/>
                    <a:pt x="6788" y="16118"/>
                  </a:cubicBezTo>
                  <a:cubicBezTo>
                    <a:pt x="6584" y="16387"/>
                    <a:pt x="6723" y="17075"/>
                    <a:pt x="6723" y="17387"/>
                  </a:cubicBezTo>
                  <a:cubicBezTo>
                    <a:pt x="6726" y="17888"/>
                    <a:pt x="6726" y="18388"/>
                    <a:pt x="6726" y="18891"/>
                  </a:cubicBezTo>
                  <a:cubicBezTo>
                    <a:pt x="6726" y="19305"/>
                    <a:pt x="6388" y="19376"/>
                    <a:pt x="6027" y="19376"/>
                  </a:cubicBezTo>
                  <a:cubicBezTo>
                    <a:pt x="5837" y="19376"/>
                    <a:pt x="5641" y="19356"/>
                    <a:pt x="5484" y="19356"/>
                  </a:cubicBezTo>
                  <a:lnTo>
                    <a:pt x="603" y="19352"/>
                  </a:lnTo>
                  <a:cubicBezTo>
                    <a:pt x="555" y="19352"/>
                    <a:pt x="506" y="19356"/>
                    <a:pt x="460" y="19366"/>
                  </a:cubicBezTo>
                  <a:cubicBezTo>
                    <a:pt x="1" y="19463"/>
                    <a:pt x="128" y="20054"/>
                    <a:pt x="128" y="20459"/>
                  </a:cubicBezTo>
                  <a:lnTo>
                    <a:pt x="128" y="25291"/>
                  </a:lnTo>
                  <a:cubicBezTo>
                    <a:pt x="126" y="25472"/>
                    <a:pt x="274" y="25620"/>
                    <a:pt x="457" y="25620"/>
                  </a:cubicBezTo>
                  <a:lnTo>
                    <a:pt x="37317" y="25620"/>
                  </a:lnTo>
                  <a:cubicBezTo>
                    <a:pt x="37500" y="25620"/>
                    <a:pt x="37648" y="25472"/>
                    <a:pt x="37648" y="25291"/>
                  </a:cubicBezTo>
                  <a:lnTo>
                    <a:pt x="37648" y="25250"/>
                  </a:lnTo>
                  <a:cubicBezTo>
                    <a:pt x="37657" y="18912"/>
                    <a:pt x="37657" y="12576"/>
                    <a:pt x="37648" y="6241"/>
                  </a:cubicBezTo>
                  <a:cubicBezTo>
                    <a:pt x="37648" y="6060"/>
                    <a:pt x="37500" y="5912"/>
                    <a:pt x="37317" y="5912"/>
                  </a:cubicBezTo>
                  <a:cubicBezTo>
                    <a:pt x="36276" y="5912"/>
                    <a:pt x="35236" y="5912"/>
                    <a:pt x="34196" y="5914"/>
                  </a:cubicBezTo>
                  <a:cubicBezTo>
                    <a:pt x="34081" y="5914"/>
                    <a:pt x="33960" y="5914"/>
                    <a:pt x="33858" y="5863"/>
                  </a:cubicBezTo>
                  <a:cubicBezTo>
                    <a:pt x="33300" y="5592"/>
                    <a:pt x="33733" y="3102"/>
                    <a:pt x="33742" y="2613"/>
                  </a:cubicBezTo>
                  <a:cubicBezTo>
                    <a:pt x="33752" y="2034"/>
                    <a:pt x="34034" y="466"/>
                    <a:pt x="33437" y="148"/>
                  </a:cubicBezTo>
                  <a:cubicBezTo>
                    <a:pt x="33237" y="44"/>
                    <a:pt x="33003" y="44"/>
                    <a:pt x="32779" y="44"/>
                  </a:cubicBezTo>
                  <a:lnTo>
                    <a:pt x="29531" y="56"/>
                  </a:lnTo>
                  <a:cubicBezTo>
                    <a:pt x="29529" y="56"/>
                    <a:pt x="29528" y="56"/>
                    <a:pt x="29526" y="56"/>
                  </a:cubicBezTo>
                  <a:cubicBezTo>
                    <a:pt x="29343" y="56"/>
                    <a:pt x="28838" y="0"/>
                    <a:pt x="28351"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24" name="Google Shape;624;p33"/>
            <p:cNvSpPr/>
            <p:nvPr/>
          </p:nvSpPr>
          <p:spPr>
            <a:xfrm>
              <a:off x="6608125" y="3473975"/>
              <a:ext cx="2254679" cy="1546092"/>
            </a:xfrm>
            <a:custGeom>
              <a:avLst/>
              <a:gdLst/>
              <a:ahLst/>
              <a:cxnLst/>
              <a:rect l="l" t="t" r="r" b="b"/>
              <a:pathLst>
                <a:path w="37658" h="25822" fill="none" extrusionOk="0">
                  <a:moveTo>
                    <a:pt x="460" y="19568"/>
                  </a:moveTo>
                  <a:cubicBezTo>
                    <a:pt x="508" y="19558"/>
                    <a:pt x="557" y="19554"/>
                    <a:pt x="606" y="19554"/>
                  </a:cubicBezTo>
                  <a:lnTo>
                    <a:pt x="5484" y="19558"/>
                  </a:lnTo>
                  <a:cubicBezTo>
                    <a:pt x="5938" y="19558"/>
                    <a:pt x="6726" y="19727"/>
                    <a:pt x="6726" y="19093"/>
                  </a:cubicBezTo>
                  <a:lnTo>
                    <a:pt x="6723" y="17589"/>
                  </a:lnTo>
                  <a:cubicBezTo>
                    <a:pt x="6723" y="17277"/>
                    <a:pt x="6584" y="16589"/>
                    <a:pt x="6788" y="16322"/>
                  </a:cubicBezTo>
                  <a:cubicBezTo>
                    <a:pt x="6876" y="16206"/>
                    <a:pt x="7041" y="16195"/>
                    <a:pt x="7184" y="16192"/>
                  </a:cubicBezTo>
                  <a:cubicBezTo>
                    <a:pt x="8625" y="16169"/>
                    <a:pt x="10293" y="16223"/>
                    <a:pt x="11653" y="16072"/>
                  </a:cubicBezTo>
                  <a:cubicBezTo>
                    <a:pt x="12535" y="15583"/>
                    <a:pt x="13480" y="14772"/>
                    <a:pt x="14326" y="14221"/>
                  </a:cubicBezTo>
                  <a:cubicBezTo>
                    <a:pt x="14534" y="14087"/>
                    <a:pt x="14752" y="13946"/>
                    <a:pt x="15000" y="13936"/>
                  </a:cubicBezTo>
                  <a:cubicBezTo>
                    <a:pt x="15611" y="13911"/>
                    <a:pt x="16304" y="14478"/>
                    <a:pt x="16825" y="14745"/>
                  </a:cubicBezTo>
                  <a:cubicBezTo>
                    <a:pt x="17504" y="15092"/>
                    <a:pt x="18199" y="15412"/>
                    <a:pt x="18917" y="15669"/>
                  </a:cubicBezTo>
                  <a:cubicBezTo>
                    <a:pt x="19401" y="15840"/>
                    <a:pt x="19911" y="15857"/>
                    <a:pt x="19915" y="15238"/>
                  </a:cubicBezTo>
                  <a:cubicBezTo>
                    <a:pt x="19927" y="13966"/>
                    <a:pt x="19932" y="12627"/>
                    <a:pt x="19922" y="11330"/>
                  </a:cubicBezTo>
                  <a:cubicBezTo>
                    <a:pt x="19918" y="10642"/>
                    <a:pt x="19908" y="9957"/>
                    <a:pt x="19895" y="9271"/>
                  </a:cubicBezTo>
                  <a:cubicBezTo>
                    <a:pt x="19885" y="8828"/>
                    <a:pt x="19732" y="8150"/>
                    <a:pt x="20221" y="7900"/>
                  </a:cubicBezTo>
                  <a:cubicBezTo>
                    <a:pt x="20457" y="7779"/>
                    <a:pt x="20735" y="7781"/>
                    <a:pt x="21000" y="7786"/>
                  </a:cubicBezTo>
                  <a:cubicBezTo>
                    <a:pt x="22818" y="7786"/>
                    <a:pt x="24636" y="7856"/>
                    <a:pt x="26452" y="7863"/>
                  </a:cubicBezTo>
                  <a:cubicBezTo>
                    <a:pt x="26955" y="7865"/>
                    <a:pt x="27259" y="7693"/>
                    <a:pt x="27259" y="7172"/>
                  </a:cubicBezTo>
                  <a:cubicBezTo>
                    <a:pt x="27259" y="4979"/>
                    <a:pt x="27259" y="2785"/>
                    <a:pt x="27259" y="591"/>
                  </a:cubicBezTo>
                  <a:cubicBezTo>
                    <a:pt x="27259" y="1"/>
                    <a:pt x="29151" y="262"/>
                    <a:pt x="29531" y="260"/>
                  </a:cubicBezTo>
                  <a:lnTo>
                    <a:pt x="32779" y="248"/>
                  </a:lnTo>
                  <a:cubicBezTo>
                    <a:pt x="33003" y="248"/>
                    <a:pt x="33237" y="248"/>
                    <a:pt x="33437" y="353"/>
                  </a:cubicBezTo>
                  <a:cubicBezTo>
                    <a:pt x="34034" y="670"/>
                    <a:pt x="33754" y="2238"/>
                    <a:pt x="33742" y="2815"/>
                  </a:cubicBezTo>
                  <a:cubicBezTo>
                    <a:pt x="33733" y="3306"/>
                    <a:pt x="33300" y="5794"/>
                    <a:pt x="33858" y="6067"/>
                  </a:cubicBezTo>
                  <a:cubicBezTo>
                    <a:pt x="33960" y="6118"/>
                    <a:pt x="34080" y="6118"/>
                    <a:pt x="34196" y="6118"/>
                  </a:cubicBezTo>
                  <a:cubicBezTo>
                    <a:pt x="35236" y="6116"/>
                    <a:pt x="36276" y="6116"/>
                    <a:pt x="37317" y="6116"/>
                  </a:cubicBezTo>
                  <a:cubicBezTo>
                    <a:pt x="37500" y="6116"/>
                    <a:pt x="37648" y="6264"/>
                    <a:pt x="37648" y="6445"/>
                  </a:cubicBezTo>
                  <a:cubicBezTo>
                    <a:pt x="37657" y="12780"/>
                    <a:pt x="37657" y="19116"/>
                    <a:pt x="37648" y="25454"/>
                  </a:cubicBezTo>
                  <a:lnTo>
                    <a:pt x="37648" y="25493"/>
                  </a:lnTo>
                  <a:cubicBezTo>
                    <a:pt x="37646" y="25676"/>
                    <a:pt x="37500" y="25822"/>
                    <a:pt x="37319" y="25822"/>
                  </a:cubicBezTo>
                  <a:lnTo>
                    <a:pt x="457" y="25822"/>
                  </a:lnTo>
                  <a:cubicBezTo>
                    <a:pt x="274" y="25822"/>
                    <a:pt x="126" y="25674"/>
                    <a:pt x="128" y="25493"/>
                  </a:cubicBezTo>
                  <a:lnTo>
                    <a:pt x="128" y="20661"/>
                  </a:lnTo>
                  <a:cubicBezTo>
                    <a:pt x="128" y="20256"/>
                    <a:pt x="1" y="19665"/>
                    <a:pt x="460" y="19568"/>
                  </a:cubicBezTo>
                  <a:close/>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625" name="Google Shape;625;p33"/>
          <p:cNvGrpSpPr/>
          <p:nvPr/>
        </p:nvGrpSpPr>
        <p:grpSpPr>
          <a:xfrm flipH="1">
            <a:off x="1771991" y="3994989"/>
            <a:ext cx="471060" cy="1149322"/>
            <a:chOff x="6665350" y="3757987"/>
            <a:chExt cx="439955" cy="1073430"/>
          </a:xfrm>
        </p:grpSpPr>
        <p:sp>
          <p:nvSpPr>
            <p:cNvPr id="626" name="Google Shape;626;p33"/>
            <p:cNvSpPr/>
            <p:nvPr/>
          </p:nvSpPr>
          <p:spPr>
            <a:xfrm>
              <a:off x="6691723" y="3824726"/>
              <a:ext cx="413582" cy="744057"/>
            </a:xfrm>
            <a:custGeom>
              <a:avLst/>
              <a:gdLst/>
              <a:ahLst/>
              <a:cxnLst/>
              <a:rect l="l" t="t" r="r" b="b"/>
              <a:pathLst>
                <a:path w="4877" h="8774" extrusionOk="0">
                  <a:moveTo>
                    <a:pt x="2410" y="1"/>
                  </a:moveTo>
                  <a:cubicBezTo>
                    <a:pt x="1882" y="1"/>
                    <a:pt x="1020" y="2319"/>
                    <a:pt x="1416" y="2890"/>
                  </a:cubicBezTo>
                  <a:cubicBezTo>
                    <a:pt x="830" y="3969"/>
                    <a:pt x="760" y="5292"/>
                    <a:pt x="862" y="6190"/>
                  </a:cubicBezTo>
                  <a:cubicBezTo>
                    <a:pt x="345" y="6881"/>
                    <a:pt x="0" y="8155"/>
                    <a:pt x="552" y="8639"/>
                  </a:cubicBezTo>
                  <a:cubicBezTo>
                    <a:pt x="662" y="8735"/>
                    <a:pt x="799" y="8774"/>
                    <a:pt x="947" y="8774"/>
                  </a:cubicBezTo>
                  <a:cubicBezTo>
                    <a:pt x="1540" y="8774"/>
                    <a:pt x="2312" y="8157"/>
                    <a:pt x="2312" y="8157"/>
                  </a:cubicBezTo>
                  <a:cubicBezTo>
                    <a:pt x="2387" y="8220"/>
                    <a:pt x="2492" y="8242"/>
                    <a:pt x="2599" y="8242"/>
                  </a:cubicBezTo>
                  <a:cubicBezTo>
                    <a:pt x="2813" y="8242"/>
                    <a:pt x="3035" y="8157"/>
                    <a:pt x="3035" y="8157"/>
                  </a:cubicBezTo>
                  <a:cubicBezTo>
                    <a:pt x="3374" y="8358"/>
                    <a:pt x="3641" y="8444"/>
                    <a:pt x="3847" y="8444"/>
                  </a:cubicBezTo>
                  <a:cubicBezTo>
                    <a:pt x="4876" y="8444"/>
                    <a:pt x="4393" y="6316"/>
                    <a:pt x="3934" y="5915"/>
                  </a:cubicBezTo>
                  <a:cubicBezTo>
                    <a:pt x="4105" y="5396"/>
                    <a:pt x="3760" y="2982"/>
                    <a:pt x="3174" y="2890"/>
                  </a:cubicBezTo>
                  <a:cubicBezTo>
                    <a:pt x="3554" y="2623"/>
                    <a:pt x="3002" y="258"/>
                    <a:pt x="2483" y="17"/>
                  </a:cubicBezTo>
                  <a:cubicBezTo>
                    <a:pt x="2460" y="6"/>
                    <a:pt x="2436" y="1"/>
                    <a:pt x="2410"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27" name="Google Shape;627;p33"/>
            <p:cNvSpPr/>
            <p:nvPr/>
          </p:nvSpPr>
          <p:spPr>
            <a:xfrm>
              <a:off x="6665350" y="3757987"/>
              <a:ext cx="430118" cy="1073430"/>
            </a:xfrm>
            <a:custGeom>
              <a:avLst/>
              <a:gdLst/>
              <a:ahLst/>
              <a:cxnLst/>
              <a:rect l="l" t="t" r="r" b="b"/>
              <a:pathLst>
                <a:path w="5072" h="12658" fill="none" extrusionOk="0">
                  <a:moveTo>
                    <a:pt x="2313" y="12657"/>
                  </a:moveTo>
                  <a:lnTo>
                    <a:pt x="2313" y="8379"/>
                  </a:lnTo>
                  <a:cubicBezTo>
                    <a:pt x="2313" y="8379"/>
                    <a:pt x="1106" y="9345"/>
                    <a:pt x="552" y="8863"/>
                  </a:cubicBezTo>
                  <a:cubicBezTo>
                    <a:pt x="1" y="8381"/>
                    <a:pt x="346" y="7105"/>
                    <a:pt x="863" y="6415"/>
                  </a:cubicBezTo>
                  <a:cubicBezTo>
                    <a:pt x="761" y="5516"/>
                    <a:pt x="830" y="4193"/>
                    <a:pt x="1416" y="3114"/>
                  </a:cubicBezTo>
                  <a:cubicBezTo>
                    <a:pt x="1002" y="2516"/>
                    <a:pt x="1967" y="0"/>
                    <a:pt x="2484" y="241"/>
                  </a:cubicBezTo>
                  <a:cubicBezTo>
                    <a:pt x="3001" y="482"/>
                    <a:pt x="3554" y="2847"/>
                    <a:pt x="3174" y="3114"/>
                  </a:cubicBezTo>
                  <a:cubicBezTo>
                    <a:pt x="3760" y="3206"/>
                    <a:pt x="4106" y="5620"/>
                    <a:pt x="3934" y="6139"/>
                  </a:cubicBezTo>
                  <a:cubicBezTo>
                    <a:pt x="4485" y="6621"/>
                    <a:pt x="5072" y="9588"/>
                    <a:pt x="3035" y="8379"/>
                  </a:cubicBezTo>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628" name="Google Shape;628;p33"/>
          <p:cNvGrpSpPr/>
          <p:nvPr/>
        </p:nvGrpSpPr>
        <p:grpSpPr>
          <a:xfrm>
            <a:off x="7456123" y="3579161"/>
            <a:ext cx="1628207" cy="1523816"/>
            <a:chOff x="7333669" y="3382992"/>
            <a:chExt cx="1628207" cy="1523816"/>
          </a:xfrm>
        </p:grpSpPr>
        <p:sp>
          <p:nvSpPr>
            <p:cNvPr id="629" name="Google Shape;629;p33"/>
            <p:cNvSpPr/>
            <p:nvPr/>
          </p:nvSpPr>
          <p:spPr>
            <a:xfrm>
              <a:off x="7386839" y="3429718"/>
              <a:ext cx="1575037" cy="1477090"/>
            </a:xfrm>
            <a:custGeom>
              <a:avLst/>
              <a:gdLst/>
              <a:ahLst/>
              <a:cxnLst/>
              <a:rect l="l" t="t" r="r" b="b"/>
              <a:pathLst>
                <a:path w="18573" h="17418" extrusionOk="0">
                  <a:moveTo>
                    <a:pt x="7935" y="1"/>
                  </a:moveTo>
                  <a:cubicBezTo>
                    <a:pt x="6571" y="1"/>
                    <a:pt x="7145" y="2623"/>
                    <a:pt x="7145" y="3563"/>
                  </a:cubicBezTo>
                  <a:cubicBezTo>
                    <a:pt x="7145" y="4423"/>
                    <a:pt x="7590" y="6558"/>
                    <a:pt x="6351" y="6558"/>
                  </a:cubicBezTo>
                  <a:cubicBezTo>
                    <a:pt x="5937" y="6558"/>
                    <a:pt x="4512" y="6456"/>
                    <a:pt x="3143" y="6456"/>
                  </a:cubicBezTo>
                  <a:cubicBezTo>
                    <a:pt x="1663" y="6456"/>
                    <a:pt x="249" y="6576"/>
                    <a:pt x="249" y="7075"/>
                  </a:cubicBezTo>
                  <a:cubicBezTo>
                    <a:pt x="249" y="7822"/>
                    <a:pt x="0" y="8863"/>
                    <a:pt x="1063" y="8863"/>
                  </a:cubicBezTo>
                  <a:cubicBezTo>
                    <a:pt x="1071" y="8863"/>
                    <a:pt x="1079" y="8863"/>
                    <a:pt x="1088" y="8863"/>
                  </a:cubicBezTo>
                  <a:cubicBezTo>
                    <a:pt x="1674" y="8854"/>
                    <a:pt x="2248" y="8833"/>
                    <a:pt x="2834" y="8833"/>
                  </a:cubicBezTo>
                  <a:cubicBezTo>
                    <a:pt x="3768" y="8835"/>
                    <a:pt x="3351" y="11578"/>
                    <a:pt x="3351" y="12199"/>
                  </a:cubicBezTo>
                  <a:lnTo>
                    <a:pt x="3348" y="16415"/>
                  </a:lnTo>
                  <a:cubicBezTo>
                    <a:pt x="3346" y="16533"/>
                    <a:pt x="3351" y="16651"/>
                    <a:pt x="3367" y="16767"/>
                  </a:cubicBezTo>
                  <a:cubicBezTo>
                    <a:pt x="3379" y="16869"/>
                    <a:pt x="3413" y="16969"/>
                    <a:pt x="3462" y="17059"/>
                  </a:cubicBezTo>
                  <a:cubicBezTo>
                    <a:pt x="3529" y="17170"/>
                    <a:pt x="3629" y="17233"/>
                    <a:pt x="3745" y="17279"/>
                  </a:cubicBezTo>
                  <a:cubicBezTo>
                    <a:pt x="4004" y="17383"/>
                    <a:pt x="4353" y="17418"/>
                    <a:pt x="4734" y="17418"/>
                  </a:cubicBezTo>
                  <a:cubicBezTo>
                    <a:pt x="5477" y="17418"/>
                    <a:pt x="6339" y="17286"/>
                    <a:pt x="6879" y="17286"/>
                  </a:cubicBezTo>
                  <a:lnTo>
                    <a:pt x="15663" y="17286"/>
                  </a:lnTo>
                  <a:cubicBezTo>
                    <a:pt x="16069" y="17286"/>
                    <a:pt x="16503" y="17345"/>
                    <a:pt x="16888" y="17345"/>
                  </a:cubicBezTo>
                  <a:cubicBezTo>
                    <a:pt x="17538" y="17345"/>
                    <a:pt x="18049" y="17176"/>
                    <a:pt x="18049" y="16269"/>
                  </a:cubicBezTo>
                  <a:cubicBezTo>
                    <a:pt x="18046" y="12806"/>
                    <a:pt x="18044" y="9345"/>
                    <a:pt x="18042" y="5882"/>
                  </a:cubicBezTo>
                  <a:cubicBezTo>
                    <a:pt x="18042" y="4680"/>
                    <a:pt x="18572" y="3021"/>
                    <a:pt x="17092" y="2785"/>
                  </a:cubicBezTo>
                  <a:cubicBezTo>
                    <a:pt x="16854" y="2747"/>
                    <a:pt x="16616" y="2733"/>
                    <a:pt x="16377" y="2733"/>
                  </a:cubicBezTo>
                  <a:cubicBezTo>
                    <a:pt x="15715" y="2733"/>
                    <a:pt x="15049" y="2841"/>
                    <a:pt x="14389" y="2841"/>
                  </a:cubicBezTo>
                  <a:cubicBezTo>
                    <a:pt x="14138" y="2841"/>
                    <a:pt x="13847" y="2817"/>
                    <a:pt x="13710" y="2607"/>
                  </a:cubicBezTo>
                  <a:cubicBezTo>
                    <a:pt x="13633" y="2486"/>
                    <a:pt x="13631" y="2336"/>
                    <a:pt x="13631" y="2194"/>
                  </a:cubicBezTo>
                  <a:cubicBezTo>
                    <a:pt x="13629" y="1696"/>
                    <a:pt x="13629" y="1200"/>
                    <a:pt x="13629" y="702"/>
                  </a:cubicBezTo>
                  <a:cubicBezTo>
                    <a:pt x="13629" y="510"/>
                    <a:pt x="13620" y="299"/>
                    <a:pt x="13487" y="160"/>
                  </a:cubicBezTo>
                  <a:cubicBezTo>
                    <a:pt x="13349" y="17"/>
                    <a:pt x="13124" y="5"/>
                    <a:pt x="12920" y="5"/>
                  </a:cubicBezTo>
                  <a:lnTo>
                    <a:pt x="7935"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30" name="Google Shape;630;p33"/>
            <p:cNvSpPr/>
            <p:nvPr/>
          </p:nvSpPr>
          <p:spPr>
            <a:xfrm>
              <a:off x="7333669" y="3382992"/>
              <a:ext cx="1575291" cy="1502276"/>
            </a:xfrm>
            <a:custGeom>
              <a:avLst/>
              <a:gdLst/>
              <a:ahLst/>
              <a:cxnLst/>
              <a:rect l="l" t="t" r="r" b="b"/>
              <a:pathLst>
                <a:path w="18576" h="17715" fill="none" extrusionOk="0">
                  <a:moveTo>
                    <a:pt x="3368" y="16767"/>
                  </a:moveTo>
                  <a:cubicBezTo>
                    <a:pt x="3355" y="16649"/>
                    <a:pt x="3348" y="16530"/>
                    <a:pt x="3350" y="16415"/>
                  </a:cubicBezTo>
                  <a:lnTo>
                    <a:pt x="3352" y="12199"/>
                  </a:lnTo>
                  <a:cubicBezTo>
                    <a:pt x="3352" y="11578"/>
                    <a:pt x="3769" y="8835"/>
                    <a:pt x="2838" y="8833"/>
                  </a:cubicBezTo>
                  <a:cubicBezTo>
                    <a:pt x="2252" y="8833"/>
                    <a:pt x="1675" y="8854"/>
                    <a:pt x="1091" y="8863"/>
                  </a:cubicBezTo>
                  <a:cubicBezTo>
                    <a:pt x="0" y="8879"/>
                    <a:pt x="251" y="7828"/>
                    <a:pt x="251" y="7072"/>
                  </a:cubicBezTo>
                  <a:cubicBezTo>
                    <a:pt x="251" y="6111"/>
                    <a:pt x="5495" y="6558"/>
                    <a:pt x="6352" y="6558"/>
                  </a:cubicBezTo>
                  <a:cubicBezTo>
                    <a:pt x="7591" y="6558"/>
                    <a:pt x="7149" y="4420"/>
                    <a:pt x="7149" y="3563"/>
                  </a:cubicBezTo>
                  <a:cubicBezTo>
                    <a:pt x="7149" y="2622"/>
                    <a:pt x="6572" y="0"/>
                    <a:pt x="7937" y="0"/>
                  </a:cubicBezTo>
                  <a:lnTo>
                    <a:pt x="12924" y="5"/>
                  </a:lnTo>
                  <a:cubicBezTo>
                    <a:pt x="13125" y="5"/>
                    <a:pt x="13350" y="14"/>
                    <a:pt x="13489" y="160"/>
                  </a:cubicBezTo>
                  <a:cubicBezTo>
                    <a:pt x="13623" y="299"/>
                    <a:pt x="13630" y="510"/>
                    <a:pt x="13630" y="702"/>
                  </a:cubicBezTo>
                  <a:cubicBezTo>
                    <a:pt x="13630" y="1200"/>
                    <a:pt x="13633" y="1696"/>
                    <a:pt x="13633" y="2194"/>
                  </a:cubicBezTo>
                  <a:cubicBezTo>
                    <a:pt x="13633" y="2335"/>
                    <a:pt x="13637" y="2486"/>
                    <a:pt x="13714" y="2606"/>
                  </a:cubicBezTo>
                  <a:cubicBezTo>
                    <a:pt x="13848" y="2817"/>
                    <a:pt x="14140" y="2840"/>
                    <a:pt x="14390" y="2840"/>
                  </a:cubicBezTo>
                  <a:cubicBezTo>
                    <a:pt x="15289" y="2840"/>
                    <a:pt x="16197" y="2639"/>
                    <a:pt x="17093" y="2782"/>
                  </a:cubicBezTo>
                  <a:cubicBezTo>
                    <a:pt x="18576" y="3021"/>
                    <a:pt x="18043" y="4679"/>
                    <a:pt x="18043" y="5882"/>
                  </a:cubicBezTo>
                  <a:lnTo>
                    <a:pt x="18052" y="16269"/>
                  </a:lnTo>
                  <a:cubicBezTo>
                    <a:pt x="18052" y="17714"/>
                    <a:pt x="16758" y="17286"/>
                    <a:pt x="15664" y="17286"/>
                  </a:cubicBezTo>
                  <a:lnTo>
                    <a:pt x="6880" y="17286"/>
                  </a:lnTo>
                  <a:cubicBezTo>
                    <a:pt x="6065" y="17286"/>
                    <a:pt x="4515" y="17587"/>
                    <a:pt x="3748" y="17279"/>
                  </a:cubicBezTo>
                  <a:cubicBezTo>
                    <a:pt x="3633" y="17232"/>
                    <a:pt x="3531" y="17170"/>
                    <a:pt x="3466" y="17059"/>
                  </a:cubicBezTo>
                  <a:cubicBezTo>
                    <a:pt x="3415" y="16968"/>
                    <a:pt x="3382" y="16869"/>
                    <a:pt x="3368" y="16767"/>
                  </a:cubicBezTo>
                  <a:close/>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631" name="Google Shape;631;p33"/>
          <p:cNvGrpSpPr/>
          <p:nvPr/>
        </p:nvGrpSpPr>
        <p:grpSpPr>
          <a:xfrm>
            <a:off x="6680898" y="4039001"/>
            <a:ext cx="818808" cy="1096167"/>
            <a:chOff x="113834" y="3966188"/>
            <a:chExt cx="818808" cy="1096167"/>
          </a:xfrm>
        </p:grpSpPr>
        <p:sp>
          <p:nvSpPr>
            <p:cNvPr id="632" name="Google Shape;632;p33"/>
            <p:cNvSpPr/>
            <p:nvPr/>
          </p:nvSpPr>
          <p:spPr>
            <a:xfrm>
              <a:off x="164788" y="4075897"/>
              <a:ext cx="767854" cy="568901"/>
            </a:xfrm>
            <a:custGeom>
              <a:avLst/>
              <a:gdLst/>
              <a:ahLst/>
              <a:cxnLst/>
              <a:rect l="l" t="t" r="r" b="b"/>
              <a:pathLst>
                <a:path w="7580" h="5616" extrusionOk="0">
                  <a:moveTo>
                    <a:pt x="4274" y="1"/>
                  </a:moveTo>
                  <a:cubicBezTo>
                    <a:pt x="3072" y="1"/>
                    <a:pt x="1264" y="791"/>
                    <a:pt x="753" y="1609"/>
                  </a:cubicBezTo>
                  <a:cubicBezTo>
                    <a:pt x="0" y="2816"/>
                    <a:pt x="2259" y="2512"/>
                    <a:pt x="2208" y="2966"/>
                  </a:cubicBezTo>
                  <a:cubicBezTo>
                    <a:pt x="2159" y="3418"/>
                    <a:pt x="1003" y="3870"/>
                    <a:pt x="1557" y="5091"/>
                  </a:cubicBezTo>
                  <a:cubicBezTo>
                    <a:pt x="1734" y="5482"/>
                    <a:pt x="2050" y="5615"/>
                    <a:pt x="2398" y="5615"/>
                  </a:cubicBezTo>
                  <a:cubicBezTo>
                    <a:pt x="3136" y="5615"/>
                    <a:pt x="4017" y="5019"/>
                    <a:pt x="4017" y="5019"/>
                  </a:cubicBezTo>
                  <a:lnTo>
                    <a:pt x="4818" y="4773"/>
                  </a:lnTo>
                  <a:cubicBezTo>
                    <a:pt x="7230" y="4472"/>
                    <a:pt x="7580" y="3518"/>
                    <a:pt x="7429" y="2306"/>
                  </a:cubicBezTo>
                  <a:cubicBezTo>
                    <a:pt x="7278" y="1095"/>
                    <a:pt x="5673" y="1961"/>
                    <a:pt x="5372" y="611"/>
                  </a:cubicBezTo>
                  <a:cubicBezTo>
                    <a:pt x="5275" y="177"/>
                    <a:pt x="4843" y="1"/>
                    <a:pt x="4274"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33" name="Google Shape;633;p33"/>
            <p:cNvSpPr/>
            <p:nvPr/>
          </p:nvSpPr>
          <p:spPr>
            <a:xfrm>
              <a:off x="113834" y="3966188"/>
              <a:ext cx="768158" cy="1096167"/>
            </a:xfrm>
            <a:custGeom>
              <a:avLst/>
              <a:gdLst/>
              <a:ahLst/>
              <a:cxnLst/>
              <a:rect l="l" t="t" r="r" b="b"/>
              <a:pathLst>
                <a:path w="7583" h="10821" fill="none" extrusionOk="0">
                  <a:moveTo>
                    <a:pt x="4017" y="10820"/>
                  </a:moveTo>
                  <a:lnTo>
                    <a:pt x="4017" y="5759"/>
                  </a:lnTo>
                  <a:cubicBezTo>
                    <a:pt x="4017" y="5759"/>
                    <a:pt x="2111" y="7049"/>
                    <a:pt x="1557" y="5828"/>
                  </a:cubicBezTo>
                  <a:cubicBezTo>
                    <a:pt x="1006" y="4608"/>
                    <a:pt x="2159" y="4156"/>
                    <a:pt x="2210" y="3704"/>
                  </a:cubicBezTo>
                  <a:cubicBezTo>
                    <a:pt x="2261" y="3253"/>
                    <a:pt x="0" y="3554"/>
                    <a:pt x="753" y="2349"/>
                  </a:cubicBezTo>
                  <a:cubicBezTo>
                    <a:pt x="1506" y="1145"/>
                    <a:pt x="5071" y="0"/>
                    <a:pt x="5372" y="1351"/>
                  </a:cubicBezTo>
                  <a:cubicBezTo>
                    <a:pt x="5673" y="2699"/>
                    <a:pt x="7281" y="1835"/>
                    <a:pt x="7432" y="3046"/>
                  </a:cubicBezTo>
                  <a:cubicBezTo>
                    <a:pt x="7582" y="4256"/>
                    <a:pt x="7230" y="5210"/>
                    <a:pt x="4821" y="5511"/>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634" name="Google Shape;634;p33"/>
          <p:cNvSpPr/>
          <p:nvPr/>
        </p:nvSpPr>
        <p:spPr>
          <a:xfrm rot="-8897730" flipH="1">
            <a:off x="4459957" y="238461"/>
            <a:ext cx="1745093" cy="1096131"/>
          </a:xfrm>
          <a:custGeom>
            <a:avLst/>
            <a:gdLst/>
            <a:ahLst/>
            <a:cxnLst/>
            <a:rect l="l" t="t" r="r" b="b"/>
            <a:pathLst>
              <a:path w="19417" h="12197" fill="none" extrusionOk="0">
                <a:moveTo>
                  <a:pt x="17936" y="4902"/>
                </a:moveTo>
                <a:cubicBezTo>
                  <a:pt x="19037" y="5896"/>
                  <a:pt x="19417" y="7605"/>
                  <a:pt x="18842" y="8972"/>
                </a:cubicBezTo>
                <a:cubicBezTo>
                  <a:pt x="18265" y="10337"/>
                  <a:pt x="16776" y="11258"/>
                  <a:pt x="15298" y="11166"/>
                </a:cubicBezTo>
                <a:cubicBezTo>
                  <a:pt x="13987" y="11082"/>
                  <a:pt x="12838" y="10304"/>
                  <a:pt x="11765" y="9551"/>
                </a:cubicBezTo>
                <a:cubicBezTo>
                  <a:pt x="10691" y="8796"/>
                  <a:pt x="9546" y="8013"/>
                  <a:pt x="8237" y="7920"/>
                </a:cubicBezTo>
                <a:cubicBezTo>
                  <a:pt x="6929" y="7826"/>
                  <a:pt x="5453" y="8731"/>
                  <a:pt x="5439" y="10042"/>
                </a:cubicBezTo>
                <a:cubicBezTo>
                  <a:pt x="5425" y="11247"/>
                  <a:pt x="6741" y="12197"/>
                  <a:pt x="7934" y="12021"/>
                </a:cubicBezTo>
                <a:cubicBezTo>
                  <a:pt x="9127" y="11842"/>
                  <a:pt x="10058" y="10777"/>
                  <a:pt x="10336" y="9602"/>
                </a:cubicBezTo>
                <a:cubicBezTo>
                  <a:pt x="10616" y="8430"/>
                  <a:pt x="10341" y="7184"/>
                  <a:pt x="9852" y="6081"/>
                </a:cubicBezTo>
                <a:cubicBezTo>
                  <a:pt x="8214" y="2384"/>
                  <a:pt x="4015" y="1"/>
                  <a:pt x="0" y="494"/>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635" name="Google Shape;635;p33"/>
          <p:cNvGrpSpPr/>
          <p:nvPr/>
        </p:nvGrpSpPr>
        <p:grpSpPr>
          <a:xfrm rot="-5060135" flipH="1">
            <a:off x="7723693" y="-514048"/>
            <a:ext cx="1340673" cy="1924057"/>
            <a:chOff x="-1396750" y="3025955"/>
            <a:chExt cx="1340696" cy="1924090"/>
          </a:xfrm>
        </p:grpSpPr>
        <p:sp>
          <p:nvSpPr>
            <p:cNvPr id="636" name="Google Shape;636;p33"/>
            <p:cNvSpPr/>
            <p:nvPr/>
          </p:nvSpPr>
          <p:spPr>
            <a:xfrm>
              <a:off x="-1396750" y="3025955"/>
              <a:ext cx="1340696" cy="1924090"/>
            </a:xfrm>
            <a:custGeom>
              <a:avLst/>
              <a:gdLst/>
              <a:ahLst/>
              <a:cxnLst/>
              <a:rect l="l" t="t" r="r" b="b"/>
              <a:pathLst>
                <a:path w="16089" h="23090" extrusionOk="0">
                  <a:moveTo>
                    <a:pt x="5343" y="1"/>
                  </a:moveTo>
                  <a:cubicBezTo>
                    <a:pt x="4266" y="1"/>
                    <a:pt x="3032" y="1474"/>
                    <a:pt x="2899" y="2383"/>
                  </a:cubicBezTo>
                  <a:cubicBezTo>
                    <a:pt x="2667" y="3933"/>
                    <a:pt x="2993" y="5336"/>
                    <a:pt x="2424" y="6900"/>
                  </a:cubicBezTo>
                  <a:cubicBezTo>
                    <a:pt x="1946" y="8206"/>
                    <a:pt x="1175" y="9392"/>
                    <a:pt x="726" y="10708"/>
                  </a:cubicBezTo>
                  <a:cubicBezTo>
                    <a:pt x="1" y="12835"/>
                    <a:pt x="170" y="15156"/>
                    <a:pt x="452" y="17384"/>
                  </a:cubicBezTo>
                  <a:cubicBezTo>
                    <a:pt x="649" y="18955"/>
                    <a:pt x="957" y="20632"/>
                    <a:pt x="2083" y="21744"/>
                  </a:cubicBezTo>
                  <a:cubicBezTo>
                    <a:pt x="3171" y="22817"/>
                    <a:pt x="4715" y="23090"/>
                    <a:pt x="6288" y="23090"/>
                  </a:cubicBezTo>
                  <a:cubicBezTo>
                    <a:pt x="6954" y="23090"/>
                    <a:pt x="7624" y="23041"/>
                    <a:pt x="8268" y="22983"/>
                  </a:cubicBezTo>
                  <a:lnTo>
                    <a:pt x="13869" y="22478"/>
                  </a:lnTo>
                  <a:cubicBezTo>
                    <a:pt x="14837" y="22392"/>
                    <a:pt x="16088" y="22015"/>
                    <a:pt x="16084" y="21042"/>
                  </a:cubicBezTo>
                  <a:cubicBezTo>
                    <a:pt x="16081" y="20498"/>
                    <a:pt x="15641" y="20046"/>
                    <a:pt x="15563" y="19508"/>
                  </a:cubicBezTo>
                  <a:cubicBezTo>
                    <a:pt x="15488" y="18990"/>
                    <a:pt x="15762" y="18491"/>
                    <a:pt x="15861" y="17977"/>
                  </a:cubicBezTo>
                  <a:cubicBezTo>
                    <a:pt x="16074" y="16875"/>
                    <a:pt x="15495" y="15795"/>
                    <a:pt x="15268" y="14695"/>
                  </a:cubicBezTo>
                  <a:cubicBezTo>
                    <a:pt x="14974" y="13263"/>
                    <a:pt x="15278" y="11785"/>
                    <a:pt x="15583" y="10356"/>
                  </a:cubicBezTo>
                  <a:cubicBezTo>
                    <a:pt x="15667" y="9960"/>
                    <a:pt x="15752" y="9564"/>
                    <a:pt x="15836" y="9170"/>
                  </a:cubicBezTo>
                  <a:cubicBezTo>
                    <a:pt x="15889" y="8927"/>
                    <a:pt x="15938" y="8665"/>
                    <a:pt x="15838" y="8438"/>
                  </a:cubicBezTo>
                  <a:cubicBezTo>
                    <a:pt x="15771" y="8285"/>
                    <a:pt x="15641" y="8167"/>
                    <a:pt x="15516" y="8054"/>
                  </a:cubicBezTo>
                  <a:lnTo>
                    <a:pt x="14180" y="6856"/>
                  </a:lnTo>
                  <a:cubicBezTo>
                    <a:pt x="13742" y="6464"/>
                    <a:pt x="13295" y="6061"/>
                    <a:pt x="13026" y="5540"/>
                  </a:cubicBezTo>
                  <a:cubicBezTo>
                    <a:pt x="12757" y="5021"/>
                    <a:pt x="12699" y="4350"/>
                    <a:pt x="13035" y="3868"/>
                  </a:cubicBezTo>
                  <a:lnTo>
                    <a:pt x="13035" y="3868"/>
                  </a:lnTo>
                  <a:cubicBezTo>
                    <a:pt x="12928" y="3874"/>
                    <a:pt x="12817" y="3878"/>
                    <a:pt x="12704" y="3878"/>
                  </a:cubicBezTo>
                  <a:cubicBezTo>
                    <a:pt x="11948" y="3878"/>
                    <a:pt x="11116" y="3704"/>
                    <a:pt x="10925" y="3013"/>
                  </a:cubicBezTo>
                  <a:cubicBezTo>
                    <a:pt x="10862" y="2788"/>
                    <a:pt x="10886" y="2540"/>
                    <a:pt x="10798" y="2325"/>
                  </a:cubicBezTo>
                  <a:cubicBezTo>
                    <a:pt x="10559" y="1748"/>
                    <a:pt x="9598" y="1519"/>
                    <a:pt x="9704" y="905"/>
                  </a:cubicBezTo>
                  <a:lnTo>
                    <a:pt x="9704" y="905"/>
                  </a:lnTo>
                  <a:cubicBezTo>
                    <a:pt x="9274" y="1189"/>
                    <a:pt x="8760" y="1328"/>
                    <a:pt x="8246" y="1328"/>
                  </a:cubicBezTo>
                  <a:cubicBezTo>
                    <a:pt x="7553" y="1328"/>
                    <a:pt x="6858" y="1077"/>
                    <a:pt x="6359" y="595"/>
                  </a:cubicBezTo>
                  <a:cubicBezTo>
                    <a:pt x="6151" y="391"/>
                    <a:pt x="5961" y="145"/>
                    <a:pt x="5685" y="55"/>
                  </a:cubicBezTo>
                  <a:cubicBezTo>
                    <a:pt x="5574" y="18"/>
                    <a:pt x="5459" y="1"/>
                    <a:pt x="5343"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37" name="Google Shape;637;p33"/>
            <p:cNvSpPr/>
            <p:nvPr/>
          </p:nvSpPr>
          <p:spPr>
            <a:xfrm>
              <a:off x="-1227075" y="3653575"/>
              <a:ext cx="985078" cy="1229026"/>
            </a:xfrm>
            <a:custGeom>
              <a:avLst/>
              <a:gdLst/>
              <a:ahLst/>
              <a:cxnLst/>
              <a:rect l="l" t="t" r="r" b="b"/>
              <a:pathLst>
                <a:path w="8584" h="10710" extrusionOk="0">
                  <a:moveTo>
                    <a:pt x="4027" y="1"/>
                  </a:moveTo>
                  <a:cubicBezTo>
                    <a:pt x="3970" y="1"/>
                    <a:pt x="3896" y="34"/>
                    <a:pt x="3858" y="73"/>
                  </a:cubicBezTo>
                  <a:cubicBezTo>
                    <a:pt x="3700" y="228"/>
                    <a:pt x="3684" y="612"/>
                    <a:pt x="3816" y="791"/>
                  </a:cubicBezTo>
                  <a:cubicBezTo>
                    <a:pt x="3994" y="1029"/>
                    <a:pt x="4217" y="1196"/>
                    <a:pt x="4530" y="1226"/>
                  </a:cubicBezTo>
                  <a:cubicBezTo>
                    <a:pt x="4715" y="1245"/>
                    <a:pt x="4777" y="1321"/>
                    <a:pt x="4810" y="1506"/>
                  </a:cubicBezTo>
                  <a:cubicBezTo>
                    <a:pt x="4824" y="1578"/>
                    <a:pt x="4821" y="1652"/>
                    <a:pt x="4840" y="1724"/>
                  </a:cubicBezTo>
                  <a:cubicBezTo>
                    <a:pt x="4956" y="2187"/>
                    <a:pt x="5204" y="2577"/>
                    <a:pt x="5542" y="2912"/>
                  </a:cubicBezTo>
                  <a:cubicBezTo>
                    <a:pt x="5711" y="3082"/>
                    <a:pt x="5919" y="3163"/>
                    <a:pt x="6135" y="3209"/>
                  </a:cubicBezTo>
                  <a:cubicBezTo>
                    <a:pt x="6253" y="3193"/>
                    <a:pt x="6376" y="3228"/>
                    <a:pt x="6438" y="3105"/>
                  </a:cubicBezTo>
                  <a:lnTo>
                    <a:pt x="6438" y="3107"/>
                  </a:lnTo>
                  <a:cubicBezTo>
                    <a:pt x="6529" y="2926"/>
                    <a:pt x="6566" y="2729"/>
                    <a:pt x="6355" y="2572"/>
                  </a:cubicBezTo>
                  <a:cubicBezTo>
                    <a:pt x="6267" y="2507"/>
                    <a:pt x="6188" y="2431"/>
                    <a:pt x="6116" y="2347"/>
                  </a:cubicBezTo>
                  <a:cubicBezTo>
                    <a:pt x="6001" y="2218"/>
                    <a:pt x="5887" y="2088"/>
                    <a:pt x="5783" y="1949"/>
                  </a:cubicBezTo>
                  <a:cubicBezTo>
                    <a:pt x="5676" y="1810"/>
                    <a:pt x="5551" y="1680"/>
                    <a:pt x="5486" y="1525"/>
                  </a:cubicBezTo>
                  <a:cubicBezTo>
                    <a:pt x="5414" y="1351"/>
                    <a:pt x="5273" y="1196"/>
                    <a:pt x="5299" y="990"/>
                  </a:cubicBezTo>
                  <a:cubicBezTo>
                    <a:pt x="5331" y="742"/>
                    <a:pt x="5199" y="566"/>
                    <a:pt x="5046" y="406"/>
                  </a:cubicBezTo>
                  <a:cubicBezTo>
                    <a:pt x="4777" y="126"/>
                    <a:pt x="4407" y="75"/>
                    <a:pt x="4050" y="3"/>
                  </a:cubicBezTo>
                  <a:cubicBezTo>
                    <a:pt x="4043" y="2"/>
                    <a:pt x="4035" y="1"/>
                    <a:pt x="4027" y="1"/>
                  </a:cubicBezTo>
                  <a:close/>
                  <a:moveTo>
                    <a:pt x="447" y="2266"/>
                  </a:moveTo>
                  <a:cubicBezTo>
                    <a:pt x="348" y="2266"/>
                    <a:pt x="274" y="2315"/>
                    <a:pt x="182" y="2419"/>
                  </a:cubicBezTo>
                  <a:cubicBezTo>
                    <a:pt x="40" y="2581"/>
                    <a:pt x="1" y="2778"/>
                    <a:pt x="3" y="2982"/>
                  </a:cubicBezTo>
                  <a:cubicBezTo>
                    <a:pt x="8" y="3045"/>
                    <a:pt x="36" y="3102"/>
                    <a:pt x="80" y="3146"/>
                  </a:cubicBezTo>
                  <a:cubicBezTo>
                    <a:pt x="145" y="3205"/>
                    <a:pt x="212" y="3276"/>
                    <a:pt x="301" y="3276"/>
                  </a:cubicBezTo>
                  <a:cubicBezTo>
                    <a:pt x="328" y="3276"/>
                    <a:pt x="358" y="3269"/>
                    <a:pt x="390" y="3253"/>
                  </a:cubicBezTo>
                  <a:cubicBezTo>
                    <a:pt x="511" y="3276"/>
                    <a:pt x="626" y="3309"/>
                    <a:pt x="744" y="3320"/>
                  </a:cubicBezTo>
                  <a:cubicBezTo>
                    <a:pt x="782" y="3324"/>
                    <a:pt x="821" y="3328"/>
                    <a:pt x="857" y="3328"/>
                  </a:cubicBezTo>
                  <a:cubicBezTo>
                    <a:pt x="952" y="3328"/>
                    <a:pt x="1036" y="3300"/>
                    <a:pt x="1076" y="3167"/>
                  </a:cubicBezTo>
                  <a:cubicBezTo>
                    <a:pt x="1090" y="3119"/>
                    <a:pt x="1152" y="3091"/>
                    <a:pt x="1182" y="3045"/>
                  </a:cubicBezTo>
                  <a:cubicBezTo>
                    <a:pt x="1205" y="3010"/>
                    <a:pt x="1231" y="2959"/>
                    <a:pt x="1224" y="2922"/>
                  </a:cubicBezTo>
                  <a:cubicBezTo>
                    <a:pt x="1196" y="2716"/>
                    <a:pt x="1134" y="2526"/>
                    <a:pt x="923" y="2431"/>
                  </a:cubicBezTo>
                  <a:cubicBezTo>
                    <a:pt x="823" y="2387"/>
                    <a:pt x="724" y="2340"/>
                    <a:pt x="622" y="2303"/>
                  </a:cubicBezTo>
                  <a:cubicBezTo>
                    <a:pt x="554" y="2279"/>
                    <a:pt x="497" y="2266"/>
                    <a:pt x="447" y="2266"/>
                  </a:cubicBezTo>
                  <a:close/>
                  <a:moveTo>
                    <a:pt x="8162" y="1394"/>
                  </a:moveTo>
                  <a:cubicBezTo>
                    <a:pt x="8006" y="1394"/>
                    <a:pt x="7887" y="1482"/>
                    <a:pt x="7770" y="1583"/>
                  </a:cubicBezTo>
                  <a:cubicBezTo>
                    <a:pt x="7657" y="1685"/>
                    <a:pt x="7675" y="1814"/>
                    <a:pt x="7715" y="1935"/>
                  </a:cubicBezTo>
                  <a:cubicBezTo>
                    <a:pt x="7791" y="2167"/>
                    <a:pt x="7872" y="2396"/>
                    <a:pt x="7967" y="2621"/>
                  </a:cubicBezTo>
                  <a:cubicBezTo>
                    <a:pt x="8067" y="2852"/>
                    <a:pt x="8164" y="3089"/>
                    <a:pt x="8296" y="3302"/>
                  </a:cubicBezTo>
                  <a:cubicBezTo>
                    <a:pt x="8361" y="3408"/>
                    <a:pt x="8421" y="3519"/>
                    <a:pt x="8472" y="3631"/>
                  </a:cubicBezTo>
                  <a:lnTo>
                    <a:pt x="8583" y="1541"/>
                  </a:lnTo>
                  <a:cubicBezTo>
                    <a:pt x="8484" y="1472"/>
                    <a:pt x="8373" y="1425"/>
                    <a:pt x="8257" y="1404"/>
                  </a:cubicBezTo>
                  <a:cubicBezTo>
                    <a:pt x="8224" y="1397"/>
                    <a:pt x="8192" y="1394"/>
                    <a:pt x="8162" y="1394"/>
                  </a:cubicBezTo>
                  <a:close/>
                  <a:moveTo>
                    <a:pt x="3261" y="3739"/>
                  </a:moveTo>
                  <a:cubicBezTo>
                    <a:pt x="3167" y="3739"/>
                    <a:pt x="3077" y="3769"/>
                    <a:pt x="2998" y="3844"/>
                  </a:cubicBezTo>
                  <a:cubicBezTo>
                    <a:pt x="2876" y="3953"/>
                    <a:pt x="2769" y="4075"/>
                    <a:pt x="2679" y="4210"/>
                  </a:cubicBezTo>
                  <a:cubicBezTo>
                    <a:pt x="2544" y="4418"/>
                    <a:pt x="2426" y="4631"/>
                    <a:pt x="2208" y="4768"/>
                  </a:cubicBezTo>
                  <a:cubicBezTo>
                    <a:pt x="2134" y="4812"/>
                    <a:pt x="2102" y="4902"/>
                    <a:pt x="2132" y="4983"/>
                  </a:cubicBezTo>
                  <a:cubicBezTo>
                    <a:pt x="2215" y="5250"/>
                    <a:pt x="2478" y="5435"/>
                    <a:pt x="2759" y="5435"/>
                  </a:cubicBezTo>
                  <a:cubicBezTo>
                    <a:pt x="2783" y="5435"/>
                    <a:pt x="2807" y="5433"/>
                    <a:pt x="2832" y="5430"/>
                  </a:cubicBezTo>
                  <a:cubicBezTo>
                    <a:pt x="2896" y="5424"/>
                    <a:pt x="2959" y="5426"/>
                    <a:pt x="3024" y="5424"/>
                  </a:cubicBezTo>
                  <a:cubicBezTo>
                    <a:pt x="3262" y="5421"/>
                    <a:pt x="3508" y="5391"/>
                    <a:pt x="3638" y="5164"/>
                  </a:cubicBezTo>
                  <a:lnTo>
                    <a:pt x="3638" y="5166"/>
                  </a:lnTo>
                  <a:cubicBezTo>
                    <a:pt x="3784" y="4916"/>
                    <a:pt x="3888" y="4643"/>
                    <a:pt x="4008" y="4379"/>
                  </a:cubicBezTo>
                  <a:cubicBezTo>
                    <a:pt x="4073" y="4240"/>
                    <a:pt x="3950" y="4152"/>
                    <a:pt x="3913" y="4041"/>
                  </a:cubicBezTo>
                  <a:cubicBezTo>
                    <a:pt x="3904" y="4010"/>
                    <a:pt x="3886" y="3960"/>
                    <a:pt x="3872" y="3960"/>
                  </a:cubicBezTo>
                  <a:cubicBezTo>
                    <a:pt x="3870" y="3960"/>
                    <a:pt x="3869" y="3960"/>
                    <a:pt x="3867" y="3960"/>
                  </a:cubicBezTo>
                  <a:cubicBezTo>
                    <a:pt x="3712" y="3960"/>
                    <a:pt x="3616" y="3836"/>
                    <a:pt x="3485" y="3786"/>
                  </a:cubicBezTo>
                  <a:cubicBezTo>
                    <a:pt x="3409" y="3757"/>
                    <a:pt x="3334" y="3739"/>
                    <a:pt x="3261" y="3739"/>
                  </a:cubicBezTo>
                  <a:close/>
                  <a:moveTo>
                    <a:pt x="5906" y="4468"/>
                  </a:moveTo>
                  <a:cubicBezTo>
                    <a:pt x="5840" y="4468"/>
                    <a:pt x="5772" y="4478"/>
                    <a:pt x="5702" y="4504"/>
                  </a:cubicBezTo>
                  <a:cubicBezTo>
                    <a:pt x="5691" y="4508"/>
                    <a:pt x="5679" y="4509"/>
                    <a:pt x="5667" y="4509"/>
                  </a:cubicBezTo>
                  <a:cubicBezTo>
                    <a:pt x="5643" y="4509"/>
                    <a:pt x="5618" y="4504"/>
                    <a:pt x="5593" y="4504"/>
                  </a:cubicBezTo>
                  <a:cubicBezTo>
                    <a:pt x="5447" y="4504"/>
                    <a:pt x="5303" y="4555"/>
                    <a:pt x="5190" y="4647"/>
                  </a:cubicBezTo>
                  <a:cubicBezTo>
                    <a:pt x="4979" y="4812"/>
                    <a:pt x="4858" y="5053"/>
                    <a:pt x="4701" y="5259"/>
                  </a:cubicBezTo>
                  <a:cubicBezTo>
                    <a:pt x="4608" y="5384"/>
                    <a:pt x="4657" y="5535"/>
                    <a:pt x="4794" y="5648"/>
                  </a:cubicBezTo>
                  <a:cubicBezTo>
                    <a:pt x="5016" y="5834"/>
                    <a:pt x="5287" y="5924"/>
                    <a:pt x="5556" y="6000"/>
                  </a:cubicBezTo>
                  <a:cubicBezTo>
                    <a:pt x="5579" y="6007"/>
                    <a:pt x="5603" y="6010"/>
                    <a:pt x="5628" y="6010"/>
                  </a:cubicBezTo>
                  <a:cubicBezTo>
                    <a:pt x="5699" y="6010"/>
                    <a:pt x="5776" y="5989"/>
                    <a:pt x="5850" y="5984"/>
                  </a:cubicBezTo>
                  <a:lnTo>
                    <a:pt x="5857" y="6021"/>
                  </a:lnTo>
                  <a:cubicBezTo>
                    <a:pt x="5984" y="5991"/>
                    <a:pt x="6114" y="5947"/>
                    <a:pt x="6244" y="5931"/>
                  </a:cubicBezTo>
                  <a:cubicBezTo>
                    <a:pt x="6431" y="5910"/>
                    <a:pt x="6503" y="5792"/>
                    <a:pt x="6545" y="5627"/>
                  </a:cubicBezTo>
                  <a:cubicBezTo>
                    <a:pt x="6570" y="5523"/>
                    <a:pt x="6610" y="5424"/>
                    <a:pt x="6665" y="5331"/>
                  </a:cubicBezTo>
                  <a:cubicBezTo>
                    <a:pt x="6837" y="5060"/>
                    <a:pt x="6749" y="4729"/>
                    <a:pt x="6445" y="4620"/>
                  </a:cubicBezTo>
                  <a:cubicBezTo>
                    <a:pt x="6270" y="4554"/>
                    <a:pt x="6095" y="4468"/>
                    <a:pt x="5906" y="4468"/>
                  </a:cubicBezTo>
                  <a:close/>
                  <a:moveTo>
                    <a:pt x="6927" y="4136"/>
                  </a:moveTo>
                  <a:lnTo>
                    <a:pt x="6927" y="4136"/>
                  </a:lnTo>
                  <a:cubicBezTo>
                    <a:pt x="6946" y="4224"/>
                    <a:pt x="6950" y="4316"/>
                    <a:pt x="6983" y="4397"/>
                  </a:cubicBezTo>
                  <a:cubicBezTo>
                    <a:pt x="7092" y="4654"/>
                    <a:pt x="7200" y="4914"/>
                    <a:pt x="7330" y="5159"/>
                  </a:cubicBezTo>
                  <a:cubicBezTo>
                    <a:pt x="7420" y="5326"/>
                    <a:pt x="7550" y="5472"/>
                    <a:pt x="7654" y="5632"/>
                  </a:cubicBezTo>
                  <a:cubicBezTo>
                    <a:pt x="7761" y="5790"/>
                    <a:pt x="7877" y="5940"/>
                    <a:pt x="8041" y="6051"/>
                  </a:cubicBezTo>
                  <a:cubicBezTo>
                    <a:pt x="8115" y="6102"/>
                    <a:pt x="8173" y="6209"/>
                    <a:pt x="8199" y="6299"/>
                  </a:cubicBezTo>
                  <a:cubicBezTo>
                    <a:pt x="8236" y="6440"/>
                    <a:pt x="8273" y="6582"/>
                    <a:pt x="8312" y="6723"/>
                  </a:cubicBezTo>
                  <a:lnTo>
                    <a:pt x="8347" y="6028"/>
                  </a:lnTo>
                  <a:cubicBezTo>
                    <a:pt x="8287" y="5947"/>
                    <a:pt x="8215" y="5878"/>
                    <a:pt x="8152" y="5801"/>
                  </a:cubicBezTo>
                  <a:lnTo>
                    <a:pt x="8152" y="5803"/>
                  </a:lnTo>
                  <a:cubicBezTo>
                    <a:pt x="8074" y="5706"/>
                    <a:pt x="7986" y="5611"/>
                    <a:pt x="7914" y="5509"/>
                  </a:cubicBezTo>
                  <a:cubicBezTo>
                    <a:pt x="7828" y="5389"/>
                    <a:pt x="7756" y="5261"/>
                    <a:pt x="7673" y="5141"/>
                  </a:cubicBezTo>
                  <a:cubicBezTo>
                    <a:pt x="7613" y="5051"/>
                    <a:pt x="7525" y="4976"/>
                    <a:pt x="7478" y="4879"/>
                  </a:cubicBezTo>
                  <a:cubicBezTo>
                    <a:pt x="7342" y="4599"/>
                    <a:pt x="7119" y="4381"/>
                    <a:pt x="6927" y="4136"/>
                  </a:cubicBezTo>
                  <a:close/>
                  <a:moveTo>
                    <a:pt x="3120" y="8472"/>
                  </a:moveTo>
                  <a:cubicBezTo>
                    <a:pt x="2971" y="8472"/>
                    <a:pt x="2822" y="8513"/>
                    <a:pt x="2674" y="8541"/>
                  </a:cubicBezTo>
                  <a:cubicBezTo>
                    <a:pt x="2646" y="8548"/>
                    <a:pt x="2623" y="8565"/>
                    <a:pt x="2607" y="8585"/>
                  </a:cubicBezTo>
                  <a:cubicBezTo>
                    <a:pt x="2475" y="8785"/>
                    <a:pt x="2252" y="8907"/>
                    <a:pt x="2171" y="9153"/>
                  </a:cubicBezTo>
                  <a:cubicBezTo>
                    <a:pt x="2123" y="9306"/>
                    <a:pt x="2074" y="9438"/>
                    <a:pt x="2183" y="9584"/>
                  </a:cubicBezTo>
                  <a:cubicBezTo>
                    <a:pt x="2273" y="9702"/>
                    <a:pt x="2310" y="9850"/>
                    <a:pt x="2287" y="9996"/>
                  </a:cubicBezTo>
                  <a:cubicBezTo>
                    <a:pt x="2271" y="10144"/>
                    <a:pt x="2297" y="10293"/>
                    <a:pt x="2364" y="10425"/>
                  </a:cubicBezTo>
                  <a:lnTo>
                    <a:pt x="4923" y="10561"/>
                  </a:lnTo>
                  <a:cubicBezTo>
                    <a:pt x="4889" y="10497"/>
                    <a:pt x="4852" y="10436"/>
                    <a:pt x="4810" y="10378"/>
                  </a:cubicBezTo>
                  <a:cubicBezTo>
                    <a:pt x="4638" y="10142"/>
                    <a:pt x="4625" y="9825"/>
                    <a:pt x="4374" y="9637"/>
                  </a:cubicBezTo>
                  <a:cubicBezTo>
                    <a:pt x="4303" y="9584"/>
                    <a:pt x="4307" y="9436"/>
                    <a:pt x="4240" y="9375"/>
                  </a:cubicBezTo>
                  <a:cubicBezTo>
                    <a:pt x="4147" y="9297"/>
                    <a:pt x="4115" y="9202"/>
                    <a:pt x="4080" y="9100"/>
                  </a:cubicBezTo>
                  <a:cubicBezTo>
                    <a:pt x="4025" y="8940"/>
                    <a:pt x="3946" y="8799"/>
                    <a:pt x="3779" y="8727"/>
                  </a:cubicBezTo>
                  <a:cubicBezTo>
                    <a:pt x="3663" y="8676"/>
                    <a:pt x="3550" y="8620"/>
                    <a:pt x="3441" y="8555"/>
                  </a:cubicBezTo>
                  <a:cubicBezTo>
                    <a:pt x="3334" y="8493"/>
                    <a:pt x="3227" y="8472"/>
                    <a:pt x="3120" y="8472"/>
                  </a:cubicBezTo>
                  <a:close/>
                  <a:moveTo>
                    <a:pt x="6827" y="9297"/>
                  </a:moveTo>
                  <a:cubicBezTo>
                    <a:pt x="6769" y="9297"/>
                    <a:pt x="6691" y="9340"/>
                    <a:pt x="6631" y="9373"/>
                  </a:cubicBezTo>
                  <a:cubicBezTo>
                    <a:pt x="6568" y="9405"/>
                    <a:pt x="6519" y="9466"/>
                    <a:pt x="6461" y="9510"/>
                  </a:cubicBezTo>
                  <a:cubicBezTo>
                    <a:pt x="6346" y="9593"/>
                    <a:pt x="6295" y="9739"/>
                    <a:pt x="6336" y="9876"/>
                  </a:cubicBezTo>
                  <a:cubicBezTo>
                    <a:pt x="6404" y="10133"/>
                    <a:pt x="6415" y="10408"/>
                    <a:pt x="6559" y="10645"/>
                  </a:cubicBezTo>
                  <a:lnTo>
                    <a:pt x="7796" y="10710"/>
                  </a:lnTo>
                  <a:cubicBezTo>
                    <a:pt x="7777" y="10654"/>
                    <a:pt x="7759" y="10598"/>
                    <a:pt x="7740" y="10541"/>
                  </a:cubicBezTo>
                  <a:cubicBezTo>
                    <a:pt x="7729" y="10508"/>
                    <a:pt x="7733" y="10469"/>
                    <a:pt x="7724" y="10434"/>
                  </a:cubicBezTo>
                  <a:cubicBezTo>
                    <a:pt x="7698" y="10337"/>
                    <a:pt x="7671" y="10242"/>
                    <a:pt x="7643" y="10149"/>
                  </a:cubicBezTo>
                  <a:cubicBezTo>
                    <a:pt x="7601" y="10019"/>
                    <a:pt x="7546" y="9892"/>
                    <a:pt x="7522" y="9760"/>
                  </a:cubicBezTo>
                  <a:cubicBezTo>
                    <a:pt x="7504" y="9663"/>
                    <a:pt x="7460" y="9602"/>
                    <a:pt x="7400" y="9528"/>
                  </a:cubicBezTo>
                  <a:cubicBezTo>
                    <a:pt x="7256" y="9355"/>
                    <a:pt x="7043" y="9361"/>
                    <a:pt x="6858" y="9301"/>
                  </a:cubicBezTo>
                  <a:cubicBezTo>
                    <a:pt x="6848" y="9298"/>
                    <a:pt x="6838" y="9297"/>
                    <a:pt x="6827" y="9297"/>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638" name="Google Shape;638;p33"/>
          <p:cNvSpPr/>
          <p:nvPr/>
        </p:nvSpPr>
        <p:spPr>
          <a:xfrm rot="1527805">
            <a:off x="-581888" y="-1199839"/>
            <a:ext cx="3388303" cy="3035944"/>
          </a:xfrm>
          <a:custGeom>
            <a:avLst/>
            <a:gdLst/>
            <a:ahLst/>
            <a:cxnLst/>
            <a:rect l="l" t="t" r="r" b="b"/>
            <a:pathLst>
              <a:path w="19886" h="17818" extrusionOk="0">
                <a:moveTo>
                  <a:pt x="19172" y="427"/>
                </a:moveTo>
                <a:cubicBezTo>
                  <a:pt x="19147" y="442"/>
                  <a:pt x="19129" y="454"/>
                  <a:pt x="19116" y="463"/>
                </a:cubicBezTo>
                <a:lnTo>
                  <a:pt x="19116" y="463"/>
                </a:lnTo>
                <a:cubicBezTo>
                  <a:pt x="19131" y="454"/>
                  <a:pt x="19149" y="442"/>
                  <a:pt x="19172" y="427"/>
                </a:cubicBezTo>
                <a:close/>
                <a:moveTo>
                  <a:pt x="16413" y="2210"/>
                </a:moveTo>
                <a:cubicBezTo>
                  <a:pt x="16408" y="2213"/>
                  <a:pt x="16404" y="2217"/>
                  <a:pt x="16399" y="2220"/>
                </a:cubicBezTo>
                <a:lnTo>
                  <a:pt x="16399" y="2220"/>
                </a:lnTo>
                <a:cubicBezTo>
                  <a:pt x="16404" y="2217"/>
                  <a:pt x="16408" y="2213"/>
                  <a:pt x="16413" y="2210"/>
                </a:cubicBezTo>
                <a:close/>
                <a:moveTo>
                  <a:pt x="15986" y="3494"/>
                </a:moveTo>
                <a:cubicBezTo>
                  <a:pt x="15987" y="3497"/>
                  <a:pt x="15988" y="3501"/>
                  <a:pt x="15989" y="3505"/>
                </a:cubicBezTo>
                <a:cubicBezTo>
                  <a:pt x="15988" y="3500"/>
                  <a:pt x="15987" y="3497"/>
                  <a:pt x="15986" y="3494"/>
                </a:cubicBezTo>
                <a:close/>
                <a:moveTo>
                  <a:pt x="16218" y="4281"/>
                </a:moveTo>
                <a:cubicBezTo>
                  <a:pt x="16218" y="4293"/>
                  <a:pt x="16218" y="4305"/>
                  <a:pt x="16218" y="4318"/>
                </a:cubicBezTo>
                <a:cubicBezTo>
                  <a:pt x="16219" y="4306"/>
                  <a:pt x="16219" y="4293"/>
                  <a:pt x="16218" y="4281"/>
                </a:cubicBezTo>
                <a:close/>
                <a:moveTo>
                  <a:pt x="15622" y="5476"/>
                </a:moveTo>
                <a:cubicBezTo>
                  <a:pt x="15607" y="5488"/>
                  <a:pt x="15586" y="5507"/>
                  <a:pt x="15556" y="5534"/>
                </a:cubicBezTo>
                <a:cubicBezTo>
                  <a:pt x="15582" y="5512"/>
                  <a:pt x="15604" y="5493"/>
                  <a:pt x="15622" y="5476"/>
                </a:cubicBezTo>
                <a:close/>
                <a:moveTo>
                  <a:pt x="15584" y="5481"/>
                </a:moveTo>
                <a:cubicBezTo>
                  <a:pt x="15544" y="5518"/>
                  <a:pt x="15504" y="5553"/>
                  <a:pt x="15462" y="5588"/>
                </a:cubicBezTo>
                <a:lnTo>
                  <a:pt x="15462" y="5588"/>
                </a:lnTo>
                <a:cubicBezTo>
                  <a:pt x="15505" y="5554"/>
                  <a:pt x="15544" y="5518"/>
                  <a:pt x="15584" y="5481"/>
                </a:cubicBezTo>
                <a:close/>
                <a:moveTo>
                  <a:pt x="15095" y="5618"/>
                </a:moveTo>
                <a:cubicBezTo>
                  <a:pt x="15094" y="5618"/>
                  <a:pt x="15093" y="5619"/>
                  <a:pt x="15093" y="5619"/>
                </a:cubicBezTo>
                <a:lnTo>
                  <a:pt x="15093" y="5619"/>
                </a:lnTo>
                <a:cubicBezTo>
                  <a:pt x="15093" y="5619"/>
                  <a:pt x="15094" y="5618"/>
                  <a:pt x="15095" y="5618"/>
                </a:cubicBezTo>
                <a:close/>
                <a:moveTo>
                  <a:pt x="12785" y="6164"/>
                </a:moveTo>
                <a:lnTo>
                  <a:pt x="12785" y="6164"/>
                </a:lnTo>
                <a:cubicBezTo>
                  <a:pt x="12806" y="6165"/>
                  <a:pt x="12827" y="6166"/>
                  <a:pt x="12848" y="6167"/>
                </a:cubicBezTo>
                <a:cubicBezTo>
                  <a:pt x="12825" y="6166"/>
                  <a:pt x="12804" y="6165"/>
                  <a:pt x="12785" y="6164"/>
                </a:cubicBezTo>
                <a:close/>
                <a:moveTo>
                  <a:pt x="4559" y="15307"/>
                </a:moveTo>
                <a:cubicBezTo>
                  <a:pt x="4498" y="15308"/>
                  <a:pt x="4447" y="15310"/>
                  <a:pt x="4430" y="15314"/>
                </a:cubicBezTo>
                <a:cubicBezTo>
                  <a:pt x="4461" y="15316"/>
                  <a:pt x="4492" y="15316"/>
                  <a:pt x="4523" y="15317"/>
                </a:cubicBezTo>
                <a:lnTo>
                  <a:pt x="4523" y="15317"/>
                </a:lnTo>
                <a:cubicBezTo>
                  <a:pt x="4533" y="15313"/>
                  <a:pt x="4545" y="15310"/>
                  <a:pt x="4559" y="15307"/>
                </a:cubicBezTo>
                <a:close/>
                <a:moveTo>
                  <a:pt x="1683" y="15330"/>
                </a:moveTo>
                <a:cubicBezTo>
                  <a:pt x="1683" y="15330"/>
                  <a:pt x="1683" y="15330"/>
                  <a:pt x="1683" y="15331"/>
                </a:cubicBezTo>
                <a:cubicBezTo>
                  <a:pt x="1683" y="15330"/>
                  <a:pt x="1683" y="15330"/>
                  <a:pt x="1683" y="15330"/>
                </a:cubicBezTo>
                <a:close/>
                <a:moveTo>
                  <a:pt x="4593" y="15342"/>
                </a:moveTo>
                <a:lnTo>
                  <a:pt x="4513" y="15351"/>
                </a:lnTo>
                <a:lnTo>
                  <a:pt x="4536" y="15354"/>
                </a:lnTo>
                <a:lnTo>
                  <a:pt x="4536" y="15354"/>
                </a:lnTo>
                <a:cubicBezTo>
                  <a:pt x="4553" y="15351"/>
                  <a:pt x="4577" y="15346"/>
                  <a:pt x="4593" y="15342"/>
                </a:cubicBezTo>
                <a:close/>
                <a:moveTo>
                  <a:pt x="4536" y="15354"/>
                </a:moveTo>
                <a:cubicBezTo>
                  <a:pt x="4518" y="15357"/>
                  <a:pt x="4507" y="15358"/>
                  <a:pt x="4517" y="15358"/>
                </a:cubicBezTo>
                <a:cubicBezTo>
                  <a:pt x="4523" y="15358"/>
                  <a:pt x="4537" y="15358"/>
                  <a:pt x="4562" y="15356"/>
                </a:cubicBezTo>
                <a:lnTo>
                  <a:pt x="4536" y="15354"/>
                </a:lnTo>
                <a:close/>
                <a:moveTo>
                  <a:pt x="612" y="15934"/>
                </a:moveTo>
                <a:lnTo>
                  <a:pt x="615" y="15935"/>
                </a:lnTo>
                <a:cubicBezTo>
                  <a:pt x="614" y="15934"/>
                  <a:pt x="614" y="15934"/>
                  <a:pt x="612" y="15934"/>
                </a:cubicBezTo>
                <a:close/>
                <a:moveTo>
                  <a:pt x="499" y="17545"/>
                </a:moveTo>
                <a:lnTo>
                  <a:pt x="499" y="17545"/>
                </a:lnTo>
                <a:cubicBezTo>
                  <a:pt x="503" y="17551"/>
                  <a:pt x="507" y="17556"/>
                  <a:pt x="511" y="17560"/>
                </a:cubicBezTo>
                <a:lnTo>
                  <a:pt x="511" y="17560"/>
                </a:lnTo>
                <a:cubicBezTo>
                  <a:pt x="507" y="17555"/>
                  <a:pt x="503" y="17550"/>
                  <a:pt x="499" y="17545"/>
                </a:cubicBezTo>
                <a:close/>
                <a:moveTo>
                  <a:pt x="511" y="17560"/>
                </a:moveTo>
                <a:cubicBezTo>
                  <a:pt x="514" y="17565"/>
                  <a:pt x="518" y="17570"/>
                  <a:pt x="522" y="17575"/>
                </a:cubicBezTo>
                <a:lnTo>
                  <a:pt x="522" y="17575"/>
                </a:lnTo>
                <a:cubicBezTo>
                  <a:pt x="519" y="17571"/>
                  <a:pt x="515" y="17566"/>
                  <a:pt x="511" y="17560"/>
                </a:cubicBezTo>
                <a:close/>
                <a:moveTo>
                  <a:pt x="19885" y="0"/>
                </a:moveTo>
                <a:cubicBezTo>
                  <a:pt x="19774" y="42"/>
                  <a:pt x="19552" y="193"/>
                  <a:pt x="19334" y="318"/>
                </a:cubicBezTo>
                <a:cubicBezTo>
                  <a:pt x="19349" y="318"/>
                  <a:pt x="19251" y="390"/>
                  <a:pt x="19266" y="390"/>
                </a:cubicBezTo>
                <a:cubicBezTo>
                  <a:pt x="19272" y="390"/>
                  <a:pt x="19299" y="377"/>
                  <a:pt x="19362" y="341"/>
                </a:cubicBezTo>
                <a:lnTo>
                  <a:pt x="19362" y="341"/>
                </a:lnTo>
                <a:cubicBezTo>
                  <a:pt x="19366" y="352"/>
                  <a:pt x="19241" y="431"/>
                  <a:pt x="19160" y="480"/>
                </a:cubicBezTo>
                <a:cubicBezTo>
                  <a:pt x="19166" y="475"/>
                  <a:pt x="19166" y="474"/>
                  <a:pt x="19163" y="474"/>
                </a:cubicBezTo>
                <a:cubicBezTo>
                  <a:pt x="19153" y="474"/>
                  <a:pt x="19112" y="489"/>
                  <a:pt x="19097" y="489"/>
                </a:cubicBezTo>
                <a:cubicBezTo>
                  <a:pt x="19088" y="489"/>
                  <a:pt x="19089" y="483"/>
                  <a:pt x="19116" y="463"/>
                </a:cubicBezTo>
                <a:lnTo>
                  <a:pt x="19116" y="463"/>
                </a:lnTo>
                <a:cubicBezTo>
                  <a:pt x="19011" y="532"/>
                  <a:pt x="19063" y="491"/>
                  <a:pt x="18882" y="600"/>
                </a:cubicBezTo>
                <a:cubicBezTo>
                  <a:pt x="18884" y="599"/>
                  <a:pt x="18884" y="599"/>
                  <a:pt x="18883" y="599"/>
                </a:cubicBezTo>
                <a:cubicBezTo>
                  <a:pt x="18873" y="599"/>
                  <a:pt x="18569" y="780"/>
                  <a:pt x="18533" y="780"/>
                </a:cubicBezTo>
                <a:cubicBezTo>
                  <a:pt x="18531" y="780"/>
                  <a:pt x="18529" y="779"/>
                  <a:pt x="18530" y="776"/>
                </a:cubicBezTo>
                <a:lnTo>
                  <a:pt x="18530" y="776"/>
                </a:lnTo>
                <a:cubicBezTo>
                  <a:pt x="18468" y="823"/>
                  <a:pt x="18551" y="804"/>
                  <a:pt x="18310" y="945"/>
                </a:cubicBezTo>
                <a:cubicBezTo>
                  <a:pt x="18359" y="932"/>
                  <a:pt x="18515" y="847"/>
                  <a:pt x="18531" y="847"/>
                </a:cubicBezTo>
                <a:cubicBezTo>
                  <a:pt x="18538" y="847"/>
                  <a:pt x="18524" y="859"/>
                  <a:pt x="18477" y="892"/>
                </a:cubicBezTo>
                <a:lnTo>
                  <a:pt x="18588" y="816"/>
                </a:lnTo>
                <a:cubicBezTo>
                  <a:pt x="18640" y="789"/>
                  <a:pt x="18658" y="782"/>
                  <a:pt x="18663" y="782"/>
                </a:cubicBezTo>
                <a:cubicBezTo>
                  <a:pt x="18669" y="782"/>
                  <a:pt x="18658" y="791"/>
                  <a:pt x="18664" y="791"/>
                </a:cubicBezTo>
                <a:cubicBezTo>
                  <a:pt x="18670" y="791"/>
                  <a:pt x="18695" y="781"/>
                  <a:pt x="18776" y="737"/>
                </a:cubicBezTo>
                <a:lnTo>
                  <a:pt x="18776" y="737"/>
                </a:lnTo>
                <a:cubicBezTo>
                  <a:pt x="18711" y="772"/>
                  <a:pt x="18583" y="857"/>
                  <a:pt x="18549" y="862"/>
                </a:cubicBezTo>
                <a:cubicBezTo>
                  <a:pt x="18623" y="862"/>
                  <a:pt x="18229" y="1066"/>
                  <a:pt x="18231" y="1096"/>
                </a:cubicBezTo>
                <a:cubicBezTo>
                  <a:pt x="18178" y="1115"/>
                  <a:pt x="18113" y="1152"/>
                  <a:pt x="17993" y="1223"/>
                </a:cubicBezTo>
                <a:cubicBezTo>
                  <a:pt x="18004" y="1205"/>
                  <a:pt x="17933" y="1235"/>
                  <a:pt x="18023" y="1175"/>
                </a:cubicBezTo>
                <a:cubicBezTo>
                  <a:pt x="18104" y="1133"/>
                  <a:pt x="18157" y="1098"/>
                  <a:pt x="18248" y="1054"/>
                </a:cubicBezTo>
                <a:cubicBezTo>
                  <a:pt x="18247" y="1054"/>
                  <a:pt x="18247" y="1054"/>
                  <a:pt x="18246" y="1054"/>
                </a:cubicBezTo>
                <a:cubicBezTo>
                  <a:pt x="18179" y="1054"/>
                  <a:pt x="17927" y="1226"/>
                  <a:pt x="17724" y="1335"/>
                </a:cubicBezTo>
                <a:cubicBezTo>
                  <a:pt x="17735" y="1330"/>
                  <a:pt x="17743" y="1327"/>
                  <a:pt x="17746" y="1327"/>
                </a:cubicBezTo>
                <a:cubicBezTo>
                  <a:pt x="17751" y="1327"/>
                  <a:pt x="17743" y="1335"/>
                  <a:pt x="17710" y="1358"/>
                </a:cubicBezTo>
                <a:cubicBezTo>
                  <a:pt x="17603" y="1413"/>
                  <a:pt x="17391" y="1528"/>
                  <a:pt x="17370" y="1528"/>
                </a:cubicBezTo>
                <a:cubicBezTo>
                  <a:pt x="17366" y="1528"/>
                  <a:pt x="17368" y="1524"/>
                  <a:pt x="17379" y="1515"/>
                </a:cubicBezTo>
                <a:lnTo>
                  <a:pt x="17379" y="1515"/>
                </a:lnTo>
                <a:lnTo>
                  <a:pt x="16756" y="1879"/>
                </a:lnTo>
                <a:cubicBezTo>
                  <a:pt x="16749" y="1872"/>
                  <a:pt x="16842" y="1823"/>
                  <a:pt x="16879" y="1800"/>
                </a:cubicBezTo>
                <a:lnTo>
                  <a:pt x="16879" y="1800"/>
                </a:lnTo>
                <a:lnTo>
                  <a:pt x="16705" y="1900"/>
                </a:lnTo>
                <a:cubicBezTo>
                  <a:pt x="16647" y="1932"/>
                  <a:pt x="16587" y="1967"/>
                  <a:pt x="16529" y="2004"/>
                </a:cubicBezTo>
                <a:cubicBezTo>
                  <a:pt x="16516" y="2011"/>
                  <a:pt x="16509" y="2014"/>
                  <a:pt x="16506" y="2014"/>
                </a:cubicBezTo>
                <a:cubicBezTo>
                  <a:pt x="16501" y="2014"/>
                  <a:pt x="16525" y="1996"/>
                  <a:pt x="16557" y="1974"/>
                </a:cubicBezTo>
                <a:cubicBezTo>
                  <a:pt x="16603" y="1944"/>
                  <a:pt x="16659" y="1907"/>
                  <a:pt x="16672" y="1891"/>
                </a:cubicBezTo>
                <a:lnTo>
                  <a:pt x="16672" y="1891"/>
                </a:lnTo>
                <a:cubicBezTo>
                  <a:pt x="16589" y="1942"/>
                  <a:pt x="16503" y="1992"/>
                  <a:pt x="16418" y="2050"/>
                </a:cubicBezTo>
                <a:lnTo>
                  <a:pt x="16445" y="2018"/>
                </a:lnTo>
                <a:lnTo>
                  <a:pt x="16445" y="2018"/>
                </a:lnTo>
                <a:cubicBezTo>
                  <a:pt x="16418" y="2041"/>
                  <a:pt x="16327" y="2104"/>
                  <a:pt x="16237" y="2173"/>
                </a:cubicBezTo>
                <a:cubicBezTo>
                  <a:pt x="16149" y="2245"/>
                  <a:pt x="16061" y="2328"/>
                  <a:pt x="16022" y="2358"/>
                </a:cubicBezTo>
                <a:cubicBezTo>
                  <a:pt x="15971" y="2416"/>
                  <a:pt x="15927" y="2481"/>
                  <a:pt x="15892" y="2548"/>
                </a:cubicBezTo>
                <a:cubicBezTo>
                  <a:pt x="15878" y="2576"/>
                  <a:pt x="15866" y="2602"/>
                  <a:pt x="15855" y="2630"/>
                </a:cubicBezTo>
                <a:cubicBezTo>
                  <a:pt x="15845" y="2657"/>
                  <a:pt x="15834" y="2683"/>
                  <a:pt x="15827" y="2711"/>
                </a:cubicBezTo>
                <a:cubicBezTo>
                  <a:pt x="15806" y="2773"/>
                  <a:pt x="15790" y="2838"/>
                  <a:pt x="15778" y="2903"/>
                </a:cubicBezTo>
                <a:cubicBezTo>
                  <a:pt x="15769" y="2947"/>
                  <a:pt x="15764" y="2991"/>
                  <a:pt x="15762" y="3035"/>
                </a:cubicBezTo>
                <a:cubicBezTo>
                  <a:pt x="15755" y="3090"/>
                  <a:pt x="15755" y="3148"/>
                  <a:pt x="15755" y="3204"/>
                </a:cubicBezTo>
                <a:cubicBezTo>
                  <a:pt x="15748" y="3188"/>
                  <a:pt x="15744" y="3169"/>
                  <a:pt x="15746" y="3148"/>
                </a:cubicBezTo>
                <a:cubicBezTo>
                  <a:pt x="15746" y="3134"/>
                  <a:pt x="15744" y="3118"/>
                  <a:pt x="15744" y="3100"/>
                </a:cubicBezTo>
                <a:cubicBezTo>
                  <a:pt x="15741" y="3079"/>
                  <a:pt x="15744" y="3058"/>
                  <a:pt x="15746" y="3037"/>
                </a:cubicBezTo>
                <a:cubicBezTo>
                  <a:pt x="15753" y="2954"/>
                  <a:pt x="15764" y="2870"/>
                  <a:pt x="15785" y="2789"/>
                </a:cubicBezTo>
                <a:lnTo>
                  <a:pt x="15785" y="2789"/>
                </a:lnTo>
                <a:cubicBezTo>
                  <a:pt x="15771" y="2824"/>
                  <a:pt x="15762" y="2861"/>
                  <a:pt x="15755" y="2896"/>
                </a:cubicBezTo>
                <a:cubicBezTo>
                  <a:pt x="15753" y="2919"/>
                  <a:pt x="15748" y="2945"/>
                  <a:pt x="15744" y="2968"/>
                </a:cubicBezTo>
                <a:cubicBezTo>
                  <a:pt x="15739" y="2993"/>
                  <a:pt x="15739" y="3016"/>
                  <a:pt x="15737" y="3042"/>
                </a:cubicBezTo>
                <a:cubicBezTo>
                  <a:pt x="15730" y="3139"/>
                  <a:pt x="15737" y="3227"/>
                  <a:pt x="15730" y="3253"/>
                </a:cubicBezTo>
                <a:cubicBezTo>
                  <a:pt x="15734" y="3290"/>
                  <a:pt x="15741" y="3329"/>
                  <a:pt x="15748" y="3366"/>
                </a:cubicBezTo>
                <a:cubicBezTo>
                  <a:pt x="15753" y="3392"/>
                  <a:pt x="15760" y="3419"/>
                  <a:pt x="15769" y="3445"/>
                </a:cubicBezTo>
                <a:cubicBezTo>
                  <a:pt x="15778" y="3480"/>
                  <a:pt x="15790" y="3512"/>
                  <a:pt x="15806" y="3545"/>
                </a:cubicBezTo>
                <a:cubicBezTo>
                  <a:pt x="15832" y="3591"/>
                  <a:pt x="15852" y="3639"/>
                  <a:pt x="15873" y="3688"/>
                </a:cubicBezTo>
                <a:cubicBezTo>
                  <a:pt x="15897" y="3778"/>
                  <a:pt x="15903" y="3806"/>
                  <a:pt x="15900" y="3806"/>
                </a:cubicBezTo>
                <a:cubicBezTo>
                  <a:pt x="15895" y="3806"/>
                  <a:pt x="15867" y="3730"/>
                  <a:pt x="15864" y="3730"/>
                </a:cubicBezTo>
                <a:cubicBezTo>
                  <a:pt x="15864" y="3730"/>
                  <a:pt x="15864" y="3730"/>
                  <a:pt x="15864" y="3730"/>
                </a:cubicBezTo>
                <a:cubicBezTo>
                  <a:pt x="15880" y="3804"/>
                  <a:pt x="15943" y="3911"/>
                  <a:pt x="15934" y="3978"/>
                </a:cubicBezTo>
                <a:cubicBezTo>
                  <a:pt x="15943" y="4015"/>
                  <a:pt x="15957" y="4049"/>
                  <a:pt x="15975" y="4082"/>
                </a:cubicBezTo>
                <a:cubicBezTo>
                  <a:pt x="15976" y="4083"/>
                  <a:pt x="15977" y="4083"/>
                  <a:pt x="15977" y="4083"/>
                </a:cubicBezTo>
                <a:cubicBezTo>
                  <a:pt x="15982" y="4083"/>
                  <a:pt x="15983" y="4055"/>
                  <a:pt x="15968" y="3980"/>
                </a:cubicBezTo>
                <a:lnTo>
                  <a:pt x="15968" y="3980"/>
                </a:lnTo>
                <a:cubicBezTo>
                  <a:pt x="15984" y="4043"/>
                  <a:pt x="15998" y="4114"/>
                  <a:pt x="16010" y="4177"/>
                </a:cubicBezTo>
                <a:cubicBezTo>
                  <a:pt x="16015" y="4207"/>
                  <a:pt x="16019" y="4235"/>
                  <a:pt x="16024" y="4258"/>
                </a:cubicBezTo>
                <a:cubicBezTo>
                  <a:pt x="16026" y="4277"/>
                  <a:pt x="16028" y="4293"/>
                  <a:pt x="16030" y="4300"/>
                </a:cubicBezTo>
                <a:lnTo>
                  <a:pt x="16030" y="4300"/>
                </a:lnTo>
                <a:cubicBezTo>
                  <a:pt x="16026" y="4286"/>
                  <a:pt x="16023" y="4280"/>
                  <a:pt x="16020" y="4280"/>
                </a:cubicBezTo>
                <a:cubicBezTo>
                  <a:pt x="16016" y="4280"/>
                  <a:pt x="16015" y="4305"/>
                  <a:pt x="16015" y="4337"/>
                </a:cubicBezTo>
                <a:cubicBezTo>
                  <a:pt x="16015" y="4360"/>
                  <a:pt x="16012" y="4385"/>
                  <a:pt x="16008" y="4409"/>
                </a:cubicBezTo>
                <a:cubicBezTo>
                  <a:pt x="16005" y="4429"/>
                  <a:pt x="16001" y="4446"/>
                  <a:pt x="15996" y="4450"/>
                </a:cubicBezTo>
                <a:cubicBezTo>
                  <a:pt x="15980" y="4571"/>
                  <a:pt x="15950" y="4691"/>
                  <a:pt x="15901" y="4805"/>
                </a:cubicBezTo>
                <a:cubicBezTo>
                  <a:pt x="15852" y="4918"/>
                  <a:pt x="15795" y="5027"/>
                  <a:pt x="15732" y="5134"/>
                </a:cubicBezTo>
                <a:lnTo>
                  <a:pt x="15737" y="5076"/>
                </a:lnTo>
                <a:lnTo>
                  <a:pt x="15706" y="5117"/>
                </a:lnTo>
                <a:lnTo>
                  <a:pt x="15674" y="5159"/>
                </a:lnTo>
                <a:cubicBezTo>
                  <a:pt x="15653" y="5189"/>
                  <a:pt x="15628" y="5212"/>
                  <a:pt x="15605" y="5240"/>
                </a:cubicBezTo>
                <a:cubicBezTo>
                  <a:pt x="15585" y="5257"/>
                  <a:pt x="15574" y="5264"/>
                  <a:pt x="15571" y="5264"/>
                </a:cubicBezTo>
                <a:cubicBezTo>
                  <a:pt x="15569" y="5264"/>
                  <a:pt x="15570" y="5262"/>
                  <a:pt x="15572" y="5259"/>
                </a:cubicBezTo>
                <a:cubicBezTo>
                  <a:pt x="15579" y="5249"/>
                  <a:pt x="15598" y="5224"/>
                  <a:pt x="15623" y="5194"/>
                </a:cubicBezTo>
                <a:cubicBezTo>
                  <a:pt x="15676" y="5134"/>
                  <a:pt x="15725" y="5069"/>
                  <a:pt x="15769" y="4999"/>
                </a:cubicBezTo>
                <a:lnTo>
                  <a:pt x="15769" y="4999"/>
                </a:lnTo>
                <a:cubicBezTo>
                  <a:pt x="15700" y="5103"/>
                  <a:pt x="15618" y="5201"/>
                  <a:pt x="15528" y="5286"/>
                </a:cubicBezTo>
                <a:cubicBezTo>
                  <a:pt x="15440" y="5370"/>
                  <a:pt x="15345" y="5446"/>
                  <a:pt x="15243" y="5513"/>
                </a:cubicBezTo>
                <a:cubicBezTo>
                  <a:pt x="15271" y="5497"/>
                  <a:pt x="15282" y="5493"/>
                  <a:pt x="15287" y="5493"/>
                </a:cubicBezTo>
                <a:cubicBezTo>
                  <a:pt x="15291" y="5493"/>
                  <a:pt x="15292" y="5496"/>
                  <a:pt x="15298" y="5496"/>
                </a:cubicBezTo>
                <a:cubicBezTo>
                  <a:pt x="15301" y="5496"/>
                  <a:pt x="15305" y="5495"/>
                  <a:pt x="15313" y="5493"/>
                </a:cubicBezTo>
                <a:lnTo>
                  <a:pt x="15313" y="5493"/>
                </a:lnTo>
                <a:cubicBezTo>
                  <a:pt x="15243" y="5555"/>
                  <a:pt x="15130" y="5615"/>
                  <a:pt x="15046" y="5664"/>
                </a:cubicBezTo>
                <a:cubicBezTo>
                  <a:pt x="15044" y="5664"/>
                  <a:pt x="15042" y="5664"/>
                  <a:pt x="15041" y="5664"/>
                </a:cubicBezTo>
                <a:cubicBezTo>
                  <a:pt x="15025" y="5664"/>
                  <a:pt x="15036" y="5654"/>
                  <a:pt x="15093" y="5619"/>
                </a:cubicBezTo>
                <a:lnTo>
                  <a:pt x="15093" y="5619"/>
                </a:lnTo>
                <a:cubicBezTo>
                  <a:pt x="15040" y="5651"/>
                  <a:pt x="14988" y="5681"/>
                  <a:pt x="14933" y="5706"/>
                </a:cubicBezTo>
                <a:cubicBezTo>
                  <a:pt x="14937" y="5683"/>
                  <a:pt x="14859" y="5722"/>
                  <a:pt x="15016" y="5632"/>
                </a:cubicBezTo>
                <a:lnTo>
                  <a:pt x="15016" y="5632"/>
                </a:lnTo>
                <a:cubicBezTo>
                  <a:pt x="14991" y="5646"/>
                  <a:pt x="14965" y="5659"/>
                  <a:pt x="14942" y="5671"/>
                </a:cubicBezTo>
                <a:cubicBezTo>
                  <a:pt x="14917" y="5683"/>
                  <a:pt x="14891" y="5699"/>
                  <a:pt x="14866" y="5710"/>
                </a:cubicBezTo>
                <a:cubicBezTo>
                  <a:pt x="14817" y="5730"/>
                  <a:pt x="14796" y="5737"/>
                  <a:pt x="14791" y="5737"/>
                </a:cubicBezTo>
                <a:cubicBezTo>
                  <a:pt x="14779" y="5737"/>
                  <a:pt x="14878" y="5687"/>
                  <a:pt x="14905" y="5669"/>
                </a:cubicBezTo>
                <a:lnTo>
                  <a:pt x="14905" y="5669"/>
                </a:lnTo>
                <a:cubicBezTo>
                  <a:pt x="14817" y="5710"/>
                  <a:pt x="14727" y="5745"/>
                  <a:pt x="14632" y="5775"/>
                </a:cubicBezTo>
                <a:cubicBezTo>
                  <a:pt x="14534" y="5819"/>
                  <a:pt x="14697" y="5775"/>
                  <a:pt x="14502" y="5840"/>
                </a:cubicBezTo>
                <a:cubicBezTo>
                  <a:pt x="14356" y="5873"/>
                  <a:pt x="14208" y="5900"/>
                  <a:pt x="14059" y="5917"/>
                </a:cubicBezTo>
                <a:cubicBezTo>
                  <a:pt x="13981" y="5924"/>
                  <a:pt x="13897" y="5928"/>
                  <a:pt x="13814" y="5933"/>
                </a:cubicBezTo>
                <a:cubicBezTo>
                  <a:pt x="13794" y="5934"/>
                  <a:pt x="13774" y="5934"/>
                  <a:pt x="13753" y="5934"/>
                </a:cubicBezTo>
                <a:cubicBezTo>
                  <a:pt x="13733" y="5934"/>
                  <a:pt x="13712" y="5934"/>
                  <a:pt x="13691" y="5935"/>
                </a:cubicBezTo>
                <a:lnTo>
                  <a:pt x="13568" y="5935"/>
                </a:lnTo>
                <a:cubicBezTo>
                  <a:pt x="13645" y="5940"/>
                  <a:pt x="13719" y="5944"/>
                  <a:pt x="13795" y="5949"/>
                </a:cubicBezTo>
                <a:cubicBezTo>
                  <a:pt x="13788" y="5949"/>
                  <a:pt x="13780" y="5949"/>
                  <a:pt x="13773" y="5949"/>
                </a:cubicBezTo>
                <a:cubicBezTo>
                  <a:pt x="13604" y="5949"/>
                  <a:pt x="13638" y="5975"/>
                  <a:pt x="13580" y="5988"/>
                </a:cubicBezTo>
                <a:cubicBezTo>
                  <a:pt x="13399" y="5984"/>
                  <a:pt x="13154" y="5972"/>
                  <a:pt x="13001" y="5951"/>
                </a:cubicBezTo>
                <a:cubicBezTo>
                  <a:pt x="13177" y="5949"/>
                  <a:pt x="13107" y="5926"/>
                  <a:pt x="12943" y="5900"/>
                </a:cubicBezTo>
                <a:cubicBezTo>
                  <a:pt x="12819" y="5889"/>
                  <a:pt x="12747" y="5885"/>
                  <a:pt x="12697" y="5885"/>
                </a:cubicBezTo>
                <a:cubicBezTo>
                  <a:pt x="12615" y="5885"/>
                  <a:pt x="12596" y="5895"/>
                  <a:pt x="12513" y="5895"/>
                </a:cubicBezTo>
                <a:cubicBezTo>
                  <a:pt x="12495" y="5895"/>
                  <a:pt x="12474" y="5894"/>
                  <a:pt x="12450" y="5893"/>
                </a:cubicBezTo>
                <a:cubicBezTo>
                  <a:pt x="12616" y="5873"/>
                  <a:pt x="12185" y="5859"/>
                  <a:pt x="12225" y="5842"/>
                </a:cubicBezTo>
                <a:cubicBezTo>
                  <a:pt x="11991" y="5822"/>
                  <a:pt x="11752" y="5809"/>
                  <a:pt x="11508" y="5809"/>
                </a:cubicBezTo>
                <a:cubicBezTo>
                  <a:pt x="11250" y="5809"/>
                  <a:pt x="10986" y="5824"/>
                  <a:pt x="10719" y="5863"/>
                </a:cubicBezTo>
                <a:cubicBezTo>
                  <a:pt x="10720" y="5864"/>
                  <a:pt x="10723" y="5864"/>
                  <a:pt x="10726" y="5864"/>
                </a:cubicBezTo>
                <a:cubicBezTo>
                  <a:pt x="10740" y="5864"/>
                  <a:pt x="10771" y="5861"/>
                  <a:pt x="10791" y="5861"/>
                </a:cubicBezTo>
                <a:cubicBezTo>
                  <a:pt x="10819" y="5861"/>
                  <a:pt x="10835" y="5861"/>
                  <a:pt x="10789" y="5870"/>
                </a:cubicBezTo>
                <a:cubicBezTo>
                  <a:pt x="10622" y="5899"/>
                  <a:pt x="10531" y="5908"/>
                  <a:pt x="10494" y="5908"/>
                </a:cubicBezTo>
                <a:cubicBezTo>
                  <a:pt x="10490" y="5908"/>
                  <a:pt x="10486" y="5908"/>
                  <a:pt x="10483" y="5907"/>
                </a:cubicBezTo>
                <a:cubicBezTo>
                  <a:pt x="10386" y="5928"/>
                  <a:pt x="10288" y="5956"/>
                  <a:pt x="10196" y="5991"/>
                </a:cubicBezTo>
                <a:cubicBezTo>
                  <a:pt x="10140" y="6009"/>
                  <a:pt x="10087" y="6030"/>
                  <a:pt x="10034" y="6056"/>
                </a:cubicBezTo>
                <a:cubicBezTo>
                  <a:pt x="10092" y="6034"/>
                  <a:pt x="10120" y="6027"/>
                  <a:pt x="10131" y="6027"/>
                </a:cubicBezTo>
                <a:cubicBezTo>
                  <a:pt x="10140" y="6027"/>
                  <a:pt x="10138" y="6031"/>
                  <a:pt x="10131" y="6037"/>
                </a:cubicBezTo>
                <a:cubicBezTo>
                  <a:pt x="10015" y="6076"/>
                  <a:pt x="9971" y="6086"/>
                  <a:pt x="9929" y="6097"/>
                </a:cubicBezTo>
                <a:cubicBezTo>
                  <a:pt x="9908" y="6104"/>
                  <a:pt x="9888" y="6109"/>
                  <a:pt x="9860" y="6120"/>
                </a:cubicBezTo>
                <a:cubicBezTo>
                  <a:pt x="9820" y="6137"/>
                  <a:pt x="9781" y="6153"/>
                  <a:pt x="9744" y="6174"/>
                </a:cubicBezTo>
                <a:cubicBezTo>
                  <a:pt x="9743" y="6174"/>
                  <a:pt x="9742" y="6174"/>
                  <a:pt x="9741" y="6174"/>
                </a:cubicBezTo>
                <a:cubicBezTo>
                  <a:pt x="9716" y="6174"/>
                  <a:pt x="9772" y="6147"/>
                  <a:pt x="9834" y="6120"/>
                </a:cubicBezTo>
                <a:cubicBezTo>
                  <a:pt x="9899" y="6095"/>
                  <a:pt x="9969" y="6065"/>
                  <a:pt x="9955" y="6060"/>
                </a:cubicBezTo>
                <a:lnTo>
                  <a:pt x="9955" y="6060"/>
                </a:lnTo>
                <a:cubicBezTo>
                  <a:pt x="9795" y="6118"/>
                  <a:pt x="9640" y="6190"/>
                  <a:pt x="9491" y="6273"/>
                </a:cubicBezTo>
                <a:cubicBezTo>
                  <a:pt x="9490" y="6273"/>
                  <a:pt x="9489" y="6274"/>
                  <a:pt x="9488" y="6274"/>
                </a:cubicBezTo>
                <a:cubicBezTo>
                  <a:pt x="9469" y="6274"/>
                  <a:pt x="9554" y="6238"/>
                  <a:pt x="9547" y="6238"/>
                </a:cubicBezTo>
                <a:cubicBezTo>
                  <a:pt x="9545" y="6238"/>
                  <a:pt x="9534" y="6241"/>
                  <a:pt x="9508" y="6250"/>
                </a:cubicBezTo>
                <a:cubicBezTo>
                  <a:pt x="9359" y="6327"/>
                  <a:pt x="9200" y="6419"/>
                  <a:pt x="9054" y="6514"/>
                </a:cubicBezTo>
                <a:cubicBezTo>
                  <a:pt x="8908" y="6607"/>
                  <a:pt x="8778" y="6702"/>
                  <a:pt x="8678" y="6776"/>
                </a:cubicBezTo>
                <a:cubicBezTo>
                  <a:pt x="8658" y="6785"/>
                  <a:pt x="8634" y="6794"/>
                  <a:pt x="8614" y="6801"/>
                </a:cubicBezTo>
                <a:cubicBezTo>
                  <a:pt x="8523" y="6869"/>
                  <a:pt x="8435" y="6940"/>
                  <a:pt x="8354" y="7017"/>
                </a:cubicBezTo>
                <a:cubicBezTo>
                  <a:pt x="8333" y="7031"/>
                  <a:pt x="8323" y="7037"/>
                  <a:pt x="8320" y="7037"/>
                </a:cubicBezTo>
                <a:cubicBezTo>
                  <a:pt x="8314" y="7037"/>
                  <a:pt x="8350" y="7003"/>
                  <a:pt x="8396" y="6966"/>
                </a:cubicBezTo>
                <a:lnTo>
                  <a:pt x="8396" y="6966"/>
                </a:lnTo>
                <a:cubicBezTo>
                  <a:pt x="8227" y="7096"/>
                  <a:pt x="8039" y="7276"/>
                  <a:pt x="7951" y="7357"/>
                </a:cubicBezTo>
                <a:cubicBezTo>
                  <a:pt x="7958" y="7339"/>
                  <a:pt x="8041" y="7276"/>
                  <a:pt x="8062" y="7249"/>
                </a:cubicBezTo>
                <a:lnTo>
                  <a:pt x="8062" y="7249"/>
                </a:lnTo>
                <a:cubicBezTo>
                  <a:pt x="7858" y="7420"/>
                  <a:pt x="7638" y="7672"/>
                  <a:pt x="7504" y="7781"/>
                </a:cubicBezTo>
                <a:cubicBezTo>
                  <a:pt x="7518" y="7763"/>
                  <a:pt x="7536" y="7747"/>
                  <a:pt x="7553" y="7728"/>
                </a:cubicBezTo>
                <a:lnTo>
                  <a:pt x="7553" y="7728"/>
                </a:lnTo>
                <a:cubicBezTo>
                  <a:pt x="7275" y="8004"/>
                  <a:pt x="7052" y="8261"/>
                  <a:pt x="6772" y="8576"/>
                </a:cubicBezTo>
                <a:cubicBezTo>
                  <a:pt x="6503" y="8851"/>
                  <a:pt x="6707" y="8685"/>
                  <a:pt x="6457" y="8967"/>
                </a:cubicBezTo>
                <a:cubicBezTo>
                  <a:pt x="6456" y="8966"/>
                  <a:pt x="6455" y="8966"/>
                  <a:pt x="6453" y="8966"/>
                </a:cubicBezTo>
                <a:cubicBezTo>
                  <a:pt x="6429" y="8966"/>
                  <a:pt x="6347" y="9058"/>
                  <a:pt x="6260" y="9171"/>
                </a:cubicBezTo>
                <a:cubicBezTo>
                  <a:pt x="6211" y="9231"/>
                  <a:pt x="6165" y="9301"/>
                  <a:pt x="6123" y="9361"/>
                </a:cubicBezTo>
                <a:cubicBezTo>
                  <a:pt x="6082" y="9424"/>
                  <a:pt x="6047" y="9482"/>
                  <a:pt x="6024" y="9516"/>
                </a:cubicBezTo>
                <a:lnTo>
                  <a:pt x="6056" y="9472"/>
                </a:lnTo>
                <a:lnTo>
                  <a:pt x="6056" y="9472"/>
                </a:lnTo>
                <a:cubicBezTo>
                  <a:pt x="6010" y="9563"/>
                  <a:pt x="5954" y="9667"/>
                  <a:pt x="5910" y="9773"/>
                </a:cubicBezTo>
                <a:cubicBezTo>
                  <a:pt x="5871" y="9864"/>
                  <a:pt x="5838" y="9959"/>
                  <a:pt x="5813" y="10056"/>
                </a:cubicBezTo>
                <a:cubicBezTo>
                  <a:pt x="5799" y="10139"/>
                  <a:pt x="5792" y="10227"/>
                  <a:pt x="5792" y="10313"/>
                </a:cubicBezTo>
                <a:cubicBezTo>
                  <a:pt x="5792" y="10406"/>
                  <a:pt x="5799" y="10498"/>
                  <a:pt x="5813" y="10591"/>
                </a:cubicBezTo>
                <a:cubicBezTo>
                  <a:pt x="5838" y="10758"/>
                  <a:pt x="5873" y="10922"/>
                  <a:pt x="5917" y="11085"/>
                </a:cubicBezTo>
                <a:lnTo>
                  <a:pt x="5899" y="11031"/>
                </a:lnTo>
                <a:lnTo>
                  <a:pt x="5899" y="11031"/>
                </a:lnTo>
                <a:cubicBezTo>
                  <a:pt x="5924" y="11129"/>
                  <a:pt x="5945" y="11226"/>
                  <a:pt x="5959" y="11325"/>
                </a:cubicBezTo>
                <a:cubicBezTo>
                  <a:pt x="5968" y="11369"/>
                  <a:pt x="5975" y="11416"/>
                  <a:pt x="5982" y="11464"/>
                </a:cubicBezTo>
                <a:cubicBezTo>
                  <a:pt x="5991" y="11511"/>
                  <a:pt x="5996" y="11562"/>
                  <a:pt x="6008" y="11617"/>
                </a:cubicBezTo>
                <a:cubicBezTo>
                  <a:pt x="6004" y="11614"/>
                  <a:pt x="5996" y="11577"/>
                  <a:pt x="5994" y="11577"/>
                </a:cubicBezTo>
                <a:cubicBezTo>
                  <a:pt x="5993" y="11577"/>
                  <a:pt x="5993" y="11587"/>
                  <a:pt x="5996" y="11617"/>
                </a:cubicBezTo>
                <a:cubicBezTo>
                  <a:pt x="6024" y="11888"/>
                  <a:pt x="6033" y="12162"/>
                  <a:pt x="6026" y="12435"/>
                </a:cubicBezTo>
                <a:cubicBezTo>
                  <a:pt x="6017" y="12711"/>
                  <a:pt x="5987" y="12984"/>
                  <a:pt x="5938" y="13255"/>
                </a:cubicBezTo>
                <a:cubicBezTo>
                  <a:pt x="5843" y="13797"/>
                  <a:pt x="5665" y="14321"/>
                  <a:pt x="5405" y="14805"/>
                </a:cubicBezTo>
                <a:lnTo>
                  <a:pt x="5340" y="14921"/>
                </a:lnTo>
                <a:lnTo>
                  <a:pt x="5285" y="14930"/>
                </a:lnTo>
                <a:lnTo>
                  <a:pt x="5257" y="14937"/>
                </a:lnTo>
                <a:lnTo>
                  <a:pt x="5208" y="14941"/>
                </a:lnTo>
                <a:lnTo>
                  <a:pt x="5111" y="14955"/>
                </a:lnTo>
                <a:cubicBezTo>
                  <a:pt x="5079" y="14960"/>
                  <a:pt x="5044" y="14962"/>
                  <a:pt x="5011" y="14967"/>
                </a:cubicBezTo>
                <a:cubicBezTo>
                  <a:pt x="4944" y="14974"/>
                  <a:pt x="4877" y="14976"/>
                  <a:pt x="4808" y="14981"/>
                </a:cubicBezTo>
                <a:cubicBezTo>
                  <a:pt x="4719" y="14984"/>
                  <a:pt x="4630" y="14985"/>
                  <a:pt x="4541" y="14985"/>
                </a:cubicBezTo>
                <a:cubicBezTo>
                  <a:pt x="4349" y="14985"/>
                  <a:pt x="4156" y="14978"/>
                  <a:pt x="3964" y="14962"/>
                </a:cubicBezTo>
                <a:cubicBezTo>
                  <a:pt x="3675" y="14944"/>
                  <a:pt x="3381" y="14916"/>
                  <a:pt x="3080" y="14897"/>
                </a:cubicBezTo>
                <a:cubicBezTo>
                  <a:pt x="2957" y="14890"/>
                  <a:pt x="2835" y="14886"/>
                  <a:pt x="2712" y="14886"/>
                </a:cubicBezTo>
                <a:cubicBezTo>
                  <a:pt x="2528" y="14886"/>
                  <a:pt x="2343" y="14895"/>
                  <a:pt x="2160" y="14911"/>
                </a:cubicBezTo>
                <a:cubicBezTo>
                  <a:pt x="1850" y="14941"/>
                  <a:pt x="1544" y="15011"/>
                  <a:pt x="1252" y="15122"/>
                </a:cubicBezTo>
                <a:cubicBezTo>
                  <a:pt x="1180" y="15155"/>
                  <a:pt x="1106" y="15182"/>
                  <a:pt x="1036" y="15219"/>
                </a:cubicBezTo>
                <a:lnTo>
                  <a:pt x="985" y="15247"/>
                </a:lnTo>
                <a:lnTo>
                  <a:pt x="958" y="15261"/>
                </a:lnTo>
                <a:lnTo>
                  <a:pt x="932" y="15277"/>
                </a:lnTo>
                <a:lnTo>
                  <a:pt x="833" y="15338"/>
                </a:lnTo>
                <a:cubicBezTo>
                  <a:pt x="798" y="15358"/>
                  <a:pt x="768" y="15382"/>
                  <a:pt x="735" y="15405"/>
                </a:cubicBezTo>
                <a:lnTo>
                  <a:pt x="687" y="15439"/>
                </a:lnTo>
                <a:cubicBezTo>
                  <a:pt x="670" y="15451"/>
                  <a:pt x="659" y="15465"/>
                  <a:pt x="643" y="15477"/>
                </a:cubicBezTo>
                <a:cubicBezTo>
                  <a:pt x="613" y="15502"/>
                  <a:pt x="582" y="15527"/>
                  <a:pt x="552" y="15553"/>
                </a:cubicBezTo>
                <a:lnTo>
                  <a:pt x="469" y="15636"/>
                </a:lnTo>
                <a:cubicBezTo>
                  <a:pt x="455" y="15650"/>
                  <a:pt x="441" y="15664"/>
                  <a:pt x="427" y="15678"/>
                </a:cubicBezTo>
                <a:lnTo>
                  <a:pt x="388" y="15724"/>
                </a:lnTo>
                <a:cubicBezTo>
                  <a:pt x="376" y="15738"/>
                  <a:pt x="362" y="15755"/>
                  <a:pt x="351" y="15771"/>
                </a:cubicBezTo>
                <a:cubicBezTo>
                  <a:pt x="339" y="15787"/>
                  <a:pt x="328" y="15803"/>
                  <a:pt x="316" y="15819"/>
                </a:cubicBezTo>
                <a:cubicBezTo>
                  <a:pt x="272" y="15884"/>
                  <a:pt x="230" y="15954"/>
                  <a:pt x="196" y="16023"/>
                </a:cubicBezTo>
                <a:cubicBezTo>
                  <a:pt x="131" y="16162"/>
                  <a:pt x="82" y="16310"/>
                  <a:pt x="57" y="16461"/>
                </a:cubicBezTo>
                <a:cubicBezTo>
                  <a:pt x="1" y="16753"/>
                  <a:pt x="26" y="17054"/>
                  <a:pt x="131" y="17334"/>
                </a:cubicBezTo>
                <a:cubicBezTo>
                  <a:pt x="131" y="17334"/>
                  <a:pt x="138" y="17351"/>
                  <a:pt x="154" y="17376"/>
                </a:cubicBezTo>
                <a:cubicBezTo>
                  <a:pt x="161" y="17388"/>
                  <a:pt x="172" y="17404"/>
                  <a:pt x="182" y="17420"/>
                </a:cubicBezTo>
                <a:cubicBezTo>
                  <a:pt x="193" y="17436"/>
                  <a:pt x="207" y="17457"/>
                  <a:pt x="223" y="17476"/>
                </a:cubicBezTo>
                <a:cubicBezTo>
                  <a:pt x="295" y="17571"/>
                  <a:pt x="383" y="17652"/>
                  <a:pt x="483" y="17714"/>
                </a:cubicBezTo>
                <a:cubicBezTo>
                  <a:pt x="569" y="17770"/>
                  <a:pt x="666" y="17805"/>
                  <a:pt x="768" y="17816"/>
                </a:cubicBezTo>
                <a:cubicBezTo>
                  <a:pt x="776" y="17817"/>
                  <a:pt x="784" y="17818"/>
                  <a:pt x="792" y="17818"/>
                </a:cubicBezTo>
                <a:cubicBezTo>
                  <a:pt x="800" y="17818"/>
                  <a:pt x="808" y="17817"/>
                  <a:pt x="816" y="17816"/>
                </a:cubicBezTo>
                <a:cubicBezTo>
                  <a:pt x="826" y="17816"/>
                  <a:pt x="837" y="17814"/>
                  <a:pt x="849" y="17809"/>
                </a:cubicBezTo>
                <a:cubicBezTo>
                  <a:pt x="863" y="17805"/>
                  <a:pt x="865" y="17793"/>
                  <a:pt x="853" y="17777"/>
                </a:cubicBezTo>
                <a:cubicBezTo>
                  <a:pt x="841" y="17772"/>
                  <a:pt x="841" y="17769"/>
                  <a:pt x="846" y="17769"/>
                </a:cubicBezTo>
                <a:cubicBezTo>
                  <a:pt x="848" y="17769"/>
                  <a:pt x="851" y="17769"/>
                  <a:pt x="853" y="17770"/>
                </a:cubicBezTo>
                <a:cubicBezTo>
                  <a:pt x="867" y="17770"/>
                  <a:pt x="884" y="17774"/>
                  <a:pt x="904" y="17779"/>
                </a:cubicBezTo>
                <a:cubicBezTo>
                  <a:pt x="921" y="17783"/>
                  <a:pt x="936" y="17786"/>
                  <a:pt x="941" y="17786"/>
                </a:cubicBezTo>
                <a:cubicBezTo>
                  <a:pt x="948" y="17786"/>
                  <a:pt x="937" y="17780"/>
                  <a:pt x="890" y="17763"/>
                </a:cubicBezTo>
                <a:cubicBezTo>
                  <a:pt x="867" y="17756"/>
                  <a:pt x="844" y="17751"/>
                  <a:pt x="821" y="17744"/>
                </a:cubicBezTo>
                <a:cubicBezTo>
                  <a:pt x="798" y="17737"/>
                  <a:pt x="775" y="17730"/>
                  <a:pt x="752" y="17719"/>
                </a:cubicBezTo>
                <a:lnTo>
                  <a:pt x="752" y="17719"/>
                </a:lnTo>
                <a:cubicBezTo>
                  <a:pt x="753" y="17719"/>
                  <a:pt x="753" y="17719"/>
                  <a:pt x="754" y="17719"/>
                </a:cubicBezTo>
                <a:cubicBezTo>
                  <a:pt x="761" y="17719"/>
                  <a:pt x="753" y="17708"/>
                  <a:pt x="740" y="17696"/>
                </a:cubicBezTo>
                <a:cubicBezTo>
                  <a:pt x="733" y="17686"/>
                  <a:pt x="726" y="17679"/>
                  <a:pt x="719" y="17673"/>
                </a:cubicBezTo>
                <a:cubicBezTo>
                  <a:pt x="714" y="17666"/>
                  <a:pt x="710" y="17661"/>
                  <a:pt x="705" y="17654"/>
                </a:cubicBezTo>
                <a:cubicBezTo>
                  <a:pt x="702" y="17653"/>
                  <a:pt x="700" y="17653"/>
                  <a:pt x="698" y="17653"/>
                </a:cubicBezTo>
                <a:cubicBezTo>
                  <a:pt x="692" y="17653"/>
                  <a:pt x="693" y="17658"/>
                  <a:pt x="698" y="17666"/>
                </a:cubicBezTo>
                <a:cubicBezTo>
                  <a:pt x="703" y="17670"/>
                  <a:pt x="707" y="17677"/>
                  <a:pt x="714" y="17684"/>
                </a:cubicBezTo>
                <a:lnTo>
                  <a:pt x="731" y="17703"/>
                </a:lnTo>
                <a:cubicBezTo>
                  <a:pt x="744" y="17718"/>
                  <a:pt x="755" y="17730"/>
                  <a:pt x="744" y="17730"/>
                </a:cubicBezTo>
                <a:cubicBezTo>
                  <a:pt x="736" y="17730"/>
                  <a:pt x="718" y="17725"/>
                  <a:pt x="684" y="17710"/>
                </a:cubicBezTo>
                <a:cubicBezTo>
                  <a:pt x="670" y="17705"/>
                  <a:pt x="657" y="17696"/>
                  <a:pt x="643" y="17689"/>
                </a:cubicBezTo>
                <a:cubicBezTo>
                  <a:pt x="624" y="17675"/>
                  <a:pt x="608" y="17661"/>
                  <a:pt x="589" y="17647"/>
                </a:cubicBezTo>
                <a:cubicBezTo>
                  <a:pt x="571" y="17631"/>
                  <a:pt x="555" y="17612"/>
                  <a:pt x="538" y="17594"/>
                </a:cubicBezTo>
                <a:cubicBezTo>
                  <a:pt x="532" y="17588"/>
                  <a:pt x="527" y="17582"/>
                  <a:pt x="522" y="17575"/>
                </a:cubicBezTo>
                <a:lnTo>
                  <a:pt x="522" y="17575"/>
                </a:lnTo>
                <a:cubicBezTo>
                  <a:pt x="536" y="17594"/>
                  <a:pt x="540" y="17601"/>
                  <a:pt x="537" y="17601"/>
                </a:cubicBezTo>
                <a:cubicBezTo>
                  <a:pt x="535" y="17601"/>
                  <a:pt x="530" y="17597"/>
                  <a:pt x="522" y="17591"/>
                </a:cubicBezTo>
                <a:cubicBezTo>
                  <a:pt x="511" y="17582"/>
                  <a:pt x="497" y="17566"/>
                  <a:pt x="480" y="17552"/>
                </a:cubicBezTo>
                <a:lnTo>
                  <a:pt x="439" y="17506"/>
                </a:lnTo>
                <a:cubicBezTo>
                  <a:pt x="427" y="17485"/>
                  <a:pt x="413" y="17459"/>
                  <a:pt x="399" y="17434"/>
                </a:cubicBezTo>
                <a:cubicBezTo>
                  <a:pt x="383" y="17408"/>
                  <a:pt x="369" y="17381"/>
                  <a:pt x="360" y="17353"/>
                </a:cubicBezTo>
                <a:cubicBezTo>
                  <a:pt x="355" y="17339"/>
                  <a:pt x="348" y="17327"/>
                  <a:pt x="344" y="17313"/>
                </a:cubicBezTo>
                <a:cubicBezTo>
                  <a:pt x="339" y="17302"/>
                  <a:pt x="337" y="17290"/>
                  <a:pt x="332" y="17279"/>
                </a:cubicBezTo>
                <a:cubicBezTo>
                  <a:pt x="325" y="17263"/>
                  <a:pt x="323" y="17244"/>
                  <a:pt x="321" y="17228"/>
                </a:cubicBezTo>
                <a:cubicBezTo>
                  <a:pt x="311" y="17209"/>
                  <a:pt x="304" y="17191"/>
                  <a:pt x="300" y="17172"/>
                </a:cubicBezTo>
                <a:cubicBezTo>
                  <a:pt x="291" y="17144"/>
                  <a:pt x="284" y="17117"/>
                  <a:pt x="279" y="17086"/>
                </a:cubicBezTo>
                <a:lnTo>
                  <a:pt x="284" y="17082"/>
                </a:lnTo>
                <a:cubicBezTo>
                  <a:pt x="275" y="17050"/>
                  <a:pt x="272" y="17038"/>
                  <a:pt x="271" y="17038"/>
                </a:cubicBezTo>
                <a:lnTo>
                  <a:pt x="271" y="17038"/>
                </a:lnTo>
                <a:cubicBezTo>
                  <a:pt x="268" y="17038"/>
                  <a:pt x="279" y="17097"/>
                  <a:pt x="275" y="17097"/>
                </a:cubicBezTo>
                <a:cubicBezTo>
                  <a:pt x="274" y="17097"/>
                  <a:pt x="273" y="17096"/>
                  <a:pt x="272" y="17093"/>
                </a:cubicBezTo>
                <a:cubicBezTo>
                  <a:pt x="252" y="17011"/>
                  <a:pt x="249" y="16881"/>
                  <a:pt x="253" y="16745"/>
                </a:cubicBezTo>
                <a:lnTo>
                  <a:pt x="253" y="16745"/>
                </a:lnTo>
                <a:cubicBezTo>
                  <a:pt x="250" y="16860"/>
                  <a:pt x="267" y="16973"/>
                  <a:pt x="300" y="17084"/>
                </a:cubicBezTo>
                <a:cubicBezTo>
                  <a:pt x="291" y="17052"/>
                  <a:pt x="288" y="17017"/>
                  <a:pt x="293" y="16985"/>
                </a:cubicBezTo>
                <a:cubicBezTo>
                  <a:pt x="293" y="16983"/>
                  <a:pt x="294" y="16983"/>
                  <a:pt x="294" y="16983"/>
                </a:cubicBezTo>
                <a:cubicBezTo>
                  <a:pt x="298" y="16983"/>
                  <a:pt x="303" y="16996"/>
                  <a:pt x="309" y="17017"/>
                </a:cubicBezTo>
                <a:cubicBezTo>
                  <a:pt x="318" y="17040"/>
                  <a:pt x="330" y="17073"/>
                  <a:pt x="341" y="17103"/>
                </a:cubicBezTo>
                <a:cubicBezTo>
                  <a:pt x="348" y="17126"/>
                  <a:pt x="360" y="17149"/>
                  <a:pt x="372" y="17170"/>
                </a:cubicBezTo>
                <a:cubicBezTo>
                  <a:pt x="348" y="17096"/>
                  <a:pt x="328" y="17022"/>
                  <a:pt x="314" y="16947"/>
                </a:cubicBezTo>
                <a:cubicBezTo>
                  <a:pt x="300" y="16878"/>
                  <a:pt x="293" y="16808"/>
                  <a:pt x="291" y="16739"/>
                </a:cubicBezTo>
                <a:cubicBezTo>
                  <a:pt x="298" y="16679"/>
                  <a:pt x="305" y="16657"/>
                  <a:pt x="312" y="16657"/>
                </a:cubicBezTo>
                <a:cubicBezTo>
                  <a:pt x="316" y="16657"/>
                  <a:pt x="320" y="16666"/>
                  <a:pt x="323" y="16681"/>
                </a:cubicBezTo>
                <a:cubicBezTo>
                  <a:pt x="328" y="16704"/>
                  <a:pt x="330" y="16725"/>
                  <a:pt x="332" y="16748"/>
                </a:cubicBezTo>
                <a:cubicBezTo>
                  <a:pt x="337" y="16767"/>
                  <a:pt x="337" y="16788"/>
                  <a:pt x="339" y="16806"/>
                </a:cubicBezTo>
                <a:cubicBezTo>
                  <a:pt x="328" y="16651"/>
                  <a:pt x="339" y="16493"/>
                  <a:pt x="372" y="16341"/>
                </a:cubicBezTo>
                <a:lnTo>
                  <a:pt x="372" y="16341"/>
                </a:lnTo>
                <a:cubicBezTo>
                  <a:pt x="369" y="16368"/>
                  <a:pt x="367" y="16394"/>
                  <a:pt x="367" y="16419"/>
                </a:cubicBezTo>
                <a:cubicBezTo>
                  <a:pt x="365" y="16436"/>
                  <a:pt x="365" y="16452"/>
                  <a:pt x="367" y="16466"/>
                </a:cubicBezTo>
                <a:cubicBezTo>
                  <a:pt x="369" y="16493"/>
                  <a:pt x="369" y="16519"/>
                  <a:pt x="369" y="16579"/>
                </a:cubicBezTo>
                <a:cubicBezTo>
                  <a:pt x="379" y="16544"/>
                  <a:pt x="386" y="16517"/>
                  <a:pt x="392" y="16493"/>
                </a:cubicBezTo>
                <a:cubicBezTo>
                  <a:pt x="397" y="16470"/>
                  <a:pt x="399" y="16452"/>
                  <a:pt x="402" y="16436"/>
                </a:cubicBezTo>
                <a:cubicBezTo>
                  <a:pt x="406" y="16419"/>
                  <a:pt x="406" y="16405"/>
                  <a:pt x="406" y="16389"/>
                </a:cubicBezTo>
                <a:cubicBezTo>
                  <a:pt x="406" y="16375"/>
                  <a:pt x="411" y="16361"/>
                  <a:pt x="413" y="16345"/>
                </a:cubicBezTo>
                <a:lnTo>
                  <a:pt x="413" y="16345"/>
                </a:lnTo>
                <a:cubicBezTo>
                  <a:pt x="404" y="16382"/>
                  <a:pt x="392" y="16419"/>
                  <a:pt x="381" y="16454"/>
                </a:cubicBezTo>
                <a:cubicBezTo>
                  <a:pt x="427" y="16292"/>
                  <a:pt x="386" y="16310"/>
                  <a:pt x="402" y="16218"/>
                </a:cubicBezTo>
                <a:cubicBezTo>
                  <a:pt x="436" y="16148"/>
                  <a:pt x="478" y="16081"/>
                  <a:pt x="524" y="16021"/>
                </a:cubicBezTo>
                <a:cubicBezTo>
                  <a:pt x="536" y="16005"/>
                  <a:pt x="545" y="15991"/>
                  <a:pt x="557" y="15979"/>
                </a:cubicBezTo>
                <a:cubicBezTo>
                  <a:pt x="566" y="15970"/>
                  <a:pt x="575" y="15958"/>
                  <a:pt x="585" y="15951"/>
                </a:cubicBezTo>
                <a:cubicBezTo>
                  <a:pt x="597" y="15939"/>
                  <a:pt x="607" y="15933"/>
                  <a:pt x="612" y="15933"/>
                </a:cubicBezTo>
                <a:cubicBezTo>
                  <a:pt x="612" y="15933"/>
                  <a:pt x="612" y="15933"/>
                  <a:pt x="612" y="15934"/>
                </a:cubicBezTo>
                <a:lnTo>
                  <a:pt x="612" y="15934"/>
                </a:lnTo>
                <a:lnTo>
                  <a:pt x="594" y="15921"/>
                </a:lnTo>
                <a:cubicBezTo>
                  <a:pt x="608" y="15900"/>
                  <a:pt x="624" y="15882"/>
                  <a:pt x="643" y="15866"/>
                </a:cubicBezTo>
                <a:cubicBezTo>
                  <a:pt x="654" y="15856"/>
                  <a:pt x="659" y="15852"/>
                  <a:pt x="661" y="15852"/>
                </a:cubicBezTo>
                <a:cubicBezTo>
                  <a:pt x="665" y="15854"/>
                  <a:pt x="664" y="15863"/>
                  <a:pt x="670" y="15863"/>
                </a:cubicBezTo>
                <a:cubicBezTo>
                  <a:pt x="671" y="15863"/>
                  <a:pt x="673" y="15862"/>
                  <a:pt x="675" y="15861"/>
                </a:cubicBezTo>
                <a:cubicBezTo>
                  <a:pt x="689" y="15836"/>
                  <a:pt x="680" y="15831"/>
                  <a:pt x="689" y="15810"/>
                </a:cubicBezTo>
                <a:cubicBezTo>
                  <a:pt x="698" y="15792"/>
                  <a:pt x="707" y="15775"/>
                  <a:pt x="721" y="15759"/>
                </a:cubicBezTo>
                <a:cubicBezTo>
                  <a:pt x="754" y="15724"/>
                  <a:pt x="789" y="15692"/>
                  <a:pt x="826" y="15662"/>
                </a:cubicBezTo>
                <a:lnTo>
                  <a:pt x="826" y="15662"/>
                </a:lnTo>
                <a:cubicBezTo>
                  <a:pt x="825" y="15668"/>
                  <a:pt x="826" y="15671"/>
                  <a:pt x="830" y="15671"/>
                </a:cubicBezTo>
                <a:cubicBezTo>
                  <a:pt x="834" y="15671"/>
                  <a:pt x="841" y="15668"/>
                  <a:pt x="851" y="15662"/>
                </a:cubicBezTo>
                <a:cubicBezTo>
                  <a:pt x="874" y="15650"/>
                  <a:pt x="897" y="15634"/>
                  <a:pt x="918" y="15618"/>
                </a:cubicBezTo>
                <a:cubicBezTo>
                  <a:pt x="957" y="15588"/>
                  <a:pt x="1004" y="15561"/>
                  <a:pt x="1023" y="15561"/>
                </a:cubicBezTo>
                <a:cubicBezTo>
                  <a:pt x="1028" y="15561"/>
                  <a:pt x="1031" y="15563"/>
                  <a:pt x="1032" y="15567"/>
                </a:cubicBezTo>
                <a:cubicBezTo>
                  <a:pt x="1057" y="15551"/>
                  <a:pt x="1080" y="15534"/>
                  <a:pt x="1099" y="15521"/>
                </a:cubicBezTo>
                <a:lnTo>
                  <a:pt x="1157" y="15483"/>
                </a:lnTo>
                <a:cubicBezTo>
                  <a:pt x="1175" y="15472"/>
                  <a:pt x="1196" y="15458"/>
                  <a:pt x="1217" y="15446"/>
                </a:cubicBezTo>
                <a:cubicBezTo>
                  <a:pt x="1243" y="15433"/>
                  <a:pt x="1268" y="15421"/>
                  <a:pt x="1294" y="15412"/>
                </a:cubicBezTo>
                <a:cubicBezTo>
                  <a:pt x="1308" y="15408"/>
                  <a:pt x="1318" y="15406"/>
                  <a:pt x="1324" y="15406"/>
                </a:cubicBezTo>
                <a:cubicBezTo>
                  <a:pt x="1346" y="15406"/>
                  <a:pt x="1310" y="15431"/>
                  <a:pt x="1259" y="15463"/>
                </a:cubicBezTo>
                <a:cubicBezTo>
                  <a:pt x="1226" y="15479"/>
                  <a:pt x="1189" y="15504"/>
                  <a:pt x="1155" y="15523"/>
                </a:cubicBezTo>
                <a:cubicBezTo>
                  <a:pt x="1138" y="15534"/>
                  <a:pt x="1122" y="15541"/>
                  <a:pt x="1108" y="15551"/>
                </a:cubicBezTo>
                <a:cubicBezTo>
                  <a:pt x="1097" y="15558"/>
                  <a:pt x="1087" y="15562"/>
                  <a:pt x="1076" y="15569"/>
                </a:cubicBezTo>
                <a:cubicBezTo>
                  <a:pt x="1032" y="15596"/>
                  <a:pt x="1015" y="15604"/>
                  <a:pt x="1011" y="15604"/>
                </a:cubicBezTo>
                <a:cubicBezTo>
                  <a:pt x="1003" y="15604"/>
                  <a:pt x="1045" y="15572"/>
                  <a:pt x="1040" y="15572"/>
                </a:cubicBezTo>
                <a:cubicBezTo>
                  <a:pt x="1039" y="15572"/>
                  <a:pt x="1035" y="15574"/>
                  <a:pt x="1027" y="15578"/>
                </a:cubicBezTo>
                <a:cubicBezTo>
                  <a:pt x="981" y="15609"/>
                  <a:pt x="939" y="15646"/>
                  <a:pt x="895" y="15680"/>
                </a:cubicBezTo>
                <a:cubicBezTo>
                  <a:pt x="964" y="15636"/>
                  <a:pt x="1093" y="15569"/>
                  <a:pt x="1118" y="15569"/>
                </a:cubicBezTo>
                <a:cubicBezTo>
                  <a:pt x="1122" y="15569"/>
                  <a:pt x="1124" y="15570"/>
                  <a:pt x="1122" y="15574"/>
                </a:cubicBezTo>
                <a:cubicBezTo>
                  <a:pt x="1161" y="15551"/>
                  <a:pt x="1170" y="15544"/>
                  <a:pt x="1164" y="15544"/>
                </a:cubicBezTo>
                <a:cubicBezTo>
                  <a:pt x="1159" y="15544"/>
                  <a:pt x="1145" y="15549"/>
                  <a:pt x="1131" y="15553"/>
                </a:cubicBezTo>
                <a:cubicBezTo>
                  <a:pt x="1119" y="15557"/>
                  <a:pt x="1107" y="15563"/>
                  <a:pt x="1103" y="15563"/>
                </a:cubicBezTo>
                <a:cubicBezTo>
                  <a:pt x="1102" y="15563"/>
                  <a:pt x="1102" y="15563"/>
                  <a:pt x="1101" y="15562"/>
                </a:cubicBezTo>
                <a:cubicBezTo>
                  <a:pt x="1099" y="15560"/>
                  <a:pt x="1113" y="15551"/>
                  <a:pt x="1152" y="15527"/>
                </a:cubicBezTo>
                <a:cubicBezTo>
                  <a:pt x="1187" y="15514"/>
                  <a:pt x="1222" y="15497"/>
                  <a:pt x="1256" y="15486"/>
                </a:cubicBezTo>
                <a:cubicBezTo>
                  <a:pt x="1340" y="15446"/>
                  <a:pt x="1328" y="15442"/>
                  <a:pt x="1324" y="15437"/>
                </a:cubicBezTo>
                <a:cubicBezTo>
                  <a:pt x="1319" y="15433"/>
                  <a:pt x="1319" y="15433"/>
                  <a:pt x="1333" y="15423"/>
                </a:cubicBezTo>
                <a:cubicBezTo>
                  <a:pt x="1340" y="15419"/>
                  <a:pt x="1351" y="15414"/>
                  <a:pt x="1368" y="15407"/>
                </a:cubicBezTo>
                <a:cubicBezTo>
                  <a:pt x="1384" y="15398"/>
                  <a:pt x="1405" y="15391"/>
                  <a:pt x="1433" y="15379"/>
                </a:cubicBezTo>
                <a:lnTo>
                  <a:pt x="1433" y="15379"/>
                </a:lnTo>
                <a:cubicBezTo>
                  <a:pt x="1405" y="15393"/>
                  <a:pt x="1396" y="15398"/>
                  <a:pt x="1400" y="15398"/>
                </a:cubicBezTo>
                <a:cubicBezTo>
                  <a:pt x="1407" y="15398"/>
                  <a:pt x="1451" y="15383"/>
                  <a:pt x="1502" y="15365"/>
                </a:cubicBezTo>
                <a:cubicBezTo>
                  <a:pt x="1565" y="15344"/>
                  <a:pt x="1639" y="15325"/>
                  <a:pt x="1669" y="15325"/>
                </a:cubicBezTo>
                <a:cubicBezTo>
                  <a:pt x="1678" y="15325"/>
                  <a:pt x="1683" y="15327"/>
                  <a:pt x="1683" y="15330"/>
                </a:cubicBezTo>
                <a:lnTo>
                  <a:pt x="1683" y="15330"/>
                </a:lnTo>
                <a:cubicBezTo>
                  <a:pt x="1685" y="15314"/>
                  <a:pt x="1791" y="15284"/>
                  <a:pt x="1905" y="15266"/>
                </a:cubicBezTo>
                <a:cubicBezTo>
                  <a:pt x="2021" y="15245"/>
                  <a:pt x="2141" y="15229"/>
                  <a:pt x="2167" y="15215"/>
                </a:cubicBezTo>
                <a:lnTo>
                  <a:pt x="2167" y="15215"/>
                </a:lnTo>
                <a:lnTo>
                  <a:pt x="2100" y="15217"/>
                </a:lnTo>
                <a:lnTo>
                  <a:pt x="2035" y="15224"/>
                </a:lnTo>
                <a:lnTo>
                  <a:pt x="2065" y="15233"/>
                </a:lnTo>
                <a:lnTo>
                  <a:pt x="1963" y="15250"/>
                </a:lnTo>
                <a:cubicBezTo>
                  <a:pt x="1928" y="15256"/>
                  <a:pt x="1896" y="15263"/>
                  <a:pt x="1863" y="15270"/>
                </a:cubicBezTo>
                <a:cubicBezTo>
                  <a:pt x="1799" y="15284"/>
                  <a:pt x="1736" y="15300"/>
                  <a:pt x="1662" y="15314"/>
                </a:cubicBezTo>
                <a:cubicBezTo>
                  <a:pt x="1771" y="15277"/>
                  <a:pt x="1616" y="15298"/>
                  <a:pt x="1745" y="15256"/>
                </a:cubicBezTo>
                <a:cubicBezTo>
                  <a:pt x="1782" y="15245"/>
                  <a:pt x="1822" y="15236"/>
                  <a:pt x="1861" y="15229"/>
                </a:cubicBezTo>
                <a:cubicBezTo>
                  <a:pt x="1866" y="15228"/>
                  <a:pt x="1870" y="15228"/>
                  <a:pt x="1873" y="15228"/>
                </a:cubicBezTo>
                <a:cubicBezTo>
                  <a:pt x="1880" y="15228"/>
                  <a:pt x="1881" y="15230"/>
                  <a:pt x="1877" y="15233"/>
                </a:cubicBezTo>
                <a:cubicBezTo>
                  <a:pt x="1873" y="15235"/>
                  <a:pt x="1837" y="15254"/>
                  <a:pt x="1849" y="15254"/>
                </a:cubicBezTo>
                <a:cubicBezTo>
                  <a:pt x="1850" y="15254"/>
                  <a:pt x="1851" y="15254"/>
                  <a:pt x="1852" y="15254"/>
                </a:cubicBezTo>
                <a:lnTo>
                  <a:pt x="1949" y="15226"/>
                </a:lnTo>
                <a:lnTo>
                  <a:pt x="2051" y="15203"/>
                </a:lnTo>
                <a:lnTo>
                  <a:pt x="2051" y="15203"/>
                </a:lnTo>
                <a:cubicBezTo>
                  <a:pt x="2005" y="15206"/>
                  <a:pt x="1956" y="15206"/>
                  <a:pt x="1910" y="15210"/>
                </a:cubicBezTo>
                <a:cubicBezTo>
                  <a:pt x="2107" y="15171"/>
                  <a:pt x="2308" y="15150"/>
                  <a:pt x="2510" y="15145"/>
                </a:cubicBezTo>
                <a:cubicBezTo>
                  <a:pt x="2556" y="15145"/>
                  <a:pt x="2602" y="15150"/>
                  <a:pt x="2646" y="15155"/>
                </a:cubicBezTo>
                <a:cubicBezTo>
                  <a:pt x="2663" y="15157"/>
                  <a:pt x="2656" y="15159"/>
                  <a:pt x="2644" y="15161"/>
                </a:cubicBezTo>
                <a:cubicBezTo>
                  <a:pt x="2621" y="15166"/>
                  <a:pt x="2588" y="15171"/>
                  <a:pt x="2707" y="15180"/>
                </a:cubicBezTo>
                <a:cubicBezTo>
                  <a:pt x="2760" y="15175"/>
                  <a:pt x="2778" y="15173"/>
                  <a:pt x="2804" y="15171"/>
                </a:cubicBezTo>
                <a:cubicBezTo>
                  <a:pt x="2826" y="15170"/>
                  <a:pt x="2848" y="15169"/>
                  <a:pt x="2870" y="15169"/>
                </a:cubicBezTo>
                <a:cubicBezTo>
                  <a:pt x="2892" y="15169"/>
                  <a:pt x="2914" y="15170"/>
                  <a:pt x="2936" y="15171"/>
                </a:cubicBezTo>
                <a:cubicBezTo>
                  <a:pt x="2908" y="15166"/>
                  <a:pt x="2882" y="15164"/>
                  <a:pt x="2858" y="15164"/>
                </a:cubicBezTo>
                <a:cubicBezTo>
                  <a:pt x="2818" y="15164"/>
                  <a:pt x="2783" y="15169"/>
                  <a:pt x="2750" y="15169"/>
                </a:cubicBezTo>
                <a:cubicBezTo>
                  <a:pt x="2746" y="15169"/>
                  <a:pt x="2741" y="15169"/>
                  <a:pt x="2737" y="15168"/>
                </a:cubicBezTo>
                <a:cubicBezTo>
                  <a:pt x="2700" y="15157"/>
                  <a:pt x="2767" y="15157"/>
                  <a:pt x="2841" y="15157"/>
                </a:cubicBezTo>
                <a:cubicBezTo>
                  <a:pt x="2917" y="15155"/>
                  <a:pt x="2998" y="15157"/>
                  <a:pt x="2992" y="15148"/>
                </a:cubicBezTo>
                <a:lnTo>
                  <a:pt x="2992" y="15148"/>
                </a:lnTo>
                <a:cubicBezTo>
                  <a:pt x="3054" y="15157"/>
                  <a:pt x="3040" y="15166"/>
                  <a:pt x="2992" y="15171"/>
                </a:cubicBezTo>
                <a:cubicBezTo>
                  <a:pt x="3246" y="15175"/>
                  <a:pt x="3494" y="15201"/>
                  <a:pt x="3589" y="15233"/>
                </a:cubicBezTo>
                <a:lnTo>
                  <a:pt x="3700" y="15215"/>
                </a:lnTo>
                <a:lnTo>
                  <a:pt x="3700" y="15215"/>
                </a:lnTo>
                <a:cubicBezTo>
                  <a:pt x="4143" y="15256"/>
                  <a:pt x="3397" y="15215"/>
                  <a:pt x="3768" y="15259"/>
                </a:cubicBezTo>
                <a:cubicBezTo>
                  <a:pt x="3862" y="15271"/>
                  <a:pt x="3957" y="15277"/>
                  <a:pt x="4052" y="15277"/>
                </a:cubicBezTo>
                <a:cubicBezTo>
                  <a:pt x="4082" y="15277"/>
                  <a:pt x="4112" y="15276"/>
                  <a:pt x="4143" y="15275"/>
                </a:cubicBezTo>
                <a:lnTo>
                  <a:pt x="4008" y="15266"/>
                </a:lnTo>
                <a:cubicBezTo>
                  <a:pt x="4094" y="15254"/>
                  <a:pt x="4182" y="15247"/>
                  <a:pt x="4268" y="15247"/>
                </a:cubicBezTo>
                <a:cubicBezTo>
                  <a:pt x="4352" y="15252"/>
                  <a:pt x="4343" y="15261"/>
                  <a:pt x="4386" y="15261"/>
                </a:cubicBezTo>
                <a:cubicBezTo>
                  <a:pt x="4402" y="15261"/>
                  <a:pt x="4426" y="15260"/>
                  <a:pt x="4465" y="15256"/>
                </a:cubicBezTo>
                <a:cubicBezTo>
                  <a:pt x="4762" y="15268"/>
                  <a:pt x="4643" y="15287"/>
                  <a:pt x="4559" y="15307"/>
                </a:cubicBezTo>
                <a:lnTo>
                  <a:pt x="4559" y="15307"/>
                </a:lnTo>
                <a:cubicBezTo>
                  <a:pt x="4589" y="15306"/>
                  <a:pt x="4622" y="15306"/>
                  <a:pt x="4655" y="15305"/>
                </a:cubicBezTo>
                <a:cubicBezTo>
                  <a:pt x="4752" y="15303"/>
                  <a:pt x="4849" y="15296"/>
                  <a:pt x="4866" y="15284"/>
                </a:cubicBezTo>
                <a:lnTo>
                  <a:pt x="4866" y="15284"/>
                </a:lnTo>
                <a:cubicBezTo>
                  <a:pt x="4867" y="15291"/>
                  <a:pt x="4849" y="15305"/>
                  <a:pt x="4780" y="15314"/>
                </a:cubicBezTo>
                <a:lnTo>
                  <a:pt x="4780" y="15314"/>
                </a:lnTo>
                <a:cubicBezTo>
                  <a:pt x="4735" y="15310"/>
                  <a:pt x="4703" y="15308"/>
                  <a:pt x="4680" y="15308"/>
                </a:cubicBezTo>
                <a:cubicBezTo>
                  <a:pt x="4642" y="15308"/>
                  <a:pt x="4631" y="15312"/>
                  <a:pt x="4627" y="15317"/>
                </a:cubicBezTo>
                <a:cubicBezTo>
                  <a:pt x="4624" y="15321"/>
                  <a:pt x="4627" y="15325"/>
                  <a:pt x="4620" y="15325"/>
                </a:cubicBezTo>
                <a:cubicBezTo>
                  <a:pt x="4615" y="15325"/>
                  <a:pt x="4604" y="15323"/>
                  <a:pt x="4583" y="15317"/>
                </a:cubicBezTo>
                <a:cubicBezTo>
                  <a:pt x="4563" y="15317"/>
                  <a:pt x="4543" y="15317"/>
                  <a:pt x="4523" y="15317"/>
                </a:cubicBezTo>
                <a:lnTo>
                  <a:pt x="4523" y="15317"/>
                </a:lnTo>
                <a:cubicBezTo>
                  <a:pt x="4520" y="15317"/>
                  <a:pt x="4518" y="15318"/>
                  <a:pt x="4516" y="15319"/>
                </a:cubicBezTo>
                <a:cubicBezTo>
                  <a:pt x="4625" y="15325"/>
                  <a:pt x="4622" y="15334"/>
                  <a:pt x="4593" y="15342"/>
                </a:cubicBezTo>
                <a:lnTo>
                  <a:pt x="4593" y="15342"/>
                </a:lnTo>
                <a:lnTo>
                  <a:pt x="4650" y="15335"/>
                </a:lnTo>
                <a:lnTo>
                  <a:pt x="4694" y="15329"/>
                </a:lnTo>
                <a:lnTo>
                  <a:pt x="4694" y="15329"/>
                </a:lnTo>
                <a:lnTo>
                  <a:pt x="4768" y="15351"/>
                </a:lnTo>
                <a:cubicBezTo>
                  <a:pt x="4845" y="15351"/>
                  <a:pt x="4899" y="15332"/>
                  <a:pt x="4946" y="15332"/>
                </a:cubicBezTo>
                <a:cubicBezTo>
                  <a:pt x="4956" y="15332"/>
                  <a:pt x="4965" y="15333"/>
                  <a:pt x="4974" y="15335"/>
                </a:cubicBezTo>
                <a:cubicBezTo>
                  <a:pt x="5085" y="15341"/>
                  <a:pt x="4901" y="15369"/>
                  <a:pt x="4977" y="15369"/>
                </a:cubicBezTo>
                <a:cubicBezTo>
                  <a:pt x="4999" y="15369"/>
                  <a:pt x="5042" y="15366"/>
                  <a:pt x="5118" y="15361"/>
                </a:cubicBezTo>
                <a:cubicBezTo>
                  <a:pt x="5164" y="15358"/>
                  <a:pt x="5204" y="15351"/>
                  <a:pt x="5241" y="15344"/>
                </a:cubicBezTo>
                <a:lnTo>
                  <a:pt x="5289" y="15338"/>
                </a:lnTo>
                <a:lnTo>
                  <a:pt x="5313" y="15333"/>
                </a:lnTo>
                <a:lnTo>
                  <a:pt x="5324" y="15331"/>
                </a:lnTo>
                <a:lnTo>
                  <a:pt x="5343" y="15326"/>
                </a:lnTo>
                <a:cubicBezTo>
                  <a:pt x="5431" y="15307"/>
                  <a:pt x="5493" y="15291"/>
                  <a:pt x="5549" y="15275"/>
                </a:cubicBezTo>
                <a:lnTo>
                  <a:pt x="5570" y="15270"/>
                </a:lnTo>
                <a:lnTo>
                  <a:pt x="5581" y="15268"/>
                </a:lnTo>
                <a:lnTo>
                  <a:pt x="5586" y="15268"/>
                </a:lnTo>
                <a:cubicBezTo>
                  <a:pt x="5586" y="15266"/>
                  <a:pt x="5586" y="15263"/>
                  <a:pt x="5588" y="15263"/>
                </a:cubicBezTo>
                <a:lnTo>
                  <a:pt x="5609" y="15219"/>
                </a:lnTo>
                <a:lnTo>
                  <a:pt x="5653" y="15129"/>
                </a:lnTo>
                <a:lnTo>
                  <a:pt x="5697" y="15041"/>
                </a:lnTo>
                <a:cubicBezTo>
                  <a:pt x="5709" y="15020"/>
                  <a:pt x="5723" y="14997"/>
                  <a:pt x="5737" y="14969"/>
                </a:cubicBezTo>
                <a:lnTo>
                  <a:pt x="5737" y="14969"/>
                </a:lnTo>
                <a:cubicBezTo>
                  <a:pt x="5723" y="14985"/>
                  <a:pt x="5711" y="15004"/>
                  <a:pt x="5702" y="15023"/>
                </a:cubicBezTo>
                <a:lnTo>
                  <a:pt x="5674" y="15069"/>
                </a:lnTo>
                <a:cubicBezTo>
                  <a:pt x="5660" y="15094"/>
                  <a:pt x="5646" y="15122"/>
                  <a:pt x="5628" y="15152"/>
                </a:cubicBezTo>
                <a:cubicBezTo>
                  <a:pt x="5644" y="15117"/>
                  <a:pt x="5647" y="15107"/>
                  <a:pt x="5644" y="15107"/>
                </a:cubicBezTo>
                <a:cubicBezTo>
                  <a:pt x="5641" y="15107"/>
                  <a:pt x="5635" y="15113"/>
                  <a:pt x="5630" y="15117"/>
                </a:cubicBezTo>
                <a:cubicBezTo>
                  <a:pt x="5628" y="15120"/>
                  <a:pt x="5626" y="15121"/>
                  <a:pt x="5624" y="15121"/>
                </a:cubicBezTo>
                <a:cubicBezTo>
                  <a:pt x="5623" y="15121"/>
                  <a:pt x="5623" y="15119"/>
                  <a:pt x="5625" y="15113"/>
                </a:cubicBezTo>
                <a:cubicBezTo>
                  <a:pt x="5630" y="15104"/>
                  <a:pt x="5632" y="15094"/>
                  <a:pt x="5639" y="15085"/>
                </a:cubicBezTo>
                <a:lnTo>
                  <a:pt x="5662" y="15032"/>
                </a:lnTo>
                <a:cubicBezTo>
                  <a:pt x="5711" y="14976"/>
                  <a:pt x="5750" y="14911"/>
                  <a:pt x="5783" y="14844"/>
                </a:cubicBezTo>
                <a:cubicBezTo>
                  <a:pt x="5806" y="14800"/>
                  <a:pt x="5829" y="14751"/>
                  <a:pt x="5852" y="14705"/>
                </a:cubicBezTo>
                <a:cubicBezTo>
                  <a:pt x="5878" y="14657"/>
                  <a:pt x="5896" y="14606"/>
                  <a:pt x="5917" y="14559"/>
                </a:cubicBezTo>
                <a:lnTo>
                  <a:pt x="5917" y="14559"/>
                </a:lnTo>
                <a:cubicBezTo>
                  <a:pt x="5915" y="14570"/>
                  <a:pt x="5916" y="14574"/>
                  <a:pt x="5918" y="14574"/>
                </a:cubicBezTo>
                <a:cubicBezTo>
                  <a:pt x="5925" y="14574"/>
                  <a:pt x="5946" y="14541"/>
                  <a:pt x="5952" y="14541"/>
                </a:cubicBezTo>
                <a:cubicBezTo>
                  <a:pt x="5954" y="14541"/>
                  <a:pt x="5954" y="14546"/>
                  <a:pt x="5950" y="14559"/>
                </a:cubicBezTo>
                <a:cubicBezTo>
                  <a:pt x="5980" y="14487"/>
                  <a:pt x="6005" y="14411"/>
                  <a:pt x="6024" y="14332"/>
                </a:cubicBezTo>
                <a:lnTo>
                  <a:pt x="6024" y="14332"/>
                </a:lnTo>
                <a:cubicBezTo>
                  <a:pt x="5990" y="14410"/>
                  <a:pt x="5976" y="14439"/>
                  <a:pt x="5973" y="14439"/>
                </a:cubicBezTo>
                <a:cubicBezTo>
                  <a:pt x="5970" y="14439"/>
                  <a:pt x="5990" y="14382"/>
                  <a:pt x="6010" y="14323"/>
                </a:cubicBezTo>
                <a:cubicBezTo>
                  <a:pt x="6024" y="14279"/>
                  <a:pt x="6038" y="14235"/>
                  <a:pt x="6049" y="14191"/>
                </a:cubicBezTo>
                <a:cubicBezTo>
                  <a:pt x="6050" y="14183"/>
                  <a:pt x="6050" y="14179"/>
                  <a:pt x="6049" y="14179"/>
                </a:cubicBezTo>
                <a:cubicBezTo>
                  <a:pt x="6047" y="14179"/>
                  <a:pt x="6038" y="14198"/>
                  <a:pt x="6014" y="14246"/>
                </a:cubicBezTo>
                <a:cubicBezTo>
                  <a:pt x="6119" y="13952"/>
                  <a:pt x="6151" y="13897"/>
                  <a:pt x="6214" y="13711"/>
                </a:cubicBezTo>
                <a:lnTo>
                  <a:pt x="6214" y="13711"/>
                </a:lnTo>
                <a:cubicBezTo>
                  <a:pt x="6217" y="13721"/>
                  <a:pt x="6171" y="13901"/>
                  <a:pt x="6177" y="13901"/>
                </a:cubicBezTo>
                <a:cubicBezTo>
                  <a:pt x="6180" y="13901"/>
                  <a:pt x="6190" y="13874"/>
                  <a:pt x="6214" y="13799"/>
                </a:cubicBezTo>
                <a:cubicBezTo>
                  <a:pt x="6221" y="13769"/>
                  <a:pt x="6225" y="13739"/>
                  <a:pt x="6230" y="13709"/>
                </a:cubicBezTo>
                <a:cubicBezTo>
                  <a:pt x="6232" y="13695"/>
                  <a:pt x="6232" y="13681"/>
                  <a:pt x="6232" y="13667"/>
                </a:cubicBezTo>
                <a:cubicBezTo>
                  <a:pt x="6232" y="13662"/>
                  <a:pt x="6231" y="13660"/>
                  <a:pt x="6230" y="13660"/>
                </a:cubicBezTo>
                <a:cubicBezTo>
                  <a:pt x="6227" y="13660"/>
                  <a:pt x="6223" y="13666"/>
                  <a:pt x="6218" y="13672"/>
                </a:cubicBezTo>
                <a:cubicBezTo>
                  <a:pt x="6213" y="13681"/>
                  <a:pt x="6208" y="13691"/>
                  <a:pt x="6204" y="13691"/>
                </a:cubicBezTo>
                <a:cubicBezTo>
                  <a:pt x="6199" y="13691"/>
                  <a:pt x="6197" y="13671"/>
                  <a:pt x="6207" y="13598"/>
                </a:cubicBezTo>
                <a:lnTo>
                  <a:pt x="6207" y="13598"/>
                </a:lnTo>
                <a:cubicBezTo>
                  <a:pt x="6188" y="13663"/>
                  <a:pt x="6172" y="13728"/>
                  <a:pt x="6149" y="13790"/>
                </a:cubicBezTo>
                <a:cubicBezTo>
                  <a:pt x="6148" y="13791"/>
                  <a:pt x="6147" y="13791"/>
                  <a:pt x="6146" y="13791"/>
                </a:cubicBezTo>
                <a:cubicBezTo>
                  <a:pt x="6140" y="13791"/>
                  <a:pt x="6143" y="13773"/>
                  <a:pt x="6149" y="13744"/>
                </a:cubicBezTo>
                <a:cubicBezTo>
                  <a:pt x="6156" y="13714"/>
                  <a:pt x="6165" y="13670"/>
                  <a:pt x="6177" y="13621"/>
                </a:cubicBezTo>
                <a:cubicBezTo>
                  <a:pt x="6191" y="13575"/>
                  <a:pt x="6202" y="13526"/>
                  <a:pt x="6211" y="13487"/>
                </a:cubicBezTo>
                <a:cubicBezTo>
                  <a:pt x="6218" y="13457"/>
                  <a:pt x="6225" y="13429"/>
                  <a:pt x="6228" y="13399"/>
                </a:cubicBezTo>
                <a:cubicBezTo>
                  <a:pt x="6233" y="13377"/>
                  <a:pt x="6236" y="13369"/>
                  <a:pt x="6237" y="13369"/>
                </a:cubicBezTo>
                <a:lnTo>
                  <a:pt x="6237" y="13369"/>
                </a:lnTo>
                <a:cubicBezTo>
                  <a:pt x="6240" y="13369"/>
                  <a:pt x="6221" y="13482"/>
                  <a:pt x="6230" y="13482"/>
                </a:cubicBezTo>
                <a:cubicBezTo>
                  <a:pt x="6232" y="13482"/>
                  <a:pt x="6237" y="13474"/>
                  <a:pt x="6244" y="13454"/>
                </a:cubicBezTo>
                <a:cubicBezTo>
                  <a:pt x="6265" y="13364"/>
                  <a:pt x="6274" y="13294"/>
                  <a:pt x="6285" y="13234"/>
                </a:cubicBezTo>
                <a:cubicBezTo>
                  <a:pt x="6290" y="13176"/>
                  <a:pt x="6299" y="13121"/>
                  <a:pt x="6311" y="13063"/>
                </a:cubicBezTo>
                <a:cubicBezTo>
                  <a:pt x="6311" y="13179"/>
                  <a:pt x="6316" y="13107"/>
                  <a:pt x="6311" y="13239"/>
                </a:cubicBezTo>
                <a:cubicBezTo>
                  <a:pt x="6335" y="13077"/>
                  <a:pt x="6344" y="13040"/>
                  <a:pt x="6349" y="13040"/>
                </a:cubicBezTo>
                <a:cubicBezTo>
                  <a:pt x="6350" y="13040"/>
                  <a:pt x="6352" y="13044"/>
                  <a:pt x="6353" y="13049"/>
                </a:cubicBezTo>
                <a:cubicBezTo>
                  <a:pt x="6353" y="13056"/>
                  <a:pt x="6354" y="13065"/>
                  <a:pt x="6356" y="13065"/>
                </a:cubicBezTo>
                <a:cubicBezTo>
                  <a:pt x="6357" y="13065"/>
                  <a:pt x="6358" y="13064"/>
                  <a:pt x="6360" y="13060"/>
                </a:cubicBezTo>
                <a:cubicBezTo>
                  <a:pt x="6364" y="13049"/>
                  <a:pt x="6369" y="13037"/>
                  <a:pt x="6371" y="13026"/>
                </a:cubicBezTo>
                <a:cubicBezTo>
                  <a:pt x="6378" y="12996"/>
                  <a:pt x="6383" y="12965"/>
                  <a:pt x="6387" y="12935"/>
                </a:cubicBezTo>
                <a:cubicBezTo>
                  <a:pt x="6394" y="12829"/>
                  <a:pt x="6371" y="12894"/>
                  <a:pt x="6394" y="12725"/>
                </a:cubicBezTo>
                <a:lnTo>
                  <a:pt x="6394" y="12725"/>
                </a:lnTo>
                <a:cubicBezTo>
                  <a:pt x="6380" y="12762"/>
                  <a:pt x="6369" y="12799"/>
                  <a:pt x="6362" y="12838"/>
                </a:cubicBezTo>
                <a:cubicBezTo>
                  <a:pt x="6357" y="12859"/>
                  <a:pt x="6353" y="12887"/>
                  <a:pt x="6348" y="12924"/>
                </a:cubicBezTo>
                <a:cubicBezTo>
                  <a:pt x="6343" y="12963"/>
                  <a:pt x="6336" y="13014"/>
                  <a:pt x="6325" y="13081"/>
                </a:cubicBezTo>
                <a:cubicBezTo>
                  <a:pt x="6323" y="13049"/>
                  <a:pt x="6323" y="13014"/>
                  <a:pt x="6330" y="12982"/>
                </a:cubicBezTo>
                <a:cubicBezTo>
                  <a:pt x="6332" y="12940"/>
                  <a:pt x="6339" y="12891"/>
                  <a:pt x="6346" y="12840"/>
                </a:cubicBezTo>
                <a:cubicBezTo>
                  <a:pt x="6353" y="12789"/>
                  <a:pt x="6362" y="12736"/>
                  <a:pt x="6364" y="12683"/>
                </a:cubicBezTo>
                <a:cubicBezTo>
                  <a:pt x="6367" y="12630"/>
                  <a:pt x="6369" y="12576"/>
                  <a:pt x="6369" y="12528"/>
                </a:cubicBezTo>
                <a:lnTo>
                  <a:pt x="6369" y="12528"/>
                </a:lnTo>
                <a:cubicBezTo>
                  <a:pt x="6357" y="12683"/>
                  <a:pt x="6360" y="12576"/>
                  <a:pt x="6353" y="12743"/>
                </a:cubicBezTo>
                <a:cubicBezTo>
                  <a:pt x="6342" y="12752"/>
                  <a:pt x="6333" y="12771"/>
                  <a:pt x="6326" y="12771"/>
                </a:cubicBezTo>
                <a:cubicBezTo>
                  <a:pt x="6326" y="12771"/>
                  <a:pt x="6325" y="12771"/>
                  <a:pt x="6325" y="12771"/>
                </a:cubicBezTo>
                <a:cubicBezTo>
                  <a:pt x="6318" y="12771"/>
                  <a:pt x="6318" y="12766"/>
                  <a:pt x="6316" y="12750"/>
                </a:cubicBezTo>
                <a:cubicBezTo>
                  <a:pt x="6313" y="12734"/>
                  <a:pt x="6311" y="12711"/>
                  <a:pt x="6309" y="12671"/>
                </a:cubicBezTo>
                <a:cubicBezTo>
                  <a:pt x="6309" y="12715"/>
                  <a:pt x="6306" y="12755"/>
                  <a:pt x="6306" y="12789"/>
                </a:cubicBezTo>
                <a:cubicBezTo>
                  <a:pt x="6304" y="12827"/>
                  <a:pt x="6306" y="12861"/>
                  <a:pt x="6306" y="12898"/>
                </a:cubicBezTo>
                <a:cubicBezTo>
                  <a:pt x="6304" y="12993"/>
                  <a:pt x="6292" y="13088"/>
                  <a:pt x="6274" y="13181"/>
                </a:cubicBezTo>
                <a:cubicBezTo>
                  <a:pt x="6271" y="13186"/>
                  <a:pt x="6269" y="13188"/>
                  <a:pt x="6268" y="13188"/>
                </a:cubicBezTo>
                <a:cubicBezTo>
                  <a:pt x="6260" y="13188"/>
                  <a:pt x="6266" y="13121"/>
                  <a:pt x="6272" y="13049"/>
                </a:cubicBezTo>
                <a:cubicBezTo>
                  <a:pt x="6279" y="12961"/>
                  <a:pt x="6281" y="12866"/>
                  <a:pt x="6267" y="12861"/>
                </a:cubicBezTo>
                <a:cubicBezTo>
                  <a:pt x="6267" y="12831"/>
                  <a:pt x="6267" y="12787"/>
                  <a:pt x="6272" y="12738"/>
                </a:cubicBezTo>
                <a:cubicBezTo>
                  <a:pt x="6276" y="12690"/>
                  <a:pt x="6279" y="12637"/>
                  <a:pt x="6283" y="12581"/>
                </a:cubicBezTo>
                <a:cubicBezTo>
                  <a:pt x="6295" y="12472"/>
                  <a:pt x="6302" y="12361"/>
                  <a:pt x="6309" y="12291"/>
                </a:cubicBezTo>
                <a:cubicBezTo>
                  <a:pt x="6290" y="12046"/>
                  <a:pt x="6274" y="11747"/>
                  <a:pt x="6218" y="11564"/>
                </a:cubicBezTo>
                <a:cubicBezTo>
                  <a:pt x="6214" y="11478"/>
                  <a:pt x="6184" y="11323"/>
                  <a:pt x="6149" y="11154"/>
                </a:cubicBezTo>
                <a:cubicBezTo>
                  <a:pt x="6112" y="10985"/>
                  <a:pt x="6063" y="10802"/>
                  <a:pt x="6045" y="10642"/>
                </a:cubicBezTo>
                <a:cubicBezTo>
                  <a:pt x="6047" y="10617"/>
                  <a:pt x="6038" y="10519"/>
                  <a:pt x="6033" y="10454"/>
                </a:cubicBezTo>
                <a:cubicBezTo>
                  <a:pt x="6032" y="10417"/>
                  <a:pt x="6032" y="10388"/>
                  <a:pt x="6035" y="10388"/>
                </a:cubicBezTo>
                <a:cubicBezTo>
                  <a:pt x="6037" y="10388"/>
                  <a:pt x="6041" y="10405"/>
                  <a:pt x="6047" y="10448"/>
                </a:cubicBezTo>
                <a:cubicBezTo>
                  <a:pt x="6047" y="10441"/>
                  <a:pt x="6042" y="10417"/>
                  <a:pt x="6040" y="10392"/>
                </a:cubicBezTo>
                <a:cubicBezTo>
                  <a:pt x="6038" y="10366"/>
                  <a:pt x="6035" y="10332"/>
                  <a:pt x="6035" y="10302"/>
                </a:cubicBezTo>
                <a:cubicBezTo>
                  <a:pt x="6034" y="10257"/>
                  <a:pt x="6035" y="10217"/>
                  <a:pt x="6030" y="10217"/>
                </a:cubicBezTo>
                <a:cubicBezTo>
                  <a:pt x="6028" y="10217"/>
                  <a:pt x="6026" y="10220"/>
                  <a:pt x="6024" y="10227"/>
                </a:cubicBezTo>
                <a:cubicBezTo>
                  <a:pt x="6026" y="10244"/>
                  <a:pt x="6026" y="10258"/>
                  <a:pt x="6024" y="10274"/>
                </a:cubicBezTo>
                <a:cubicBezTo>
                  <a:pt x="6024" y="10295"/>
                  <a:pt x="6024" y="10318"/>
                  <a:pt x="6024" y="10341"/>
                </a:cubicBezTo>
                <a:cubicBezTo>
                  <a:pt x="6019" y="10325"/>
                  <a:pt x="6012" y="10306"/>
                  <a:pt x="6008" y="10290"/>
                </a:cubicBezTo>
                <a:cubicBezTo>
                  <a:pt x="6010" y="10211"/>
                  <a:pt x="6017" y="10132"/>
                  <a:pt x="6028" y="10056"/>
                </a:cubicBezTo>
                <a:cubicBezTo>
                  <a:pt x="6040" y="9977"/>
                  <a:pt x="6061" y="9903"/>
                  <a:pt x="6096" y="9834"/>
                </a:cubicBezTo>
                <a:cubicBezTo>
                  <a:pt x="6097" y="9831"/>
                  <a:pt x="6098" y="9830"/>
                  <a:pt x="6099" y="9830"/>
                </a:cubicBezTo>
                <a:cubicBezTo>
                  <a:pt x="6101" y="9830"/>
                  <a:pt x="6099" y="9841"/>
                  <a:pt x="6096" y="9857"/>
                </a:cubicBezTo>
                <a:cubicBezTo>
                  <a:pt x="6091" y="9866"/>
                  <a:pt x="6086" y="9880"/>
                  <a:pt x="6084" y="9894"/>
                </a:cubicBezTo>
                <a:cubicBezTo>
                  <a:pt x="6079" y="9908"/>
                  <a:pt x="6075" y="9924"/>
                  <a:pt x="6070" y="9938"/>
                </a:cubicBezTo>
                <a:cubicBezTo>
                  <a:pt x="6058" y="9983"/>
                  <a:pt x="6050" y="10024"/>
                  <a:pt x="6055" y="10024"/>
                </a:cubicBezTo>
                <a:cubicBezTo>
                  <a:pt x="6057" y="10024"/>
                  <a:pt x="6060" y="10019"/>
                  <a:pt x="6065" y="10007"/>
                </a:cubicBezTo>
                <a:cubicBezTo>
                  <a:pt x="6070" y="9949"/>
                  <a:pt x="6084" y="9894"/>
                  <a:pt x="6102" y="9841"/>
                </a:cubicBezTo>
                <a:cubicBezTo>
                  <a:pt x="6130" y="9757"/>
                  <a:pt x="6167" y="9678"/>
                  <a:pt x="6211" y="9604"/>
                </a:cubicBezTo>
                <a:cubicBezTo>
                  <a:pt x="6292" y="9468"/>
                  <a:pt x="6387" y="9343"/>
                  <a:pt x="6496" y="9227"/>
                </a:cubicBezTo>
                <a:cubicBezTo>
                  <a:pt x="6580" y="9132"/>
                  <a:pt x="6607" y="9136"/>
                  <a:pt x="6645" y="9097"/>
                </a:cubicBezTo>
                <a:lnTo>
                  <a:pt x="6784" y="8935"/>
                </a:lnTo>
                <a:cubicBezTo>
                  <a:pt x="6804" y="8926"/>
                  <a:pt x="6825" y="8914"/>
                  <a:pt x="6846" y="8900"/>
                </a:cubicBezTo>
                <a:cubicBezTo>
                  <a:pt x="6902" y="8842"/>
                  <a:pt x="6953" y="8782"/>
                  <a:pt x="7001" y="8717"/>
                </a:cubicBezTo>
                <a:cubicBezTo>
                  <a:pt x="7077" y="8641"/>
                  <a:pt x="7111" y="8612"/>
                  <a:pt x="7119" y="8612"/>
                </a:cubicBezTo>
                <a:cubicBezTo>
                  <a:pt x="7131" y="8612"/>
                  <a:pt x="7078" y="8685"/>
                  <a:pt x="7027" y="8757"/>
                </a:cubicBezTo>
                <a:lnTo>
                  <a:pt x="6918" y="8870"/>
                </a:lnTo>
                <a:cubicBezTo>
                  <a:pt x="6861" y="8944"/>
                  <a:pt x="6776" y="9038"/>
                  <a:pt x="6790" y="9038"/>
                </a:cubicBezTo>
                <a:cubicBezTo>
                  <a:pt x="6794" y="9038"/>
                  <a:pt x="6802" y="9033"/>
                  <a:pt x="6816" y="9023"/>
                </a:cubicBezTo>
                <a:cubicBezTo>
                  <a:pt x="6839" y="8995"/>
                  <a:pt x="6860" y="8967"/>
                  <a:pt x="6874" y="8935"/>
                </a:cubicBezTo>
                <a:lnTo>
                  <a:pt x="6943" y="8872"/>
                </a:lnTo>
                <a:cubicBezTo>
                  <a:pt x="6997" y="8800"/>
                  <a:pt x="7156" y="8615"/>
                  <a:pt x="7138" y="8615"/>
                </a:cubicBezTo>
                <a:cubicBezTo>
                  <a:pt x="7137" y="8615"/>
                  <a:pt x="7137" y="8615"/>
                  <a:pt x="7136" y="8615"/>
                </a:cubicBezTo>
                <a:cubicBezTo>
                  <a:pt x="7270" y="8483"/>
                  <a:pt x="7407" y="8316"/>
                  <a:pt x="7532" y="8205"/>
                </a:cubicBezTo>
                <a:lnTo>
                  <a:pt x="7532" y="8205"/>
                </a:lnTo>
                <a:cubicBezTo>
                  <a:pt x="7509" y="8225"/>
                  <a:pt x="7499" y="8232"/>
                  <a:pt x="7496" y="8232"/>
                </a:cubicBezTo>
                <a:cubicBezTo>
                  <a:pt x="7488" y="8232"/>
                  <a:pt x="7525" y="8185"/>
                  <a:pt x="7513" y="8185"/>
                </a:cubicBezTo>
                <a:cubicBezTo>
                  <a:pt x="7512" y="8185"/>
                  <a:pt x="7511" y="8186"/>
                  <a:pt x="7509" y="8187"/>
                </a:cubicBezTo>
                <a:cubicBezTo>
                  <a:pt x="7462" y="8235"/>
                  <a:pt x="7416" y="8282"/>
                  <a:pt x="7367" y="8330"/>
                </a:cubicBezTo>
                <a:cubicBezTo>
                  <a:pt x="7474" y="8210"/>
                  <a:pt x="7627" y="8036"/>
                  <a:pt x="7743" y="7936"/>
                </a:cubicBezTo>
                <a:lnTo>
                  <a:pt x="7743" y="7936"/>
                </a:lnTo>
                <a:cubicBezTo>
                  <a:pt x="7739" y="7946"/>
                  <a:pt x="7737" y="7952"/>
                  <a:pt x="7741" y="7952"/>
                </a:cubicBezTo>
                <a:cubicBezTo>
                  <a:pt x="7746" y="7952"/>
                  <a:pt x="7760" y="7942"/>
                  <a:pt x="7794" y="7916"/>
                </a:cubicBezTo>
                <a:lnTo>
                  <a:pt x="7794" y="7916"/>
                </a:lnTo>
                <a:cubicBezTo>
                  <a:pt x="7784" y="7923"/>
                  <a:pt x="7779" y="7926"/>
                  <a:pt x="7777" y="7926"/>
                </a:cubicBezTo>
                <a:cubicBezTo>
                  <a:pt x="7767" y="7926"/>
                  <a:pt x="7878" y="7813"/>
                  <a:pt x="7864" y="7813"/>
                </a:cubicBezTo>
                <a:cubicBezTo>
                  <a:pt x="7860" y="7813"/>
                  <a:pt x="7842" y="7825"/>
                  <a:pt x="7803" y="7858"/>
                </a:cubicBezTo>
                <a:cubicBezTo>
                  <a:pt x="7745" y="7923"/>
                  <a:pt x="7692" y="7981"/>
                  <a:pt x="7611" y="8059"/>
                </a:cubicBezTo>
                <a:cubicBezTo>
                  <a:pt x="7603" y="8064"/>
                  <a:pt x="7597" y="8066"/>
                  <a:pt x="7595" y="8066"/>
                </a:cubicBezTo>
                <a:cubicBezTo>
                  <a:pt x="7574" y="8066"/>
                  <a:pt x="7673" y="7960"/>
                  <a:pt x="7726" y="7892"/>
                </a:cubicBezTo>
                <a:cubicBezTo>
                  <a:pt x="7812" y="7802"/>
                  <a:pt x="7981" y="7631"/>
                  <a:pt x="8099" y="7515"/>
                </a:cubicBezTo>
                <a:cubicBezTo>
                  <a:pt x="8183" y="7450"/>
                  <a:pt x="8220" y="7445"/>
                  <a:pt x="8347" y="7320"/>
                </a:cubicBezTo>
                <a:lnTo>
                  <a:pt x="8347" y="7320"/>
                </a:lnTo>
                <a:cubicBezTo>
                  <a:pt x="8314" y="7344"/>
                  <a:pt x="8297" y="7355"/>
                  <a:pt x="8292" y="7355"/>
                </a:cubicBezTo>
                <a:cubicBezTo>
                  <a:pt x="8283" y="7355"/>
                  <a:pt x="8313" y="7322"/>
                  <a:pt x="8354" y="7281"/>
                </a:cubicBezTo>
                <a:cubicBezTo>
                  <a:pt x="8417" y="7216"/>
                  <a:pt x="8509" y="7130"/>
                  <a:pt x="8528" y="7107"/>
                </a:cubicBezTo>
                <a:cubicBezTo>
                  <a:pt x="8669" y="7008"/>
                  <a:pt x="8741" y="6924"/>
                  <a:pt x="8866" y="6857"/>
                </a:cubicBezTo>
                <a:lnTo>
                  <a:pt x="8866" y="6857"/>
                </a:lnTo>
                <a:cubicBezTo>
                  <a:pt x="8810" y="6903"/>
                  <a:pt x="8595" y="7059"/>
                  <a:pt x="8553" y="7114"/>
                </a:cubicBezTo>
                <a:cubicBezTo>
                  <a:pt x="8553" y="7123"/>
                  <a:pt x="8570" y="7123"/>
                  <a:pt x="8563" y="7140"/>
                </a:cubicBezTo>
                <a:cubicBezTo>
                  <a:pt x="8553" y="7158"/>
                  <a:pt x="8521" y="7193"/>
                  <a:pt x="8421" y="7279"/>
                </a:cubicBezTo>
                <a:cubicBezTo>
                  <a:pt x="8546" y="7181"/>
                  <a:pt x="8581" y="7154"/>
                  <a:pt x="8597" y="7133"/>
                </a:cubicBezTo>
                <a:cubicBezTo>
                  <a:pt x="8618" y="7105"/>
                  <a:pt x="8641" y="7082"/>
                  <a:pt x="8669" y="7061"/>
                </a:cubicBezTo>
                <a:lnTo>
                  <a:pt x="8669" y="7061"/>
                </a:lnTo>
                <a:cubicBezTo>
                  <a:pt x="8641" y="7082"/>
                  <a:pt x="8611" y="7105"/>
                  <a:pt x="8586" y="7128"/>
                </a:cubicBezTo>
                <a:cubicBezTo>
                  <a:pt x="8598" y="7116"/>
                  <a:pt x="8596" y="7114"/>
                  <a:pt x="8591" y="7114"/>
                </a:cubicBezTo>
                <a:cubicBezTo>
                  <a:pt x="8589" y="7114"/>
                  <a:pt x="8586" y="7114"/>
                  <a:pt x="8584" y="7114"/>
                </a:cubicBezTo>
                <a:cubicBezTo>
                  <a:pt x="8579" y="7114"/>
                  <a:pt x="8579" y="7111"/>
                  <a:pt x="8616" y="7082"/>
                </a:cubicBezTo>
                <a:cubicBezTo>
                  <a:pt x="8720" y="7005"/>
                  <a:pt x="8827" y="6933"/>
                  <a:pt x="8940" y="6869"/>
                </a:cubicBezTo>
                <a:cubicBezTo>
                  <a:pt x="9021" y="6822"/>
                  <a:pt x="9091" y="6788"/>
                  <a:pt x="9202" y="6732"/>
                </a:cubicBezTo>
                <a:lnTo>
                  <a:pt x="9202" y="6732"/>
                </a:lnTo>
                <a:cubicBezTo>
                  <a:pt x="9196" y="6734"/>
                  <a:pt x="9191" y="6735"/>
                  <a:pt x="9189" y="6735"/>
                </a:cubicBezTo>
                <a:cubicBezTo>
                  <a:pt x="9170" y="6735"/>
                  <a:pt x="9247" y="6680"/>
                  <a:pt x="9292" y="6653"/>
                </a:cubicBezTo>
                <a:cubicBezTo>
                  <a:pt x="9356" y="6623"/>
                  <a:pt x="9383" y="6613"/>
                  <a:pt x="9393" y="6613"/>
                </a:cubicBezTo>
                <a:cubicBezTo>
                  <a:pt x="9411" y="6613"/>
                  <a:pt x="9375" y="6645"/>
                  <a:pt x="9397" y="6645"/>
                </a:cubicBezTo>
                <a:cubicBezTo>
                  <a:pt x="9405" y="6645"/>
                  <a:pt x="9419" y="6641"/>
                  <a:pt x="9443" y="6632"/>
                </a:cubicBezTo>
                <a:cubicBezTo>
                  <a:pt x="9502" y="6586"/>
                  <a:pt x="9630" y="6526"/>
                  <a:pt x="9611" y="6526"/>
                </a:cubicBezTo>
                <a:cubicBezTo>
                  <a:pt x="9609" y="6526"/>
                  <a:pt x="9605" y="6527"/>
                  <a:pt x="9600" y="6528"/>
                </a:cubicBezTo>
                <a:cubicBezTo>
                  <a:pt x="9686" y="6486"/>
                  <a:pt x="9644" y="6514"/>
                  <a:pt x="9707" y="6489"/>
                </a:cubicBezTo>
                <a:cubicBezTo>
                  <a:pt x="9735" y="6468"/>
                  <a:pt x="9765" y="6449"/>
                  <a:pt x="9797" y="6433"/>
                </a:cubicBezTo>
                <a:cubicBezTo>
                  <a:pt x="9844" y="6410"/>
                  <a:pt x="9892" y="6389"/>
                  <a:pt x="9941" y="6371"/>
                </a:cubicBezTo>
                <a:lnTo>
                  <a:pt x="9941" y="6371"/>
                </a:lnTo>
                <a:cubicBezTo>
                  <a:pt x="9934" y="6380"/>
                  <a:pt x="9920" y="6394"/>
                  <a:pt x="9804" y="6440"/>
                </a:cubicBezTo>
                <a:cubicBezTo>
                  <a:pt x="9871" y="6414"/>
                  <a:pt x="9919" y="6403"/>
                  <a:pt x="9942" y="6403"/>
                </a:cubicBezTo>
                <a:cubicBezTo>
                  <a:pt x="9964" y="6403"/>
                  <a:pt x="9964" y="6413"/>
                  <a:pt x="9939" y="6428"/>
                </a:cubicBezTo>
                <a:cubicBezTo>
                  <a:pt x="9904" y="6440"/>
                  <a:pt x="9869" y="6454"/>
                  <a:pt x="9832" y="6468"/>
                </a:cubicBezTo>
                <a:cubicBezTo>
                  <a:pt x="9797" y="6479"/>
                  <a:pt x="9762" y="6493"/>
                  <a:pt x="9728" y="6507"/>
                </a:cubicBezTo>
                <a:cubicBezTo>
                  <a:pt x="9713" y="6518"/>
                  <a:pt x="9709" y="6522"/>
                  <a:pt x="9712" y="6522"/>
                </a:cubicBezTo>
                <a:cubicBezTo>
                  <a:pt x="9718" y="6522"/>
                  <a:pt x="9753" y="6506"/>
                  <a:pt x="9793" y="6491"/>
                </a:cubicBezTo>
                <a:cubicBezTo>
                  <a:pt x="9843" y="6471"/>
                  <a:pt x="9903" y="6448"/>
                  <a:pt x="9917" y="6448"/>
                </a:cubicBezTo>
                <a:cubicBezTo>
                  <a:pt x="9919" y="6448"/>
                  <a:pt x="9920" y="6448"/>
                  <a:pt x="9920" y="6449"/>
                </a:cubicBezTo>
                <a:cubicBezTo>
                  <a:pt x="9832" y="6489"/>
                  <a:pt x="9758" y="6510"/>
                  <a:pt x="9702" y="6542"/>
                </a:cubicBezTo>
                <a:cubicBezTo>
                  <a:pt x="9767" y="6528"/>
                  <a:pt x="9939" y="6438"/>
                  <a:pt x="10045" y="6398"/>
                </a:cubicBezTo>
                <a:cubicBezTo>
                  <a:pt x="10116" y="6375"/>
                  <a:pt x="10148" y="6368"/>
                  <a:pt x="10161" y="6368"/>
                </a:cubicBezTo>
                <a:cubicBezTo>
                  <a:pt x="10180" y="6368"/>
                  <a:pt x="10161" y="6383"/>
                  <a:pt x="10166" y="6387"/>
                </a:cubicBezTo>
                <a:cubicBezTo>
                  <a:pt x="10235" y="6354"/>
                  <a:pt x="10249" y="6347"/>
                  <a:pt x="10235" y="6347"/>
                </a:cubicBezTo>
                <a:cubicBezTo>
                  <a:pt x="10200" y="6352"/>
                  <a:pt x="10166" y="6359"/>
                  <a:pt x="10131" y="6368"/>
                </a:cubicBezTo>
                <a:lnTo>
                  <a:pt x="10068" y="6384"/>
                </a:lnTo>
                <a:cubicBezTo>
                  <a:pt x="10050" y="6389"/>
                  <a:pt x="10034" y="6394"/>
                  <a:pt x="10024" y="6394"/>
                </a:cubicBezTo>
                <a:cubicBezTo>
                  <a:pt x="10023" y="6394"/>
                  <a:pt x="10021" y="6394"/>
                  <a:pt x="10020" y="6394"/>
                </a:cubicBezTo>
                <a:cubicBezTo>
                  <a:pt x="10010" y="6394"/>
                  <a:pt x="10024" y="6384"/>
                  <a:pt x="10082" y="6357"/>
                </a:cubicBezTo>
                <a:cubicBezTo>
                  <a:pt x="10115" y="6340"/>
                  <a:pt x="10149" y="6327"/>
                  <a:pt x="10182" y="6313"/>
                </a:cubicBezTo>
                <a:cubicBezTo>
                  <a:pt x="10223" y="6296"/>
                  <a:pt x="10272" y="6283"/>
                  <a:pt x="10323" y="6266"/>
                </a:cubicBezTo>
                <a:cubicBezTo>
                  <a:pt x="10374" y="6250"/>
                  <a:pt x="10430" y="6239"/>
                  <a:pt x="10481" y="6225"/>
                </a:cubicBezTo>
                <a:cubicBezTo>
                  <a:pt x="10534" y="6211"/>
                  <a:pt x="10587" y="6201"/>
                  <a:pt x="10633" y="6190"/>
                </a:cubicBezTo>
                <a:lnTo>
                  <a:pt x="10633" y="6190"/>
                </a:lnTo>
                <a:cubicBezTo>
                  <a:pt x="10614" y="6191"/>
                  <a:pt x="10600" y="6192"/>
                  <a:pt x="10589" y="6192"/>
                </a:cubicBezTo>
                <a:cubicBezTo>
                  <a:pt x="10508" y="6192"/>
                  <a:pt x="10668" y="6149"/>
                  <a:pt x="10844" y="6118"/>
                </a:cubicBezTo>
                <a:lnTo>
                  <a:pt x="10844" y="6118"/>
                </a:lnTo>
                <a:cubicBezTo>
                  <a:pt x="10740" y="6133"/>
                  <a:pt x="10709" y="6134"/>
                  <a:pt x="10689" y="6134"/>
                </a:cubicBezTo>
                <a:cubicBezTo>
                  <a:pt x="10684" y="6134"/>
                  <a:pt x="10680" y="6134"/>
                  <a:pt x="10675" y="6134"/>
                </a:cubicBezTo>
                <a:cubicBezTo>
                  <a:pt x="10657" y="6134"/>
                  <a:pt x="10638" y="6137"/>
                  <a:pt x="10622" y="6139"/>
                </a:cubicBezTo>
                <a:cubicBezTo>
                  <a:pt x="10592" y="6146"/>
                  <a:pt x="10548" y="6155"/>
                  <a:pt x="10474" y="6176"/>
                </a:cubicBezTo>
                <a:lnTo>
                  <a:pt x="10462" y="6160"/>
                </a:lnTo>
                <a:cubicBezTo>
                  <a:pt x="10494" y="6153"/>
                  <a:pt x="10529" y="6146"/>
                  <a:pt x="10564" y="6139"/>
                </a:cubicBezTo>
                <a:cubicBezTo>
                  <a:pt x="10599" y="6134"/>
                  <a:pt x="10633" y="6127"/>
                  <a:pt x="10671" y="6123"/>
                </a:cubicBezTo>
                <a:cubicBezTo>
                  <a:pt x="10742" y="6113"/>
                  <a:pt x="10814" y="6102"/>
                  <a:pt x="10879" y="6095"/>
                </a:cubicBezTo>
                <a:lnTo>
                  <a:pt x="10879" y="6095"/>
                </a:lnTo>
                <a:cubicBezTo>
                  <a:pt x="10851" y="6104"/>
                  <a:pt x="10884" y="6104"/>
                  <a:pt x="10840" y="6111"/>
                </a:cubicBezTo>
                <a:cubicBezTo>
                  <a:pt x="10904" y="6104"/>
                  <a:pt x="10969" y="6093"/>
                  <a:pt x="11034" y="6088"/>
                </a:cubicBezTo>
                <a:cubicBezTo>
                  <a:pt x="11101" y="6081"/>
                  <a:pt x="11166" y="6076"/>
                  <a:pt x="11231" y="6072"/>
                </a:cubicBezTo>
                <a:lnTo>
                  <a:pt x="11231" y="6072"/>
                </a:lnTo>
                <a:cubicBezTo>
                  <a:pt x="11217" y="6076"/>
                  <a:pt x="11206" y="6079"/>
                  <a:pt x="11192" y="6086"/>
                </a:cubicBezTo>
                <a:cubicBezTo>
                  <a:pt x="11222" y="6084"/>
                  <a:pt x="11253" y="6084"/>
                  <a:pt x="11285" y="6084"/>
                </a:cubicBezTo>
                <a:cubicBezTo>
                  <a:pt x="11317" y="6084"/>
                  <a:pt x="11349" y="6084"/>
                  <a:pt x="11382" y="6083"/>
                </a:cubicBezTo>
                <a:cubicBezTo>
                  <a:pt x="11391" y="6083"/>
                  <a:pt x="11400" y="6083"/>
                  <a:pt x="11409" y="6083"/>
                </a:cubicBezTo>
                <a:cubicBezTo>
                  <a:pt x="11463" y="6083"/>
                  <a:pt x="11518" y="6088"/>
                  <a:pt x="11572" y="6088"/>
                </a:cubicBezTo>
                <a:cubicBezTo>
                  <a:pt x="11694" y="6095"/>
                  <a:pt x="11803" y="6102"/>
                  <a:pt x="11877" y="6104"/>
                </a:cubicBezTo>
                <a:cubicBezTo>
                  <a:pt x="11831" y="6102"/>
                  <a:pt x="11785" y="6097"/>
                  <a:pt x="11738" y="6088"/>
                </a:cubicBezTo>
                <a:cubicBezTo>
                  <a:pt x="11715" y="6083"/>
                  <a:pt x="11720" y="6079"/>
                  <a:pt x="11782" y="6079"/>
                </a:cubicBezTo>
                <a:cubicBezTo>
                  <a:pt x="11817" y="6077"/>
                  <a:pt x="11852" y="6076"/>
                  <a:pt x="11887" y="6076"/>
                </a:cubicBezTo>
                <a:cubicBezTo>
                  <a:pt x="11956" y="6076"/>
                  <a:pt x="12026" y="6079"/>
                  <a:pt x="12095" y="6086"/>
                </a:cubicBezTo>
                <a:cubicBezTo>
                  <a:pt x="12150" y="6108"/>
                  <a:pt x="12525" y="6144"/>
                  <a:pt x="12341" y="6144"/>
                </a:cubicBezTo>
                <a:cubicBezTo>
                  <a:pt x="12331" y="6144"/>
                  <a:pt x="12318" y="6144"/>
                  <a:pt x="12304" y="6144"/>
                </a:cubicBezTo>
                <a:lnTo>
                  <a:pt x="12304" y="6144"/>
                </a:lnTo>
                <a:cubicBezTo>
                  <a:pt x="12622" y="6163"/>
                  <a:pt x="12537" y="6152"/>
                  <a:pt x="12785" y="6164"/>
                </a:cubicBezTo>
                <a:lnTo>
                  <a:pt x="12785" y="6164"/>
                </a:lnTo>
                <a:cubicBezTo>
                  <a:pt x="12733" y="6161"/>
                  <a:pt x="12681" y="6156"/>
                  <a:pt x="12630" y="6153"/>
                </a:cubicBezTo>
                <a:cubicBezTo>
                  <a:pt x="12602" y="6134"/>
                  <a:pt x="12788" y="6127"/>
                  <a:pt x="12579" y="6097"/>
                </a:cubicBezTo>
                <a:lnTo>
                  <a:pt x="12579" y="6097"/>
                </a:lnTo>
                <a:cubicBezTo>
                  <a:pt x="12616" y="6099"/>
                  <a:pt x="12644" y="6100"/>
                  <a:pt x="12666" y="6100"/>
                </a:cubicBezTo>
                <a:cubicBezTo>
                  <a:pt x="12754" y="6100"/>
                  <a:pt x="12745" y="6086"/>
                  <a:pt x="12833" y="6086"/>
                </a:cubicBezTo>
                <a:cubicBezTo>
                  <a:pt x="12869" y="6086"/>
                  <a:pt x="12921" y="6089"/>
                  <a:pt x="13001" y="6095"/>
                </a:cubicBezTo>
                <a:cubicBezTo>
                  <a:pt x="13068" y="6104"/>
                  <a:pt x="13056" y="6111"/>
                  <a:pt x="13008" y="6113"/>
                </a:cubicBezTo>
                <a:cubicBezTo>
                  <a:pt x="12975" y="6114"/>
                  <a:pt x="12943" y="6115"/>
                  <a:pt x="12910" y="6115"/>
                </a:cubicBezTo>
                <a:cubicBezTo>
                  <a:pt x="12864" y="6115"/>
                  <a:pt x="12819" y="6114"/>
                  <a:pt x="12774" y="6111"/>
                </a:cubicBezTo>
                <a:lnTo>
                  <a:pt x="12774" y="6111"/>
                </a:lnTo>
                <a:cubicBezTo>
                  <a:pt x="12864" y="6123"/>
                  <a:pt x="12957" y="6130"/>
                  <a:pt x="13047" y="6132"/>
                </a:cubicBezTo>
                <a:cubicBezTo>
                  <a:pt x="13082" y="6141"/>
                  <a:pt x="13038" y="6144"/>
                  <a:pt x="12987" y="6144"/>
                </a:cubicBezTo>
                <a:cubicBezTo>
                  <a:pt x="12976" y="6143"/>
                  <a:pt x="12965" y="6143"/>
                  <a:pt x="12955" y="6143"/>
                </a:cubicBezTo>
                <a:cubicBezTo>
                  <a:pt x="12929" y="6143"/>
                  <a:pt x="12904" y="6144"/>
                  <a:pt x="12878" y="6146"/>
                </a:cubicBezTo>
                <a:cubicBezTo>
                  <a:pt x="12920" y="6149"/>
                  <a:pt x="12941" y="6150"/>
                  <a:pt x="12952" y="6150"/>
                </a:cubicBezTo>
                <a:cubicBezTo>
                  <a:pt x="12977" y="6150"/>
                  <a:pt x="12942" y="6144"/>
                  <a:pt x="12980" y="6144"/>
                </a:cubicBezTo>
                <a:cubicBezTo>
                  <a:pt x="12991" y="6144"/>
                  <a:pt x="13009" y="6144"/>
                  <a:pt x="13038" y="6146"/>
                </a:cubicBezTo>
                <a:cubicBezTo>
                  <a:pt x="13048" y="6146"/>
                  <a:pt x="13057" y="6145"/>
                  <a:pt x="13067" y="6145"/>
                </a:cubicBezTo>
                <a:cubicBezTo>
                  <a:pt x="13134" y="6145"/>
                  <a:pt x="13200" y="6152"/>
                  <a:pt x="13265" y="6164"/>
                </a:cubicBezTo>
                <a:cubicBezTo>
                  <a:pt x="13290" y="6171"/>
                  <a:pt x="13316" y="6174"/>
                  <a:pt x="13341" y="6178"/>
                </a:cubicBezTo>
                <a:cubicBezTo>
                  <a:pt x="13377" y="6182"/>
                  <a:pt x="13413" y="6184"/>
                  <a:pt x="13447" y="6184"/>
                </a:cubicBezTo>
                <a:cubicBezTo>
                  <a:pt x="13460" y="6184"/>
                  <a:pt x="13473" y="6184"/>
                  <a:pt x="13485" y="6183"/>
                </a:cubicBezTo>
                <a:cubicBezTo>
                  <a:pt x="13457" y="6183"/>
                  <a:pt x="13416" y="6181"/>
                  <a:pt x="13390" y="6178"/>
                </a:cubicBezTo>
                <a:cubicBezTo>
                  <a:pt x="13367" y="6176"/>
                  <a:pt x="13358" y="6171"/>
                  <a:pt x="13392" y="6169"/>
                </a:cubicBezTo>
                <a:cubicBezTo>
                  <a:pt x="13438" y="6170"/>
                  <a:pt x="13475" y="6171"/>
                  <a:pt x="13506" y="6171"/>
                </a:cubicBezTo>
                <a:cubicBezTo>
                  <a:pt x="13537" y="6171"/>
                  <a:pt x="13561" y="6170"/>
                  <a:pt x="13582" y="6169"/>
                </a:cubicBezTo>
                <a:cubicBezTo>
                  <a:pt x="13608" y="6169"/>
                  <a:pt x="13636" y="6167"/>
                  <a:pt x="13663" y="6162"/>
                </a:cubicBezTo>
                <a:cubicBezTo>
                  <a:pt x="13682" y="6160"/>
                  <a:pt x="13698" y="6157"/>
                  <a:pt x="13726" y="6153"/>
                </a:cubicBezTo>
                <a:cubicBezTo>
                  <a:pt x="13751" y="6151"/>
                  <a:pt x="13791" y="6148"/>
                  <a:pt x="13858" y="6144"/>
                </a:cubicBezTo>
                <a:cubicBezTo>
                  <a:pt x="13900" y="6146"/>
                  <a:pt x="13944" y="6155"/>
                  <a:pt x="13985" y="6167"/>
                </a:cubicBezTo>
                <a:cubicBezTo>
                  <a:pt x="14009" y="6171"/>
                  <a:pt x="14029" y="6174"/>
                  <a:pt x="14053" y="6174"/>
                </a:cubicBezTo>
                <a:cubicBezTo>
                  <a:pt x="14097" y="6174"/>
                  <a:pt x="14138" y="6171"/>
                  <a:pt x="14182" y="6164"/>
                </a:cubicBezTo>
                <a:lnTo>
                  <a:pt x="14182" y="6164"/>
                </a:lnTo>
                <a:cubicBezTo>
                  <a:pt x="14138" y="6171"/>
                  <a:pt x="14094" y="6176"/>
                  <a:pt x="14050" y="6181"/>
                </a:cubicBezTo>
                <a:cubicBezTo>
                  <a:pt x="14059" y="6181"/>
                  <a:pt x="14067" y="6181"/>
                  <a:pt x="14076" y="6181"/>
                </a:cubicBezTo>
                <a:cubicBezTo>
                  <a:pt x="14167" y="6181"/>
                  <a:pt x="14258" y="6170"/>
                  <a:pt x="14347" y="6153"/>
                </a:cubicBezTo>
                <a:cubicBezTo>
                  <a:pt x="14758" y="6048"/>
                  <a:pt x="15137" y="5856"/>
                  <a:pt x="15462" y="5588"/>
                </a:cubicBezTo>
                <a:lnTo>
                  <a:pt x="15462" y="5588"/>
                </a:lnTo>
                <a:cubicBezTo>
                  <a:pt x="15457" y="5591"/>
                  <a:pt x="15452" y="5595"/>
                  <a:pt x="15447" y="5599"/>
                </a:cubicBezTo>
                <a:cubicBezTo>
                  <a:pt x="15442" y="5603"/>
                  <a:pt x="15439" y="5604"/>
                  <a:pt x="15438" y="5604"/>
                </a:cubicBezTo>
                <a:cubicBezTo>
                  <a:pt x="15434" y="5604"/>
                  <a:pt x="15457" y="5584"/>
                  <a:pt x="15484" y="5562"/>
                </a:cubicBezTo>
                <a:cubicBezTo>
                  <a:pt x="15510" y="5541"/>
                  <a:pt x="15533" y="5520"/>
                  <a:pt x="15551" y="5495"/>
                </a:cubicBezTo>
                <a:cubicBezTo>
                  <a:pt x="15581" y="5472"/>
                  <a:pt x="15612" y="5451"/>
                  <a:pt x="15642" y="5428"/>
                </a:cubicBezTo>
                <a:cubicBezTo>
                  <a:pt x="15643" y="5425"/>
                  <a:pt x="15642" y="5424"/>
                  <a:pt x="15641" y="5424"/>
                </a:cubicBezTo>
                <a:cubicBezTo>
                  <a:pt x="15633" y="5424"/>
                  <a:pt x="15593" y="5456"/>
                  <a:pt x="15554" y="5486"/>
                </a:cubicBezTo>
                <a:cubicBezTo>
                  <a:pt x="15520" y="5509"/>
                  <a:pt x="15486" y="5533"/>
                  <a:pt x="15478" y="5533"/>
                </a:cubicBezTo>
                <a:cubicBezTo>
                  <a:pt x="15475" y="5533"/>
                  <a:pt x="15476" y="5530"/>
                  <a:pt x="15482" y="5523"/>
                </a:cubicBezTo>
                <a:cubicBezTo>
                  <a:pt x="15503" y="5509"/>
                  <a:pt x="15521" y="5495"/>
                  <a:pt x="15540" y="5479"/>
                </a:cubicBezTo>
                <a:lnTo>
                  <a:pt x="15540" y="5479"/>
                </a:lnTo>
                <a:cubicBezTo>
                  <a:pt x="15512" y="5497"/>
                  <a:pt x="15486" y="5520"/>
                  <a:pt x="15456" y="5539"/>
                </a:cubicBezTo>
                <a:cubicBezTo>
                  <a:pt x="15542" y="5474"/>
                  <a:pt x="15618" y="5402"/>
                  <a:pt x="15688" y="5324"/>
                </a:cubicBezTo>
                <a:cubicBezTo>
                  <a:pt x="15753" y="5252"/>
                  <a:pt x="15806" y="5182"/>
                  <a:pt x="15866" y="5117"/>
                </a:cubicBezTo>
                <a:lnTo>
                  <a:pt x="15866" y="5117"/>
                </a:lnTo>
                <a:cubicBezTo>
                  <a:pt x="15804" y="5210"/>
                  <a:pt x="15764" y="5259"/>
                  <a:pt x="15746" y="5286"/>
                </a:cubicBezTo>
                <a:cubicBezTo>
                  <a:pt x="15734" y="5300"/>
                  <a:pt x="15725" y="5317"/>
                  <a:pt x="15723" y="5335"/>
                </a:cubicBezTo>
                <a:cubicBezTo>
                  <a:pt x="15723" y="5354"/>
                  <a:pt x="15713" y="5372"/>
                  <a:pt x="15702" y="5384"/>
                </a:cubicBezTo>
                <a:cubicBezTo>
                  <a:pt x="15693" y="5398"/>
                  <a:pt x="15676" y="5416"/>
                  <a:pt x="15653" y="5442"/>
                </a:cubicBezTo>
                <a:cubicBezTo>
                  <a:pt x="15644" y="5453"/>
                  <a:pt x="15634" y="5464"/>
                  <a:pt x="15622" y="5476"/>
                </a:cubicBezTo>
                <a:lnTo>
                  <a:pt x="15622" y="5476"/>
                </a:lnTo>
                <a:cubicBezTo>
                  <a:pt x="15638" y="5462"/>
                  <a:pt x="15646" y="5456"/>
                  <a:pt x="15649" y="5456"/>
                </a:cubicBezTo>
                <a:cubicBezTo>
                  <a:pt x="15657" y="5456"/>
                  <a:pt x="15613" y="5509"/>
                  <a:pt x="15621" y="5509"/>
                </a:cubicBezTo>
                <a:cubicBezTo>
                  <a:pt x="15622" y="5509"/>
                  <a:pt x="15622" y="5509"/>
                  <a:pt x="15623" y="5509"/>
                </a:cubicBezTo>
                <a:cubicBezTo>
                  <a:pt x="15651" y="5488"/>
                  <a:pt x="15672" y="5465"/>
                  <a:pt x="15693" y="5439"/>
                </a:cubicBezTo>
                <a:cubicBezTo>
                  <a:pt x="15700" y="5430"/>
                  <a:pt x="15706" y="5421"/>
                  <a:pt x="15713" y="5414"/>
                </a:cubicBezTo>
                <a:lnTo>
                  <a:pt x="15767" y="5358"/>
                </a:lnTo>
                <a:lnTo>
                  <a:pt x="15767" y="5358"/>
                </a:lnTo>
                <a:cubicBezTo>
                  <a:pt x="15760" y="5375"/>
                  <a:pt x="15751" y="5388"/>
                  <a:pt x="15739" y="5400"/>
                </a:cubicBezTo>
                <a:lnTo>
                  <a:pt x="15679" y="5472"/>
                </a:lnTo>
                <a:cubicBezTo>
                  <a:pt x="15651" y="5501"/>
                  <a:pt x="15629" y="5525"/>
                  <a:pt x="15634" y="5525"/>
                </a:cubicBezTo>
                <a:cubicBezTo>
                  <a:pt x="15636" y="5525"/>
                  <a:pt x="15645" y="5519"/>
                  <a:pt x="15662" y="5504"/>
                </a:cubicBezTo>
                <a:cubicBezTo>
                  <a:pt x="15662" y="5483"/>
                  <a:pt x="15757" y="5395"/>
                  <a:pt x="15790" y="5340"/>
                </a:cubicBezTo>
                <a:cubicBezTo>
                  <a:pt x="15814" y="5314"/>
                  <a:pt x="15823" y="5306"/>
                  <a:pt x="15826" y="5306"/>
                </a:cubicBezTo>
                <a:cubicBezTo>
                  <a:pt x="15830" y="5306"/>
                  <a:pt x="15818" y="5324"/>
                  <a:pt x="15822" y="5324"/>
                </a:cubicBezTo>
                <a:cubicBezTo>
                  <a:pt x="15823" y="5324"/>
                  <a:pt x="15826" y="5322"/>
                  <a:pt x="15832" y="5317"/>
                </a:cubicBezTo>
                <a:cubicBezTo>
                  <a:pt x="15850" y="5293"/>
                  <a:pt x="15864" y="5275"/>
                  <a:pt x="15878" y="5256"/>
                </a:cubicBezTo>
                <a:cubicBezTo>
                  <a:pt x="15889" y="5236"/>
                  <a:pt x="15903" y="5217"/>
                  <a:pt x="15920" y="5198"/>
                </a:cubicBezTo>
                <a:lnTo>
                  <a:pt x="15920" y="5198"/>
                </a:lnTo>
                <a:lnTo>
                  <a:pt x="15903" y="5238"/>
                </a:lnTo>
                <a:cubicBezTo>
                  <a:pt x="15936" y="5201"/>
                  <a:pt x="15964" y="5161"/>
                  <a:pt x="15991" y="5120"/>
                </a:cubicBezTo>
                <a:cubicBezTo>
                  <a:pt x="16001" y="5103"/>
                  <a:pt x="16008" y="5087"/>
                  <a:pt x="16015" y="5069"/>
                </a:cubicBezTo>
                <a:cubicBezTo>
                  <a:pt x="16022" y="5039"/>
                  <a:pt x="16038" y="5011"/>
                  <a:pt x="16107" y="4856"/>
                </a:cubicBezTo>
                <a:cubicBezTo>
                  <a:pt x="16107" y="4855"/>
                  <a:pt x="16106" y="4854"/>
                  <a:pt x="16105" y="4854"/>
                </a:cubicBezTo>
                <a:cubicBezTo>
                  <a:pt x="16092" y="4854"/>
                  <a:pt x="16061" y="4949"/>
                  <a:pt x="15996" y="5064"/>
                </a:cubicBezTo>
                <a:cubicBezTo>
                  <a:pt x="15993" y="5066"/>
                  <a:pt x="15991" y="5067"/>
                  <a:pt x="15989" y="5067"/>
                </a:cubicBezTo>
                <a:cubicBezTo>
                  <a:pt x="15973" y="5067"/>
                  <a:pt x="16016" y="4980"/>
                  <a:pt x="16049" y="4883"/>
                </a:cubicBezTo>
                <a:cubicBezTo>
                  <a:pt x="16066" y="4835"/>
                  <a:pt x="16079" y="4784"/>
                  <a:pt x="16089" y="4733"/>
                </a:cubicBezTo>
                <a:cubicBezTo>
                  <a:pt x="16093" y="4694"/>
                  <a:pt x="16093" y="4670"/>
                  <a:pt x="16086" y="4670"/>
                </a:cubicBezTo>
                <a:cubicBezTo>
                  <a:pt x="16085" y="4670"/>
                  <a:pt x="16085" y="4670"/>
                  <a:pt x="16084" y="4670"/>
                </a:cubicBezTo>
                <a:cubicBezTo>
                  <a:pt x="16093" y="4633"/>
                  <a:pt x="16096" y="4605"/>
                  <a:pt x="16100" y="4587"/>
                </a:cubicBezTo>
                <a:cubicBezTo>
                  <a:pt x="16105" y="4568"/>
                  <a:pt x="16107" y="4559"/>
                  <a:pt x="16107" y="4552"/>
                </a:cubicBezTo>
                <a:cubicBezTo>
                  <a:pt x="16109" y="4550"/>
                  <a:pt x="16109" y="4548"/>
                  <a:pt x="16110" y="4548"/>
                </a:cubicBezTo>
                <a:cubicBezTo>
                  <a:pt x="16112" y="4548"/>
                  <a:pt x="16112" y="4557"/>
                  <a:pt x="16112" y="4568"/>
                </a:cubicBezTo>
                <a:cubicBezTo>
                  <a:pt x="16112" y="4580"/>
                  <a:pt x="16112" y="4592"/>
                  <a:pt x="16115" y="4592"/>
                </a:cubicBezTo>
                <a:cubicBezTo>
                  <a:pt x="16115" y="4592"/>
                  <a:pt x="16116" y="4592"/>
                  <a:pt x="16117" y="4592"/>
                </a:cubicBezTo>
                <a:cubicBezTo>
                  <a:pt x="16128" y="4561"/>
                  <a:pt x="16135" y="4529"/>
                  <a:pt x="16137" y="4497"/>
                </a:cubicBezTo>
                <a:cubicBezTo>
                  <a:pt x="16145" y="4472"/>
                  <a:pt x="16149" y="4461"/>
                  <a:pt x="16152" y="4461"/>
                </a:cubicBezTo>
                <a:cubicBezTo>
                  <a:pt x="16158" y="4461"/>
                  <a:pt x="16157" y="4500"/>
                  <a:pt x="16154" y="4550"/>
                </a:cubicBezTo>
                <a:cubicBezTo>
                  <a:pt x="16151" y="4571"/>
                  <a:pt x="16149" y="4592"/>
                  <a:pt x="16147" y="4612"/>
                </a:cubicBezTo>
                <a:cubicBezTo>
                  <a:pt x="16144" y="4633"/>
                  <a:pt x="16142" y="4654"/>
                  <a:pt x="16137" y="4673"/>
                </a:cubicBezTo>
                <a:cubicBezTo>
                  <a:pt x="16128" y="4712"/>
                  <a:pt x="16123" y="4747"/>
                  <a:pt x="16121" y="4763"/>
                </a:cubicBezTo>
                <a:cubicBezTo>
                  <a:pt x="16154" y="4675"/>
                  <a:pt x="16179" y="4585"/>
                  <a:pt x="16193" y="4490"/>
                </a:cubicBezTo>
                <a:cubicBezTo>
                  <a:pt x="16198" y="4517"/>
                  <a:pt x="16198" y="4548"/>
                  <a:pt x="16198" y="4575"/>
                </a:cubicBezTo>
                <a:cubicBezTo>
                  <a:pt x="16195" y="4605"/>
                  <a:pt x="16191" y="4640"/>
                  <a:pt x="16186" y="4670"/>
                </a:cubicBezTo>
                <a:cubicBezTo>
                  <a:pt x="16181" y="4703"/>
                  <a:pt x="16174" y="4733"/>
                  <a:pt x="16170" y="4758"/>
                </a:cubicBezTo>
                <a:cubicBezTo>
                  <a:pt x="16165" y="4777"/>
                  <a:pt x="16163" y="4798"/>
                  <a:pt x="16165" y="4819"/>
                </a:cubicBezTo>
                <a:cubicBezTo>
                  <a:pt x="16174" y="4793"/>
                  <a:pt x="16181" y="4772"/>
                  <a:pt x="16188" y="4751"/>
                </a:cubicBezTo>
                <a:cubicBezTo>
                  <a:pt x="16193" y="4731"/>
                  <a:pt x="16198" y="4714"/>
                  <a:pt x="16200" y="4698"/>
                </a:cubicBezTo>
                <a:cubicBezTo>
                  <a:pt x="16207" y="4673"/>
                  <a:pt x="16211" y="4647"/>
                  <a:pt x="16216" y="4619"/>
                </a:cubicBezTo>
                <a:cubicBezTo>
                  <a:pt x="16218" y="4594"/>
                  <a:pt x="16221" y="4566"/>
                  <a:pt x="16223" y="4541"/>
                </a:cubicBezTo>
                <a:cubicBezTo>
                  <a:pt x="16223" y="4508"/>
                  <a:pt x="16228" y="4469"/>
                  <a:pt x="16228" y="4413"/>
                </a:cubicBezTo>
                <a:lnTo>
                  <a:pt x="16228" y="4413"/>
                </a:lnTo>
                <a:cubicBezTo>
                  <a:pt x="16225" y="4434"/>
                  <a:pt x="16223" y="4453"/>
                  <a:pt x="16221" y="4469"/>
                </a:cubicBezTo>
                <a:cubicBezTo>
                  <a:pt x="16218" y="4485"/>
                  <a:pt x="16216" y="4499"/>
                  <a:pt x="16214" y="4508"/>
                </a:cubicBezTo>
                <a:cubicBezTo>
                  <a:pt x="16211" y="4517"/>
                  <a:pt x="16207" y="4529"/>
                  <a:pt x="16205" y="4538"/>
                </a:cubicBezTo>
                <a:cubicBezTo>
                  <a:pt x="16204" y="4539"/>
                  <a:pt x="16204" y="4539"/>
                  <a:pt x="16203" y="4539"/>
                </a:cubicBezTo>
                <a:cubicBezTo>
                  <a:pt x="16200" y="4539"/>
                  <a:pt x="16200" y="4517"/>
                  <a:pt x="16202" y="4492"/>
                </a:cubicBezTo>
                <a:cubicBezTo>
                  <a:pt x="16202" y="4466"/>
                  <a:pt x="16202" y="4441"/>
                  <a:pt x="16198" y="4415"/>
                </a:cubicBezTo>
                <a:cubicBezTo>
                  <a:pt x="16197" y="4412"/>
                  <a:pt x="16196" y="4410"/>
                  <a:pt x="16194" y="4410"/>
                </a:cubicBezTo>
                <a:cubicBezTo>
                  <a:pt x="16191" y="4410"/>
                  <a:pt x="16186" y="4422"/>
                  <a:pt x="16179" y="4457"/>
                </a:cubicBezTo>
                <a:cubicBezTo>
                  <a:pt x="16184" y="4418"/>
                  <a:pt x="16186" y="4392"/>
                  <a:pt x="16188" y="4371"/>
                </a:cubicBezTo>
                <a:cubicBezTo>
                  <a:pt x="16191" y="4351"/>
                  <a:pt x="16191" y="4334"/>
                  <a:pt x="16193" y="4316"/>
                </a:cubicBezTo>
                <a:cubicBezTo>
                  <a:pt x="16195" y="4249"/>
                  <a:pt x="16188" y="4182"/>
                  <a:pt x="16177" y="4117"/>
                </a:cubicBezTo>
                <a:lnTo>
                  <a:pt x="16177" y="4117"/>
                </a:lnTo>
                <a:cubicBezTo>
                  <a:pt x="16193" y="4191"/>
                  <a:pt x="16195" y="4191"/>
                  <a:pt x="16202" y="4198"/>
                </a:cubicBezTo>
                <a:cubicBezTo>
                  <a:pt x="16207" y="4205"/>
                  <a:pt x="16211" y="4214"/>
                  <a:pt x="16211" y="4223"/>
                </a:cubicBezTo>
                <a:cubicBezTo>
                  <a:pt x="16214" y="4242"/>
                  <a:pt x="16217" y="4261"/>
                  <a:pt x="16218" y="4281"/>
                </a:cubicBezTo>
                <a:lnTo>
                  <a:pt x="16218" y="4281"/>
                </a:lnTo>
                <a:cubicBezTo>
                  <a:pt x="16218" y="4275"/>
                  <a:pt x="16218" y="4268"/>
                  <a:pt x="16218" y="4263"/>
                </a:cubicBezTo>
                <a:cubicBezTo>
                  <a:pt x="16216" y="4244"/>
                  <a:pt x="16214" y="4230"/>
                  <a:pt x="16211" y="4214"/>
                </a:cubicBezTo>
                <a:cubicBezTo>
                  <a:pt x="16209" y="4186"/>
                  <a:pt x="16207" y="4163"/>
                  <a:pt x="16202" y="4142"/>
                </a:cubicBezTo>
                <a:cubicBezTo>
                  <a:pt x="16195" y="4100"/>
                  <a:pt x="16191" y="4073"/>
                  <a:pt x="16184" y="4045"/>
                </a:cubicBezTo>
                <a:cubicBezTo>
                  <a:pt x="16172" y="3989"/>
                  <a:pt x="16158" y="3934"/>
                  <a:pt x="16119" y="3783"/>
                </a:cubicBezTo>
                <a:cubicBezTo>
                  <a:pt x="16114" y="3773"/>
                  <a:pt x="16111" y="3769"/>
                  <a:pt x="16109" y="3769"/>
                </a:cubicBezTo>
                <a:cubicBezTo>
                  <a:pt x="16099" y="3769"/>
                  <a:pt x="16122" y="3887"/>
                  <a:pt x="16116" y="3887"/>
                </a:cubicBezTo>
                <a:cubicBezTo>
                  <a:pt x="16112" y="3887"/>
                  <a:pt x="16099" y="3850"/>
                  <a:pt x="16066" y="3734"/>
                </a:cubicBezTo>
                <a:cubicBezTo>
                  <a:pt x="16055" y="3695"/>
                  <a:pt x="16053" y="3679"/>
                  <a:pt x="16055" y="3679"/>
                </a:cubicBezTo>
                <a:cubicBezTo>
                  <a:pt x="16057" y="3679"/>
                  <a:pt x="16062" y="3693"/>
                  <a:pt x="16068" y="3716"/>
                </a:cubicBezTo>
                <a:cubicBezTo>
                  <a:pt x="16050" y="3634"/>
                  <a:pt x="16042" y="3610"/>
                  <a:pt x="16038" y="3610"/>
                </a:cubicBezTo>
                <a:cubicBezTo>
                  <a:pt x="16032" y="3610"/>
                  <a:pt x="16035" y="3663"/>
                  <a:pt x="16027" y="3663"/>
                </a:cubicBezTo>
                <a:cubicBezTo>
                  <a:pt x="16023" y="3663"/>
                  <a:pt x="16016" y="3651"/>
                  <a:pt x="16005" y="3616"/>
                </a:cubicBezTo>
                <a:cubicBezTo>
                  <a:pt x="15985" y="3533"/>
                  <a:pt x="15979" y="3487"/>
                  <a:pt x="15983" y="3487"/>
                </a:cubicBezTo>
                <a:lnTo>
                  <a:pt x="15983" y="3487"/>
                </a:lnTo>
                <a:cubicBezTo>
                  <a:pt x="15983" y="3487"/>
                  <a:pt x="15984" y="3489"/>
                  <a:pt x="15986" y="3494"/>
                </a:cubicBezTo>
                <a:lnTo>
                  <a:pt x="15986" y="3494"/>
                </a:lnTo>
                <a:cubicBezTo>
                  <a:pt x="15965" y="3420"/>
                  <a:pt x="15959" y="3400"/>
                  <a:pt x="15950" y="3389"/>
                </a:cubicBezTo>
                <a:cubicBezTo>
                  <a:pt x="15943" y="3378"/>
                  <a:pt x="15938" y="3375"/>
                  <a:pt x="15927" y="3315"/>
                </a:cubicBezTo>
                <a:lnTo>
                  <a:pt x="15927" y="3315"/>
                </a:lnTo>
                <a:lnTo>
                  <a:pt x="15931" y="3371"/>
                </a:lnTo>
                <a:cubicBezTo>
                  <a:pt x="15929" y="3362"/>
                  <a:pt x="15926" y="3359"/>
                  <a:pt x="15924" y="3359"/>
                </a:cubicBezTo>
                <a:cubicBezTo>
                  <a:pt x="15921" y="3359"/>
                  <a:pt x="15917" y="3366"/>
                  <a:pt x="15912" y="3366"/>
                </a:cubicBezTo>
                <a:cubicBezTo>
                  <a:pt x="15911" y="3366"/>
                  <a:pt x="15911" y="3366"/>
                  <a:pt x="15910" y="3366"/>
                </a:cubicBezTo>
                <a:cubicBezTo>
                  <a:pt x="15903" y="3364"/>
                  <a:pt x="15901" y="3357"/>
                  <a:pt x="15896" y="3334"/>
                </a:cubicBezTo>
                <a:cubicBezTo>
                  <a:pt x="15892" y="3322"/>
                  <a:pt x="15889" y="3304"/>
                  <a:pt x="15885" y="3285"/>
                </a:cubicBezTo>
                <a:cubicBezTo>
                  <a:pt x="15883" y="3264"/>
                  <a:pt x="15880" y="3236"/>
                  <a:pt x="15878" y="3202"/>
                </a:cubicBezTo>
                <a:cubicBezTo>
                  <a:pt x="15876" y="3153"/>
                  <a:pt x="15878" y="3121"/>
                  <a:pt x="15878" y="3097"/>
                </a:cubicBezTo>
                <a:cubicBezTo>
                  <a:pt x="15878" y="3086"/>
                  <a:pt x="15880" y="3072"/>
                  <a:pt x="15885" y="3060"/>
                </a:cubicBezTo>
                <a:cubicBezTo>
                  <a:pt x="15886" y="3058"/>
                  <a:pt x="15887" y="3057"/>
                  <a:pt x="15888" y="3057"/>
                </a:cubicBezTo>
                <a:cubicBezTo>
                  <a:pt x="15891" y="3057"/>
                  <a:pt x="15893" y="3063"/>
                  <a:pt x="15895" y="3063"/>
                </a:cubicBezTo>
                <a:cubicBezTo>
                  <a:pt x="15896" y="3063"/>
                  <a:pt x="15896" y="3063"/>
                  <a:pt x="15896" y="3063"/>
                </a:cubicBezTo>
                <a:cubicBezTo>
                  <a:pt x="15896" y="3044"/>
                  <a:pt x="15896" y="3026"/>
                  <a:pt x="15896" y="3007"/>
                </a:cubicBezTo>
                <a:cubicBezTo>
                  <a:pt x="15901" y="2991"/>
                  <a:pt x="15903" y="2972"/>
                  <a:pt x="15906" y="2956"/>
                </a:cubicBezTo>
                <a:cubicBezTo>
                  <a:pt x="15908" y="2938"/>
                  <a:pt x="15910" y="2921"/>
                  <a:pt x="15915" y="2905"/>
                </a:cubicBezTo>
                <a:cubicBezTo>
                  <a:pt x="15920" y="2889"/>
                  <a:pt x="15924" y="2875"/>
                  <a:pt x="15927" y="2859"/>
                </a:cubicBezTo>
                <a:cubicBezTo>
                  <a:pt x="15931" y="2845"/>
                  <a:pt x="15936" y="2831"/>
                  <a:pt x="15940" y="2817"/>
                </a:cubicBezTo>
                <a:lnTo>
                  <a:pt x="15959" y="2775"/>
                </a:lnTo>
                <a:cubicBezTo>
                  <a:pt x="15971" y="2750"/>
                  <a:pt x="15982" y="2727"/>
                  <a:pt x="15996" y="2704"/>
                </a:cubicBezTo>
                <a:lnTo>
                  <a:pt x="15996" y="2704"/>
                </a:lnTo>
                <a:cubicBezTo>
                  <a:pt x="15994" y="2705"/>
                  <a:pt x="15993" y="2706"/>
                  <a:pt x="15992" y="2706"/>
                </a:cubicBezTo>
                <a:cubicBezTo>
                  <a:pt x="15990" y="2706"/>
                  <a:pt x="15990" y="2703"/>
                  <a:pt x="15991" y="2699"/>
                </a:cubicBezTo>
                <a:cubicBezTo>
                  <a:pt x="15996" y="2685"/>
                  <a:pt x="16003" y="2671"/>
                  <a:pt x="16012" y="2657"/>
                </a:cubicBezTo>
                <a:cubicBezTo>
                  <a:pt x="16075" y="2541"/>
                  <a:pt x="16107" y="2521"/>
                  <a:pt x="16121" y="2509"/>
                </a:cubicBezTo>
                <a:cubicBezTo>
                  <a:pt x="16140" y="2502"/>
                  <a:pt x="16158" y="2488"/>
                  <a:pt x="16170" y="2474"/>
                </a:cubicBezTo>
                <a:cubicBezTo>
                  <a:pt x="16232" y="2409"/>
                  <a:pt x="16265" y="2382"/>
                  <a:pt x="16276" y="2368"/>
                </a:cubicBezTo>
                <a:cubicBezTo>
                  <a:pt x="16288" y="2352"/>
                  <a:pt x="16281" y="2352"/>
                  <a:pt x="16276" y="2349"/>
                </a:cubicBezTo>
                <a:cubicBezTo>
                  <a:pt x="16272" y="2347"/>
                  <a:pt x="16265" y="2345"/>
                  <a:pt x="16281" y="2324"/>
                </a:cubicBezTo>
                <a:cubicBezTo>
                  <a:pt x="16317" y="2286"/>
                  <a:pt x="16356" y="2250"/>
                  <a:pt x="16399" y="2220"/>
                </a:cubicBezTo>
                <a:lnTo>
                  <a:pt x="16399" y="2220"/>
                </a:lnTo>
                <a:cubicBezTo>
                  <a:pt x="16275" y="2306"/>
                  <a:pt x="16162" y="2412"/>
                  <a:pt x="16066" y="2530"/>
                </a:cubicBezTo>
                <a:cubicBezTo>
                  <a:pt x="16068" y="2520"/>
                  <a:pt x="16068" y="2511"/>
                  <a:pt x="16061" y="2511"/>
                </a:cubicBezTo>
                <a:cubicBezTo>
                  <a:pt x="16060" y="2511"/>
                  <a:pt x="16060" y="2511"/>
                  <a:pt x="16059" y="2511"/>
                </a:cubicBezTo>
                <a:cubicBezTo>
                  <a:pt x="16049" y="2516"/>
                  <a:pt x="16033" y="2532"/>
                  <a:pt x="16001" y="2579"/>
                </a:cubicBezTo>
                <a:cubicBezTo>
                  <a:pt x="16001" y="2590"/>
                  <a:pt x="15998" y="2604"/>
                  <a:pt x="15991" y="2616"/>
                </a:cubicBezTo>
                <a:cubicBezTo>
                  <a:pt x="15984" y="2634"/>
                  <a:pt x="15971" y="2660"/>
                  <a:pt x="15959" y="2690"/>
                </a:cubicBezTo>
                <a:cubicBezTo>
                  <a:pt x="15954" y="2706"/>
                  <a:pt x="15947" y="2722"/>
                  <a:pt x="15940" y="2741"/>
                </a:cubicBezTo>
                <a:cubicBezTo>
                  <a:pt x="15934" y="2757"/>
                  <a:pt x="15927" y="2778"/>
                  <a:pt x="15922" y="2796"/>
                </a:cubicBezTo>
                <a:cubicBezTo>
                  <a:pt x="15915" y="2815"/>
                  <a:pt x="15910" y="2836"/>
                  <a:pt x="15903" y="2854"/>
                </a:cubicBezTo>
                <a:cubicBezTo>
                  <a:pt x="15899" y="2873"/>
                  <a:pt x="15894" y="2894"/>
                  <a:pt x="15889" y="2914"/>
                </a:cubicBezTo>
                <a:cubicBezTo>
                  <a:pt x="15888" y="2916"/>
                  <a:pt x="15887" y="2917"/>
                  <a:pt x="15886" y="2917"/>
                </a:cubicBezTo>
                <a:cubicBezTo>
                  <a:pt x="15885" y="2917"/>
                  <a:pt x="15885" y="2914"/>
                  <a:pt x="15885" y="2907"/>
                </a:cubicBezTo>
                <a:cubicBezTo>
                  <a:pt x="15885" y="2894"/>
                  <a:pt x="15887" y="2880"/>
                  <a:pt x="15889" y="2868"/>
                </a:cubicBezTo>
                <a:cubicBezTo>
                  <a:pt x="15892" y="2850"/>
                  <a:pt x="15896" y="2829"/>
                  <a:pt x="15901" y="2808"/>
                </a:cubicBezTo>
                <a:cubicBezTo>
                  <a:pt x="15906" y="2787"/>
                  <a:pt x="15915" y="2764"/>
                  <a:pt x="15922" y="2745"/>
                </a:cubicBezTo>
                <a:cubicBezTo>
                  <a:pt x="15936" y="2704"/>
                  <a:pt x="15950" y="2674"/>
                  <a:pt x="15950" y="2667"/>
                </a:cubicBezTo>
                <a:cubicBezTo>
                  <a:pt x="15950" y="2665"/>
                  <a:pt x="15949" y="2664"/>
                  <a:pt x="15949" y="2664"/>
                </a:cubicBezTo>
                <a:cubicBezTo>
                  <a:pt x="15945" y="2664"/>
                  <a:pt x="15931" y="2686"/>
                  <a:pt x="15903" y="2741"/>
                </a:cubicBezTo>
                <a:cubicBezTo>
                  <a:pt x="15927" y="2685"/>
                  <a:pt x="15954" y="2634"/>
                  <a:pt x="15984" y="2583"/>
                </a:cubicBezTo>
                <a:cubicBezTo>
                  <a:pt x="16003" y="2555"/>
                  <a:pt x="16022" y="2528"/>
                  <a:pt x="16040" y="2502"/>
                </a:cubicBezTo>
                <a:cubicBezTo>
                  <a:pt x="16059" y="2477"/>
                  <a:pt x="16079" y="2451"/>
                  <a:pt x="16100" y="2428"/>
                </a:cubicBezTo>
                <a:lnTo>
                  <a:pt x="16100" y="2428"/>
                </a:lnTo>
                <a:cubicBezTo>
                  <a:pt x="16093" y="2440"/>
                  <a:pt x="16090" y="2445"/>
                  <a:pt x="16092" y="2445"/>
                </a:cubicBezTo>
                <a:cubicBezTo>
                  <a:pt x="16094" y="2445"/>
                  <a:pt x="16101" y="2439"/>
                  <a:pt x="16112" y="2428"/>
                </a:cubicBezTo>
                <a:cubicBezTo>
                  <a:pt x="16121" y="2419"/>
                  <a:pt x="16133" y="2405"/>
                  <a:pt x="16149" y="2391"/>
                </a:cubicBezTo>
                <a:lnTo>
                  <a:pt x="16195" y="2347"/>
                </a:lnTo>
                <a:cubicBezTo>
                  <a:pt x="16235" y="2310"/>
                  <a:pt x="16272" y="2278"/>
                  <a:pt x="16277" y="2278"/>
                </a:cubicBezTo>
                <a:cubicBezTo>
                  <a:pt x="16279" y="2278"/>
                  <a:pt x="16270" y="2289"/>
                  <a:pt x="16244" y="2317"/>
                </a:cubicBezTo>
                <a:cubicBezTo>
                  <a:pt x="16323" y="2247"/>
                  <a:pt x="16406" y="2182"/>
                  <a:pt x="16494" y="2127"/>
                </a:cubicBezTo>
                <a:cubicBezTo>
                  <a:pt x="16566" y="2081"/>
                  <a:pt x="16626" y="2046"/>
                  <a:pt x="16686" y="2011"/>
                </a:cubicBezTo>
                <a:cubicBezTo>
                  <a:pt x="16804" y="1944"/>
                  <a:pt x="16916" y="1879"/>
                  <a:pt x="17106" y="1761"/>
                </a:cubicBezTo>
                <a:lnTo>
                  <a:pt x="17106" y="1761"/>
                </a:lnTo>
                <a:cubicBezTo>
                  <a:pt x="17052" y="1805"/>
                  <a:pt x="16997" y="1847"/>
                  <a:pt x="16939" y="1886"/>
                </a:cubicBezTo>
                <a:cubicBezTo>
                  <a:pt x="16851" y="1944"/>
                  <a:pt x="16740" y="2013"/>
                  <a:pt x="16638" y="2069"/>
                </a:cubicBezTo>
                <a:lnTo>
                  <a:pt x="16615" y="2069"/>
                </a:lnTo>
                <a:cubicBezTo>
                  <a:pt x="16557" y="2109"/>
                  <a:pt x="16538" y="2124"/>
                  <a:pt x="16541" y="2124"/>
                </a:cubicBezTo>
                <a:cubicBezTo>
                  <a:pt x="16545" y="2124"/>
                  <a:pt x="16579" y="2105"/>
                  <a:pt x="16619" y="2083"/>
                </a:cubicBezTo>
                <a:cubicBezTo>
                  <a:pt x="16684" y="2046"/>
                  <a:pt x="16768" y="2002"/>
                  <a:pt x="16782" y="2002"/>
                </a:cubicBezTo>
                <a:cubicBezTo>
                  <a:pt x="16784" y="2002"/>
                  <a:pt x="16784" y="2003"/>
                  <a:pt x="16781" y="2006"/>
                </a:cubicBezTo>
                <a:cubicBezTo>
                  <a:pt x="17078" y="1803"/>
                  <a:pt x="17476" y="1620"/>
                  <a:pt x="17854" y="1390"/>
                </a:cubicBezTo>
                <a:lnTo>
                  <a:pt x="17854" y="1390"/>
                </a:lnTo>
                <a:cubicBezTo>
                  <a:pt x="17837" y="1397"/>
                  <a:pt x="17828" y="1400"/>
                  <a:pt x="17824" y="1400"/>
                </a:cubicBezTo>
                <a:cubicBezTo>
                  <a:pt x="17812" y="1400"/>
                  <a:pt x="17857" y="1370"/>
                  <a:pt x="17865" y="1355"/>
                </a:cubicBezTo>
                <a:lnTo>
                  <a:pt x="17865" y="1355"/>
                </a:lnTo>
                <a:cubicBezTo>
                  <a:pt x="17713" y="1446"/>
                  <a:pt x="17743" y="1434"/>
                  <a:pt x="17625" y="1488"/>
                </a:cubicBezTo>
                <a:cubicBezTo>
                  <a:pt x="17638" y="1464"/>
                  <a:pt x="17733" y="1416"/>
                  <a:pt x="17775" y="1381"/>
                </a:cubicBezTo>
                <a:cubicBezTo>
                  <a:pt x="17780" y="1375"/>
                  <a:pt x="17781" y="1373"/>
                  <a:pt x="17779" y="1373"/>
                </a:cubicBezTo>
                <a:cubicBezTo>
                  <a:pt x="17766" y="1373"/>
                  <a:pt x="17651" y="1450"/>
                  <a:pt x="17601" y="1471"/>
                </a:cubicBezTo>
                <a:cubicBezTo>
                  <a:pt x="17675" y="1427"/>
                  <a:pt x="17743" y="1379"/>
                  <a:pt x="17810" y="1325"/>
                </a:cubicBezTo>
                <a:cubicBezTo>
                  <a:pt x="17858" y="1307"/>
                  <a:pt x="17907" y="1291"/>
                  <a:pt x="17956" y="1277"/>
                </a:cubicBezTo>
                <a:cubicBezTo>
                  <a:pt x="18301" y="1082"/>
                  <a:pt x="18268" y="1075"/>
                  <a:pt x="18518" y="932"/>
                </a:cubicBezTo>
                <a:lnTo>
                  <a:pt x="18518" y="932"/>
                </a:lnTo>
                <a:cubicBezTo>
                  <a:pt x="18500" y="943"/>
                  <a:pt x="18496" y="946"/>
                  <a:pt x="18498" y="946"/>
                </a:cubicBezTo>
                <a:cubicBezTo>
                  <a:pt x="18502" y="946"/>
                  <a:pt x="18526" y="936"/>
                  <a:pt x="18530" y="936"/>
                </a:cubicBezTo>
                <a:cubicBezTo>
                  <a:pt x="18533" y="936"/>
                  <a:pt x="18520" y="944"/>
                  <a:pt x="18463" y="976"/>
                </a:cubicBezTo>
                <a:lnTo>
                  <a:pt x="18560" y="922"/>
                </a:lnTo>
                <a:lnTo>
                  <a:pt x="18560" y="922"/>
                </a:lnTo>
                <a:cubicBezTo>
                  <a:pt x="18319" y="1084"/>
                  <a:pt x="17891" y="1330"/>
                  <a:pt x="17951" y="1335"/>
                </a:cubicBezTo>
                <a:cubicBezTo>
                  <a:pt x="18155" y="1214"/>
                  <a:pt x="18292" y="1112"/>
                  <a:pt x="18542" y="969"/>
                </a:cubicBezTo>
                <a:lnTo>
                  <a:pt x="18542" y="969"/>
                </a:lnTo>
                <a:lnTo>
                  <a:pt x="18533" y="980"/>
                </a:lnTo>
                <a:cubicBezTo>
                  <a:pt x="18599" y="943"/>
                  <a:pt x="18615" y="932"/>
                  <a:pt x="18612" y="932"/>
                </a:cubicBezTo>
                <a:cubicBezTo>
                  <a:pt x="18608" y="932"/>
                  <a:pt x="18568" y="952"/>
                  <a:pt x="18562" y="952"/>
                </a:cubicBezTo>
                <a:cubicBezTo>
                  <a:pt x="18560" y="952"/>
                  <a:pt x="18561" y="950"/>
                  <a:pt x="18567" y="945"/>
                </a:cubicBezTo>
                <a:cubicBezTo>
                  <a:pt x="18762" y="818"/>
                  <a:pt x="18843" y="823"/>
                  <a:pt x="18973" y="721"/>
                </a:cubicBezTo>
                <a:lnTo>
                  <a:pt x="18973" y="721"/>
                </a:lnTo>
                <a:lnTo>
                  <a:pt x="18762" y="837"/>
                </a:lnTo>
                <a:cubicBezTo>
                  <a:pt x="18808" y="806"/>
                  <a:pt x="18821" y="796"/>
                  <a:pt x="18819" y="796"/>
                </a:cubicBezTo>
                <a:cubicBezTo>
                  <a:pt x="18814" y="796"/>
                  <a:pt x="18757" y="828"/>
                  <a:pt x="18742" y="828"/>
                </a:cubicBezTo>
                <a:cubicBezTo>
                  <a:pt x="18738" y="828"/>
                  <a:pt x="18737" y="826"/>
                  <a:pt x="18741" y="820"/>
                </a:cubicBezTo>
                <a:cubicBezTo>
                  <a:pt x="19010" y="647"/>
                  <a:pt x="19494" y="380"/>
                  <a:pt x="19876" y="139"/>
                </a:cubicBezTo>
                <a:lnTo>
                  <a:pt x="19876" y="139"/>
                </a:lnTo>
                <a:cubicBezTo>
                  <a:pt x="19774" y="186"/>
                  <a:pt x="19675" y="239"/>
                  <a:pt x="19577" y="297"/>
                </a:cubicBezTo>
                <a:cubicBezTo>
                  <a:pt x="19620" y="245"/>
                  <a:pt x="19667" y="215"/>
                  <a:pt x="19641" y="215"/>
                </a:cubicBezTo>
                <a:cubicBezTo>
                  <a:pt x="19635" y="215"/>
                  <a:pt x="19624" y="217"/>
                  <a:pt x="19607" y="220"/>
                </a:cubicBezTo>
                <a:lnTo>
                  <a:pt x="19427" y="322"/>
                </a:lnTo>
                <a:lnTo>
                  <a:pt x="19410" y="299"/>
                </a:lnTo>
                <a:cubicBezTo>
                  <a:pt x="19459" y="271"/>
                  <a:pt x="19508" y="244"/>
                  <a:pt x="19554" y="220"/>
                </a:cubicBezTo>
                <a:cubicBezTo>
                  <a:pt x="19570" y="193"/>
                  <a:pt x="19830" y="68"/>
                  <a:pt x="19834" y="47"/>
                </a:cubicBezTo>
                <a:lnTo>
                  <a:pt x="19834" y="47"/>
                </a:lnTo>
                <a:lnTo>
                  <a:pt x="19682" y="137"/>
                </a:lnTo>
                <a:cubicBezTo>
                  <a:pt x="19671" y="141"/>
                  <a:pt x="19665" y="143"/>
                  <a:pt x="19662" y="143"/>
                </a:cubicBezTo>
                <a:cubicBezTo>
                  <a:pt x="19646" y="143"/>
                  <a:pt x="19795" y="57"/>
                  <a:pt x="19885"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39" name="Google Shape;639;p33"/>
          <p:cNvSpPr/>
          <p:nvPr/>
        </p:nvSpPr>
        <p:spPr>
          <a:xfrm rot="1158162">
            <a:off x="-415317" y="-803229"/>
            <a:ext cx="3786310" cy="3389823"/>
          </a:xfrm>
          <a:custGeom>
            <a:avLst/>
            <a:gdLst/>
            <a:ahLst/>
            <a:cxnLst/>
            <a:rect l="l" t="t" r="r" b="b"/>
            <a:pathLst>
              <a:path w="22222" h="19895" extrusionOk="0">
                <a:moveTo>
                  <a:pt x="21425" y="478"/>
                </a:moveTo>
                <a:lnTo>
                  <a:pt x="21425" y="478"/>
                </a:lnTo>
                <a:cubicBezTo>
                  <a:pt x="21399" y="494"/>
                  <a:pt x="21380" y="506"/>
                  <a:pt x="21366" y="516"/>
                </a:cubicBezTo>
                <a:lnTo>
                  <a:pt x="21366" y="516"/>
                </a:lnTo>
                <a:cubicBezTo>
                  <a:pt x="21382" y="506"/>
                  <a:pt x="21402" y="493"/>
                  <a:pt x="21425" y="478"/>
                </a:cubicBezTo>
                <a:close/>
                <a:moveTo>
                  <a:pt x="20697" y="1038"/>
                </a:moveTo>
                <a:lnTo>
                  <a:pt x="20628" y="1078"/>
                </a:lnTo>
                <a:cubicBezTo>
                  <a:pt x="20667" y="1056"/>
                  <a:pt x="20688" y="1044"/>
                  <a:pt x="20697" y="1038"/>
                </a:cubicBezTo>
                <a:close/>
                <a:moveTo>
                  <a:pt x="18339" y="2447"/>
                </a:moveTo>
                <a:cubicBezTo>
                  <a:pt x="18330" y="2453"/>
                  <a:pt x="18321" y="2459"/>
                  <a:pt x="18311" y="2466"/>
                </a:cubicBezTo>
                <a:lnTo>
                  <a:pt x="18311" y="2466"/>
                </a:lnTo>
                <a:cubicBezTo>
                  <a:pt x="18321" y="2460"/>
                  <a:pt x="18330" y="2453"/>
                  <a:pt x="18339" y="2447"/>
                </a:cubicBezTo>
                <a:close/>
                <a:moveTo>
                  <a:pt x="18107" y="4715"/>
                </a:moveTo>
                <a:lnTo>
                  <a:pt x="18108" y="4729"/>
                </a:lnTo>
                <a:lnTo>
                  <a:pt x="18110" y="4789"/>
                </a:lnTo>
                <a:cubicBezTo>
                  <a:pt x="18110" y="4761"/>
                  <a:pt x="18110" y="4740"/>
                  <a:pt x="18108" y="4724"/>
                </a:cubicBezTo>
                <a:cubicBezTo>
                  <a:pt x="18107" y="4721"/>
                  <a:pt x="18107" y="4718"/>
                  <a:pt x="18107" y="4715"/>
                </a:cubicBezTo>
                <a:close/>
                <a:moveTo>
                  <a:pt x="16783" y="6292"/>
                </a:moveTo>
                <a:cubicBezTo>
                  <a:pt x="16766" y="6302"/>
                  <a:pt x="16752" y="6310"/>
                  <a:pt x="16740" y="6317"/>
                </a:cubicBezTo>
                <a:lnTo>
                  <a:pt x="16740" y="6317"/>
                </a:lnTo>
                <a:cubicBezTo>
                  <a:pt x="16754" y="6309"/>
                  <a:pt x="16769" y="6301"/>
                  <a:pt x="16783" y="6292"/>
                </a:cubicBezTo>
                <a:close/>
                <a:moveTo>
                  <a:pt x="13246" y="6782"/>
                </a:moveTo>
                <a:lnTo>
                  <a:pt x="13246" y="6782"/>
                </a:lnTo>
                <a:cubicBezTo>
                  <a:pt x="13253" y="6783"/>
                  <a:pt x="13260" y="6783"/>
                  <a:pt x="13266" y="6783"/>
                </a:cubicBezTo>
                <a:cubicBezTo>
                  <a:pt x="13260" y="6783"/>
                  <a:pt x="13253" y="6783"/>
                  <a:pt x="13246" y="6782"/>
                </a:cubicBezTo>
                <a:close/>
                <a:moveTo>
                  <a:pt x="10960" y="7148"/>
                </a:moveTo>
                <a:lnTo>
                  <a:pt x="10960" y="7148"/>
                </a:lnTo>
                <a:cubicBezTo>
                  <a:pt x="10955" y="7150"/>
                  <a:pt x="10950" y="7152"/>
                  <a:pt x="10945" y="7154"/>
                </a:cubicBezTo>
                <a:cubicBezTo>
                  <a:pt x="10950" y="7152"/>
                  <a:pt x="10955" y="7150"/>
                  <a:pt x="10960" y="7148"/>
                </a:cubicBezTo>
                <a:close/>
                <a:moveTo>
                  <a:pt x="9681" y="7856"/>
                </a:moveTo>
                <a:cubicBezTo>
                  <a:pt x="9677" y="7858"/>
                  <a:pt x="9673" y="7861"/>
                  <a:pt x="9669" y="7864"/>
                </a:cubicBezTo>
                <a:lnTo>
                  <a:pt x="9669" y="7864"/>
                </a:lnTo>
                <a:cubicBezTo>
                  <a:pt x="9673" y="7861"/>
                  <a:pt x="9677" y="7859"/>
                  <a:pt x="9681" y="7856"/>
                </a:cubicBezTo>
                <a:close/>
                <a:moveTo>
                  <a:pt x="8694" y="8808"/>
                </a:moveTo>
                <a:lnTo>
                  <a:pt x="8694" y="8808"/>
                </a:lnTo>
                <a:cubicBezTo>
                  <a:pt x="8692" y="8809"/>
                  <a:pt x="8690" y="8811"/>
                  <a:pt x="8688" y="8812"/>
                </a:cubicBezTo>
                <a:lnTo>
                  <a:pt x="8688" y="8812"/>
                </a:lnTo>
                <a:cubicBezTo>
                  <a:pt x="8690" y="8811"/>
                  <a:pt x="8692" y="8809"/>
                  <a:pt x="8694" y="8808"/>
                </a:cubicBezTo>
                <a:close/>
                <a:moveTo>
                  <a:pt x="8397" y="9130"/>
                </a:moveTo>
                <a:lnTo>
                  <a:pt x="8397" y="9130"/>
                </a:lnTo>
                <a:cubicBezTo>
                  <a:pt x="8397" y="9130"/>
                  <a:pt x="8396" y="9131"/>
                  <a:pt x="8396" y="9131"/>
                </a:cubicBezTo>
                <a:lnTo>
                  <a:pt x="8396" y="9131"/>
                </a:lnTo>
                <a:cubicBezTo>
                  <a:pt x="8396" y="9131"/>
                  <a:pt x="8397" y="9130"/>
                  <a:pt x="8397" y="9130"/>
                </a:cubicBezTo>
                <a:close/>
                <a:moveTo>
                  <a:pt x="5094" y="17059"/>
                </a:moveTo>
                <a:cubicBezTo>
                  <a:pt x="5021" y="17061"/>
                  <a:pt x="4959" y="17063"/>
                  <a:pt x="4941" y="17066"/>
                </a:cubicBezTo>
                <a:cubicBezTo>
                  <a:pt x="4975" y="17069"/>
                  <a:pt x="5009" y="17070"/>
                  <a:pt x="5044" y="17070"/>
                </a:cubicBezTo>
                <a:lnTo>
                  <a:pt x="5044" y="17070"/>
                </a:lnTo>
                <a:cubicBezTo>
                  <a:pt x="5057" y="17067"/>
                  <a:pt x="5075" y="17063"/>
                  <a:pt x="5094" y="17059"/>
                </a:cubicBezTo>
                <a:close/>
                <a:moveTo>
                  <a:pt x="1863" y="17086"/>
                </a:moveTo>
                <a:cubicBezTo>
                  <a:pt x="1863" y="17087"/>
                  <a:pt x="1863" y="17087"/>
                  <a:pt x="1863" y="17087"/>
                </a:cubicBezTo>
                <a:cubicBezTo>
                  <a:pt x="1863" y="17087"/>
                  <a:pt x="1863" y="17087"/>
                  <a:pt x="1863" y="17086"/>
                </a:cubicBezTo>
                <a:close/>
                <a:moveTo>
                  <a:pt x="5125" y="17094"/>
                </a:moveTo>
                <a:lnTo>
                  <a:pt x="5031" y="17105"/>
                </a:lnTo>
                <a:lnTo>
                  <a:pt x="5056" y="17107"/>
                </a:lnTo>
                <a:lnTo>
                  <a:pt x="5056" y="17107"/>
                </a:lnTo>
                <a:cubicBezTo>
                  <a:pt x="5076" y="17104"/>
                  <a:pt x="5107" y="17099"/>
                  <a:pt x="5125" y="17094"/>
                </a:cubicBezTo>
                <a:close/>
                <a:moveTo>
                  <a:pt x="5056" y="17107"/>
                </a:moveTo>
                <a:cubicBezTo>
                  <a:pt x="5038" y="17110"/>
                  <a:pt x="5027" y="17112"/>
                  <a:pt x="5039" y="17112"/>
                </a:cubicBezTo>
                <a:cubicBezTo>
                  <a:pt x="5046" y="17112"/>
                  <a:pt x="5061" y="17112"/>
                  <a:pt x="5087" y="17110"/>
                </a:cubicBezTo>
                <a:lnTo>
                  <a:pt x="5056" y="17107"/>
                </a:lnTo>
                <a:close/>
                <a:moveTo>
                  <a:pt x="652" y="17768"/>
                </a:moveTo>
                <a:cubicBezTo>
                  <a:pt x="652" y="17768"/>
                  <a:pt x="652" y="17768"/>
                  <a:pt x="652" y="17768"/>
                </a:cubicBezTo>
                <a:lnTo>
                  <a:pt x="652" y="17768"/>
                </a:lnTo>
                <a:lnTo>
                  <a:pt x="656" y="17770"/>
                </a:lnTo>
                <a:cubicBezTo>
                  <a:pt x="655" y="17768"/>
                  <a:pt x="654" y="17768"/>
                  <a:pt x="652" y="17768"/>
                </a:cubicBezTo>
                <a:close/>
                <a:moveTo>
                  <a:pt x="426" y="18231"/>
                </a:moveTo>
                <a:cubicBezTo>
                  <a:pt x="425" y="18235"/>
                  <a:pt x="425" y="18238"/>
                  <a:pt x="424" y="18242"/>
                </a:cubicBezTo>
                <a:lnTo>
                  <a:pt x="424" y="18242"/>
                </a:lnTo>
                <a:cubicBezTo>
                  <a:pt x="425" y="18238"/>
                  <a:pt x="426" y="18235"/>
                  <a:pt x="426" y="18231"/>
                </a:cubicBezTo>
                <a:close/>
                <a:moveTo>
                  <a:pt x="339" y="18725"/>
                </a:moveTo>
                <a:cubicBezTo>
                  <a:pt x="340" y="18735"/>
                  <a:pt x="340" y="18745"/>
                  <a:pt x="341" y="18755"/>
                </a:cubicBezTo>
                <a:cubicBezTo>
                  <a:pt x="341" y="18745"/>
                  <a:pt x="340" y="18735"/>
                  <a:pt x="339" y="18725"/>
                </a:cubicBezTo>
                <a:close/>
                <a:moveTo>
                  <a:pt x="533" y="19591"/>
                </a:moveTo>
                <a:lnTo>
                  <a:pt x="533" y="19591"/>
                </a:lnTo>
                <a:cubicBezTo>
                  <a:pt x="533" y="19591"/>
                  <a:pt x="533" y="19592"/>
                  <a:pt x="534" y="19592"/>
                </a:cubicBezTo>
                <a:lnTo>
                  <a:pt x="534" y="19592"/>
                </a:lnTo>
                <a:cubicBezTo>
                  <a:pt x="533" y="19592"/>
                  <a:pt x="533" y="19591"/>
                  <a:pt x="533" y="19591"/>
                </a:cubicBezTo>
                <a:close/>
                <a:moveTo>
                  <a:pt x="534" y="19592"/>
                </a:moveTo>
                <a:lnTo>
                  <a:pt x="534" y="19592"/>
                </a:lnTo>
                <a:cubicBezTo>
                  <a:pt x="543" y="19604"/>
                  <a:pt x="554" y="19620"/>
                  <a:pt x="568" y="19635"/>
                </a:cubicBezTo>
                <a:lnTo>
                  <a:pt x="568" y="19635"/>
                </a:lnTo>
                <a:cubicBezTo>
                  <a:pt x="561" y="19626"/>
                  <a:pt x="550" y="19612"/>
                  <a:pt x="534" y="19592"/>
                </a:cubicBezTo>
                <a:close/>
                <a:moveTo>
                  <a:pt x="22222" y="1"/>
                </a:moveTo>
                <a:lnTo>
                  <a:pt x="22222" y="1"/>
                </a:lnTo>
                <a:cubicBezTo>
                  <a:pt x="22099" y="52"/>
                  <a:pt x="21851" y="216"/>
                  <a:pt x="21608" y="358"/>
                </a:cubicBezTo>
                <a:cubicBezTo>
                  <a:pt x="21624" y="358"/>
                  <a:pt x="21515" y="435"/>
                  <a:pt x="21530" y="435"/>
                </a:cubicBezTo>
                <a:cubicBezTo>
                  <a:pt x="21536" y="435"/>
                  <a:pt x="21565" y="421"/>
                  <a:pt x="21636" y="381"/>
                </a:cubicBezTo>
                <a:lnTo>
                  <a:pt x="21636" y="381"/>
                </a:lnTo>
                <a:cubicBezTo>
                  <a:pt x="21640" y="392"/>
                  <a:pt x="21501" y="478"/>
                  <a:pt x="21409" y="534"/>
                </a:cubicBezTo>
                <a:cubicBezTo>
                  <a:pt x="21415" y="529"/>
                  <a:pt x="21416" y="527"/>
                  <a:pt x="21413" y="527"/>
                </a:cubicBezTo>
                <a:cubicBezTo>
                  <a:pt x="21402" y="527"/>
                  <a:pt x="21354" y="546"/>
                  <a:pt x="21339" y="546"/>
                </a:cubicBezTo>
                <a:cubicBezTo>
                  <a:pt x="21330" y="546"/>
                  <a:pt x="21334" y="539"/>
                  <a:pt x="21366" y="516"/>
                </a:cubicBezTo>
                <a:lnTo>
                  <a:pt x="21366" y="516"/>
                </a:lnTo>
                <a:cubicBezTo>
                  <a:pt x="21244" y="595"/>
                  <a:pt x="21305" y="548"/>
                  <a:pt x="21101" y="673"/>
                </a:cubicBezTo>
                <a:cubicBezTo>
                  <a:pt x="21102" y="671"/>
                  <a:pt x="21102" y="671"/>
                  <a:pt x="21102" y="671"/>
                </a:cubicBezTo>
                <a:cubicBezTo>
                  <a:pt x="21092" y="671"/>
                  <a:pt x="20747" y="875"/>
                  <a:pt x="20712" y="875"/>
                </a:cubicBezTo>
                <a:cubicBezTo>
                  <a:pt x="20709" y="875"/>
                  <a:pt x="20708" y="874"/>
                  <a:pt x="20709" y="872"/>
                </a:cubicBezTo>
                <a:lnTo>
                  <a:pt x="20709" y="872"/>
                </a:lnTo>
                <a:cubicBezTo>
                  <a:pt x="20640" y="923"/>
                  <a:pt x="20730" y="900"/>
                  <a:pt x="20459" y="1057"/>
                </a:cubicBezTo>
                <a:cubicBezTo>
                  <a:pt x="20513" y="1040"/>
                  <a:pt x="20688" y="945"/>
                  <a:pt x="20706" y="945"/>
                </a:cubicBezTo>
                <a:cubicBezTo>
                  <a:pt x="20712" y="945"/>
                  <a:pt x="20697" y="958"/>
                  <a:pt x="20644" y="995"/>
                </a:cubicBezTo>
                <a:lnTo>
                  <a:pt x="20769" y="909"/>
                </a:lnTo>
                <a:cubicBezTo>
                  <a:pt x="20829" y="878"/>
                  <a:pt x="20848" y="870"/>
                  <a:pt x="20853" y="870"/>
                </a:cubicBezTo>
                <a:cubicBezTo>
                  <a:pt x="20859" y="870"/>
                  <a:pt x="20848" y="879"/>
                  <a:pt x="20853" y="879"/>
                </a:cubicBezTo>
                <a:cubicBezTo>
                  <a:pt x="20859" y="879"/>
                  <a:pt x="20885" y="867"/>
                  <a:pt x="20978" y="816"/>
                </a:cubicBezTo>
                <a:lnTo>
                  <a:pt x="20978" y="816"/>
                </a:lnTo>
                <a:cubicBezTo>
                  <a:pt x="20904" y="858"/>
                  <a:pt x="20762" y="951"/>
                  <a:pt x="20723" y="960"/>
                </a:cubicBezTo>
                <a:cubicBezTo>
                  <a:pt x="20724" y="960"/>
                  <a:pt x="20725" y="960"/>
                  <a:pt x="20726" y="960"/>
                </a:cubicBezTo>
                <a:cubicBezTo>
                  <a:pt x="20791" y="960"/>
                  <a:pt x="20366" y="1185"/>
                  <a:pt x="20369" y="1215"/>
                </a:cubicBezTo>
                <a:cubicBezTo>
                  <a:pt x="20308" y="1238"/>
                  <a:pt x="20237" y="1277"/>
                  <a:pt x="20102" y="1358"/>
                </a:cubicBezTo>
                <a:cubicBezTo>
                  <a:pt x="20116" y="1340"/>
                  <a:pt x="20035" y="1374"/>
                  <a:pt x="20137" y="1307"/>
                </a:cubicBezTo>
                <a:cubicBezTo>
                  <a:pt x="20225" y="1261"/>
                  <a:pt x="20288" y="1222"/>
                  <a:pt x="20387" y="1173"/>
                </a:cubicBezTo>
                <a:cubicBezTo>
                  <a:pt x="20315" y="1173"/>
                  <a:pt x="20030" y="1365"/>
                  <a:pt x="19801" y="1488"/>
                </a:cubicBezTo>
                <a:cubicBezTo>
                  <a:pt x="19815" y="1481"/>
                  <a:pt x="19825" y="1477"/>
                  <a:pt x="19828" y="1477"/>
                </a:cubicBezTo>
                <a:cubicBezTo>
                  <a:pt x="19832" y="1477"/>
                  <a:pt x="19821" y="1486"/>
                  <a:pt x="19785" y="1511"/>
                </a:cubicBezTo>
                <a:cubicBezTo>
                  <a:pt x="19668" y="1574"/>
                  <a:pt x="19431" y="1704"/>
                  <a:pt x="19408" y="1704"/>
                </a:cubicBezTo>
                <a:cubicBezTo>
                  <a:pt x="19404" y="1704"/>
                  <a:pt x="19407" y="1700"/>
                  <a:pt x="19419" y="1689"/>
                </a:cubicBezTo>
                <a:lnTo>
                  <a:pt x="19419" y="1689"/>
                </a:lnTo>
                <a:lnTo>
                  <a:pt x="18726" y="2093"/>
                </a:lnTo>
                <a:cubicBezTo>
                  <a:pt x="18719" y="2088"/>
                  <a:pt x="18824" y="2032"/>
                  <a:pt x="18865" y="2007"/>
                </a:cubicBezTo>
                <a:lnTo>
                  <a:pt x="18865" y="2007"/>
                </a:lnTo>
                <a:lnTo>
                  <a:pt x="18671" y="2118"/>
                </a:lnTo>
                <a:cubicBezTo>
                  <a:pt x="18606" y="2155"/>
                  <a:pt x="18541" y="2194"/>
                  <a:pt x="18474" y="2234"/>
                </a:cubicBezTo>
                <a:cubicBezTo>
                  <a:pt x="18460" y="2240"/>
                  <a:pt x="18453" y="2243"/>
                  <a:pt x="18451" y="2243"/>
                </a:cubicBezTo>
                <a:cubicBezTo>
                  <a:pt x="18445" y="2243"/>
                  <a:pt x="18471" y="2224"/>
                  <a:pt x="18506" y="2199"/>
                </a:cubicBezTo>
                <a:cubicBezTo>
                  <a:pt x="18555" y="2167"/>
                  <a:pt x="18620" y="2125"/>
                  <a:pt x="18636" y="2109"/>
                </a:cubicBezTo>
                <a:lnTo>
                  <a:pt x="18636" y="2109"/>
                </a:lnTo>
                <a:cubicBezTo>
                  <a:pt x="18543" y="2164"/>
                  <a:pt x="18446" y="2222"/>
                  <a:pt x="18351" y="2287"/>
                </a:cubicBezTo>
                <a:lnTo>
                  <a:pt x="18386" y="2250"/>
                </a:lnTo>
                <a:lnTo>
                  <a:pt x="18386" y="2250"/>
                </a:lnTo>
                <a:cubicBezTo>
                  <a:pt x="18353" y="2278"/>
                  <a:pt x="18254" y="2345"/>
                  <a:pt x="18154" y="2424"/>
                </a:cubicBezTo>
                <a:cubicBezTo>
                  <a:pt x="18055" y="2505"/>
                  <a:pt x="17960" y="2593"/>
                  <a:pt x="17918" y="2630"/>
                </a:cubicBezTo>
                <a:cubicBezTo>
                  <a:pt x="17862" y="2692"/>
                  <a:pt x="17814" y="2762"/>
                  <a:pt x="17774" y="2836"/>
                </a:cubicBezTo>
                <a:cubicBezTo>
                  <a:pt x="17758" y="2864"/>
                  <a:pt x="17744" y="2894"/>
                  <a:pt x="17733" y="2924"/>
                </a:cubicBezTo>
                <a:cubicBezTo>
                  <a:pt x="17721" y="2952"/>
                  <a:pt x="17709" y="2982"/>
                  <a:pt x="17700" y="3010"/>
                </a:cubicBezTo>
                <a:cubicBezTo>
                  <a:pt x="17679" y="3079"/>
                  <a:pt x="17661" y="3151"/>
                  <a:pt x="17647" y="3221"/>
                </a:cubicBezTo>
                <a:cubicBezTo>
                  <a:pt x="17640" y="3269"/>
                  <a:pt x="17633" y="3318"/>
                  <a:pt x="17628" y="3367"/>
                </a:cubicBezTo>
                <a:cubicBezTo>
                  <a:pt x="17624" y="3427"/>
                  <a:pt x="17621" y="3489"/>
                  <a:pt x="17624" y="3552"/>
                </a:cubicBezTo>
                <a:cubicBezTo>
                  <a:pt x="17614" y="3533"/>
                  <a:pt x="17612" y="3513"/>
                  <a:pt x="17612" y="3494"/>
                </a:cubicBezTo>
                <a:cubicBezTo>
                  <a:pt x="17612" y="3475"/>
                  <a:pt x="17610" y="3457"/>
                  <a:pt x="17610" y="3436"/>
                </a:cubicBezTo>
                <a:cubicBezTo>
                  <a:pt x="17610" y="3418"/>
                  <a:pt x="17612" y="3394"/>
                  <a:pt x="17614" y="3369"/>
                </a:cubicBezTo>
                <a:cubicBezTo>
                  <a:pt x="17619" y="3279"/>
                  <a:pt x="17635" y="3186"/>
                  <a:pt x="17656" y="3098"/>
                </a:cubicBezTo>
                <a:lnTo>
                  <a:pt x="17656" y="3098"/>
                </a:lnTo>
                <a:cubicBezTo>
                  <a:pt x="17651" y="3112"/>
                  <a:pt x="17647" y="3128"/>
                  <a:pt x="17640" y="3149"/>
                </a:cubicBezTo>
                <a:cubicBezTo>
                  <a:pt x="17633" y="3172"/>
                  <a:pt x="17628" y="3193"/>
                  <a:pt x="17624" y="3216"/>
                </a:cubicBezTo>
                <a:cubicBezTo>
                  <a:pt x="17621" y="3241"/>
                  <a:pt x="17617" y="3267"/>
                  <a:pt x="17612" y="3295"/>
                </a:cubicBezTo>
                <a:cubicBezTo>
                  <a:pt x="17607" y="3320"/>
                  <a:pt x="17607" y="3348"/>
                  <a:pt x="17605" y="3374"/>
                </a:cubicBezTo>
                <a:cubicBezTo>
                  <a:pt x="17598" y="3482"/>
                  <a:pt x="17605" y="3577"/>
                  <a:pt x="17598" y="3605"/>
                </a:cubicBezTo>
                <a:cubicBezTo>
                  <a:pt x="17603" y="3647"/>
                  <a:pt x="17610" y="3691"/>
                  <a:pt x="17617" y="3730"/>
                </a:cubicBezTo>
                <a:cubicBezTo>
                  <a:pt x="17624" y="3760"/>
                  <a:pt x="17631" y="3790"/>
                  <a:pt x="17640" y="3821"/>
                </a:cubicBezTo>
                <a:cubicBezTo>
                  <a:pt x="17649" y="3858"/>
                  <a:pt x="17663" y="3895"/>
                  <a:pt x="17677" y="3929"/>
                </a:cubicBezTo>
                <a:cubicBezTo>
                  <a:pt x="17700" y="3983"/>
                  <a:pt x="17721" y="4013"/>
                  <a:pt x="17751" y="4092"/>
                </a:cubicBezTo>
                <a:cubicBezTo>
                  <a:pt x="17777" y="4192"/>
                  <a:pt x="17784" y="4223"/>
                  <a:pt x="17780" y="4223"/>
                </a:cubicBezTo>
                <a:cubicBezTo>
                  <a:pt x="17776" y="4223"/>
                  <a:pt x="17746" y="4138"/>
                  <a:pt x="17742" y="4138"/>
                </a:cubicBezTo>
                <a:cubicBezTo>
                  <a:pt x="17742" y="4138"/>
                  <a:pt x="17742" y="4138"/>
                  <a:pt x="17742" y="4138"/>
                </a:cubicBezTo>
                <a:cubicBezTo>
                  <a:pt x="17760" y="4219"/>
                  <a:pt x="17827" y="4342"/>
                  <a:pt x="17818" y="4416"/>
                </a:cubicBezTo>
                <a:cubicBezTo>
                  <a:pt x="17830" y="4458"/>
                  <a:pt x="17844" y="4495"/>
                  <a:pt x="17862" y="4534"/>
                </a:cubicBezTo>
                <a:cubicBezTo>
                  <a:pt x="17863" y="4535"/>
                  <a:pt x="17864" y="4536"/>
                  <a:pt x="17865" y="4536"/>
                </a:cubicBezTo>
                <a:cubicBezTo>
                  <a:pt x="17871" y="4536"/>
                  <a:pt x="17870" y="4502"/>
                  <a:pt x="17855" y="4418"/>
                </a:cubicBezTo>
                <a:lnTo>
                  <a:pt x="17855" y="4418"/>
                </a:lnTo>
                <a:cubicBezTo>
                  <a:pt x="17872" y="4488"/>
                  <a:pt x="17888" y="4571"/>
                  <a:pt x="17899" y="4641"/>
                </a:cubicBezTo>
                <a:cubicBezTo>
                  <a:pt x="17906" y="4675"/>
                  <a:pt x="17911" y="4705"/>
                  <a:pt x="17916" y="4731"/>
                </a:cubicBezTo>
                <a:cubicBezTo>
                  <a:pt x="17918" y="4756"/>
                  <a:pt x="17920" y="4773"/>
                  <a:pt x="17922" y="4782"/>
                </a:cubicBezTo>
                <a:cubicBezTo>
                  <a:pt x="17918" y="4764"/>
                  <a:pt x="17914" y="4756"/>
                  <a:pt x="17912" y="4756"/>
                </a:cubicBezTo>
                <a:cubicBezTo>
                  <a:pt x="17907" y="4756"/>
                  <a:pt x="17906" y="4785"/>
                  <a:pt x="17906" y="4821"/>
                </a:cubicBezTo>
                <a:cubicBezTo>
                  <a:pt x="17906" y="4847"/>
                  <a:pt x="17904" y="4875"/>
                  <a:pt x="17899" y="4902"/>
                </a:cubicBezTo>
                <a:cubicBezTo>
                  <a:pt x="17897" y="4928"/>
                  <a:pt x="17892" y="4946"/>
                  <a:pt x="17885" y="4949"/>
                </a:cubicBezTo>
                <a:cubicBezTo>
                  <a:pt x="17883" y="4974"/>
                  <a:pt x="17878" y="5002"/>
                  <a:pt x="17874" y="5032"/>
                </a:cubicBezTo>
                <a:cubicBezTo>
                  <a:pt x="17869" y="5065"/>
                  <a:pt x="17862" y="5097"/>
                  <a:pt x="17853" y="5132"/>
                </a:cubicBezTo>
                <a:cubicBezTo>
                  <a:pt x="17848" y="5150"/>
                  <a:pt x="17844" y="5169"/>
                  <a:pt x="17839" y="5185"/>
                </a:cubicBezTo>
                <a:cubicBezTo>
                  <a:pt x="17837" y="5194"/>
                  <a:pt x="17834" y="5204"/>
                  <a:pt x="17832" y="5215"/>
                </a:cubicBezTo>
                <a:lnTo>
                  <a:pt x="17821" y="5243"/>
                </a:lnTo>
                <a:cubicBezTo>
                  <a:pt x="17816" y="5261"/>
                  <a:pt x="17809" y="5280"/>
                  <a:pt x="17802" y="5301"/>
                </a:cubicBezTo>
                <a:lnTo>
                  <a:pt x="17781" y="5354"/>
                </a:lnTo>
                <a:cubicBezTo>
                  <a:pt x="17767" y="5393"/>
                  <a:pt x="17746" y="5428"/>
                  <a:pt x="17730" y="5463"/>
                </a:cubicBezTo>
                <a:cubicBezTo>
                  <a:pt x="17716" y="5500"/>
                  <a:pt x="17695" y="5532"/>
                  <a:pt x="17679" y="5563"/>
                </a:cubicBezTo>
                <a:cubicBezTo>
                  <a:pt x="17661" y="5595"/>
                  <a:pt x="17642" y="5625"/>
                  <a:pt x="17628" y="5651"/>
                </a:cubicBezTo>
                <a:cubicBezTo>
                  <a:pt x="17612" y="5676"/>
                  <a:pt x="17596" y="5702"/>
                  <a:pt x="17584" y="5722"/>
                </a:cubicBezTo>
                <a:lnTo>
                  <a:pt x="17596" y="5660"/>
                </a:lnTo>
                <a:lnTo>
                  <a:pt x="17561" y="5709"/>
                </a:lnTo>
                <a:lnTo>
                  <a:pt x="17524" y="5755"/>
                </a:lnTo>
                <a:cubicBezTo>
                  <a:pt x="17499" y="5787"/>
                  <a:pt x="17471" y="5815"/>
                  <a:pt x="17445" y="5845"/>
                </a:cubicBezTo>
                <a:cubicBezTo>
                  <a:pt x="17422" y="5865"/>
                  <a:pt x="17410" y="5874"/>
                  <a:pt x="17407" y="5874"/>
                </a:cubicBezTo>
                <a:cubicBezTo>
                  <a:pt x="17405" y="5874"/>
                  <a:pt x="17406" y="5872"/>
                  <a:pt x="17408" y="5868"/>
                </a:cubicBezTo>
                <a:cubicBezTo>
                  <a:pt x="17415" y="5857"/>
                  <a:pt x="17438" y="5829"/>
                  <a:pt x="17468" y="5797"/>
                </a:cubicBezTo>
                <a:cubicBezTo>
                  <a:pt x="17529" y="5727"/>
                  <a:pt x="17584" y="5653"/>
                  <a:pt x="17633" y="5576"/>
                </a:cubicBezTo>
                <a:lnTo>
                  <a:pt x="17633" y="5576"/>
                </a:lnTo>
                <a:cubicBezTo>
                  <a:pt x="17554" y="5695"/>
                  <a:pt x="17462" y="5803"/>
                  <a:pt x="17360" y="5901"/>
                </a:cubicBezTo>
                <a:cubicBezTo>
                  <a:pt x="17260" y="5996"/>
                  <a:pt x="17153" y="6081"/>
                  <a:pt x="17038" y="6158"/>
                </a:cubicBezTo>
                <a:cubicBezTo>
                  <a:pt x="17073" y="6137"/>
                  <a:pt x="17084" y="6134"/>
                  <a:pt x="17089" y="6134"/>
                </a:cubicBezTo>
                <a:cubicBezTo>
                  <a:pt x="17092" y="6134"/>
                  <a:pt x="17093" y="6135"/>
                  <a:pt x="17097" y="6135"/>
                </a:cubicBezTo>
                <a:cubicBezTo>
                  <a:pt x="17100" y="6135"/>
                  <a:pt x="17105" y="6134"/>
                  <a:pt x="17114" y="6130"/>
                </a:cubicBezTo>
                <a:lnTo>
                  <a:pt x="17114" y="6130"/>
                </a:lnTo>
                <a:cubicBezTo>
                  <a:pt x="17038" y="6202"/>
                  <a:pt x="16910" y="6269"/>
                  <a:pt x="16815" y="6322"/>
                </a:cubicBezTo>
                <a:cubicBezTo>
                  <a:pt x="16811" y="6323"/>
                  <a:pt x="16808" y="6323"/>
                  <a:pt x="16806" y="6323"/>
                </a:cubicBezTo>
                <a:cubicBezTo>
                  <a:pt x="16794" y="6323"/>
                  <a:pt x="16810" y="6311"/>
                  <a:pt x="16871" y="6274"/>
                </a:cubicBezTo>
                <a:lnTo>
                  <a:pt x="16871" y="6274"/>
                </a:lnTo>
                <a:cubicBezTo>
                  <a:pt x="16811" y="6308"/>
                  <a:pt x="16750" y="6343"/>
                  <a:pt x="16688" y="6373"/>
                </a:cubicBezTo>
                <a:cubicBezTo>
                  <a:pt x="16694" y="6352"/>
                  <a:pt x="16620" y="6387"/>
                  <a:pt x="16740" y="6317"/>
                </a:cubicBezTo>
                <a:lnTo>
                  <a:pt x="16740" y="6317"/>
                </a:lnTo>
                <a:cubicBezTo>
                  <a:pt x="16726" y="6324"/>
                  <a:pt x="16713" y="6332"/>
                  <a:pt x="16699" y="6339"/>
                </a:cubicBezTo>
                <a:cubicBezTo>
                  <a:pt x="16669" y="6352"/>
                  <a:pt x="16641" y="6366"/>
                  <a:pt x="16611" y="6380"/>
                </a:cubicBezTo>
                <a:cubicBezTo>
                  <a:pt x="16558" y="6403"/>
                  <a:pt x="16534" y="6411"/>
                  <a:pt x="16528" y="6411"/>
                </a:cubicBezTo>
                <a:cubicBezTo>
                  <a:pt x="16524" y="6411"/>
                  <a:pt x="16532" y="6406"/>
                  <a:pt x="16547" y="6399"/>
                </a:cubicBezTo>
                <a:cubicBezTo>
                  <a:pt x="16577" y="6383"/>
                  <a:pt x="16637" y="6350"/>
                  <a:pt x="16658" y="6336"/>
                </a:cubicBezTo>
                <a:lnTo>
                  <a:pt x="16658" y="6336"/>
                </a:lnTo>
                <a:cubicBezTo>
                  <a:pt x="16558" y="6383"/>
                  <a:pt x="16456" y="6424"/>
                  <a:pt x="16350" y="6459"/>
                </a:cubicBezTo>
                <a:cubicBezTo>
                  <a:pt x="16296" y="6482"/>
                  <a:pt x="16313" y="6480"/>
                  <a:pt x="16317" y="6482"/>
                </a:cubicBezTo>
                <a:cubicBezTo>
                  <a:pt x="16322" y="6485"/>
                  <a:pt x="16313" y="6491"/>
                  <a:pt x="16201" y="6526"/>
                </a:cubicBezTo>
                <a:cubicBezTo>
                  <a:pt x="16037" y="6566"/>
                  <a:pt x="15870" y="6596"/>
                  <a:pt x="15701" y="6614"/>
                </a:cubicBezTo>
                <a:cubicBezTo>
                  <a:pt x="15615" y="6624"/>
                  <a:pt x="15518" y="6626"/>
                  <a:pt x="15428" y="6633"/>
                </a:cubicBezTo>
                <a:cubicBezTo>
                  <a:pt x="15404" y="6634"/>
                  <a:pt x="15381" y="6634"/>
                  <a:pt x="15357" y="6634"/>
                </a:cubicBezTo>
                <a:cubicBezTo>
                  <a:pt x="15334" y="6634"/>
                  <a:pt x="15311" y="6634"/>
                  <a:pt x="15289" y="6635"/>
                </a:cubicBezTo>
                <a:lnTo>
                  <a:pt x="15150" y="6635"/>
                </a:lnTo>
                <a:cubicBezTo>
                  <a:pt x="15235" y="6640"/>
                  <a:pt x="15319" y="6644"/>
                  <a:pt x="15404" y="6649"/>
                </a:cubicBezTo>
                <a:cubicBezTo>
                  <a:pt x="15187" y="6649"/>
                  <a:pt x="15231" y="6677"/>
                  <a:pt x="15164" y="6688"/>
                </a:cubicBezTo>
                <a:cubicBezTo>
                  <a:pt x="14962" y="6684"/>
                  <a:pt x="14686" y="6670"/>
                  <a:pt x="14513" y="6649"/>
                </a:cubicBezTo>
                <a:cubicBezTo>
                  <a:pt x="14712" y="6649"/>
                  <a:pt x="14631" y="6624"/>
                  <a:pt x="14448" y="6596"/>
                </a:cubicBezTo>
                <a:cubicBezTo>
                  <a:pt x="14301" y="6583"/>
                  <a:pt x="14219" y="6579"/>
                  <a:pt x="14163" y="6579"/>
                </a:cubicBezTo>
                <a:cubicBezTo>
                  <a:pt x="14084" y="6579"/>
                  <a:pt x="14058" y="6586"/>
                  <a:pt x="13980" y="6586"/>
                </a:cubicBezTo>
                <a:cubicBezTo>
                  <a:pt x="13958" y="6586"/>
                  <a:pt x="13931" y="6586"/>
                  <a:pt x="13896" y="6584"/>
                </a:cubicBezTo>
                <a:cubicBezTo>
                  <a:pt x="14082" y="6566"/>
                  <a:pt x="13602" y="6545"/>
                  <a:pt x="13646" y="6531"/>
                </a:cubicBezTo>
                <a:cubicBezTo>
                  <a:pt x="13381" y="6508"/>
                  <a:pt x="13111" y="6492"/>
                  <a:pt x="12836" y="6492"/>
                </a:cubicBezTo>
                <a:cubicBezTo>
                  <a:pt x="12552" y="6492"/>
                  <a:pt x="12263" y="6509"/>
                  <a:pt x="11969" y="6554"/>
                </a:cubicBezTo>
                <a:cubicBezTo>
                  <a:pt x="11970" y="6554"/>
                  <a:pt x="11971" y="6554"/>
                  <a:pt x="11973" y="6554"/>
                </a:cubicBezTo>
                <a:cubicBezTo>
                  <a:pt x="11986" y="6554"/>
                  <a:pt x="12022" y="6549"/>
                  <a:pt x="12048" y="6549"/>
                </a:cubicBezTo>
                <a:cubicBezTo>
                  <a:pt x="12055" y="6549"/>
                  <a:pt x="12061" y="6549"/>
                  <a:pt x="12066" y="6549"/>
                </a:cubicBezTo>
                <a:cubicBezTo>
                  <a:pt x="12082" y="6549"/>
                  <a:pt x="12083" y="6552"/>
                  <a:pt x="12046" y="6559"/>
                </a:cubicBezTo>
                <a:cubicBezTo>
                  <a:pt x="11835" y="6593"/>
                  <a:pt x="11735" y="6603"/>
                  <a:pt x="11705" y="6603"/>
                </a:cubicBezTo>
                <a:cubicBezTo>
                  <a:pt x="11596" y="6626"/>
                  <a:pt x="11490" y="6656"/>
                  <a:pt x="11385" y="6693"/>
                </a:cubicBezTo>
                <a:cubicBezTo>
                  <a:pt x="11325" y="6714"/>
                  <a:pt x="11265" y="6737"/>
                  <a:pt x="11207" y="6765"/>
                </a:cubicBezTo>
                <a:cubicBezTo>
                  <a:pt x="11273" y="6740"/>
                  <a:pt x="11304" y="6731"/>
                  <a:pt x="11314" y="6731"/>
                </a:cubicBezTo>
                <a:cubicBezTo>
                  <a:pt x="11321" y="6731"/>
                  <a:pt x="11319" y="6735"/>
                  <a:pt x="11311" y="6742"/>
                </a:cubicBezTo>
                <a:cubicBezTo>
                  <a:pt x="11184" y="6786"/>
                  <a:pt x="11135" y="6795"/>
                  <a:pt x="11089" y="6811"/>
                </a:cubicBezTo>
                <a:cubicBezTo>
                  <a:pt x="11066" y="6816"/>
                  <a:pt x="11043" y="6823"/>
                  <a:pt x="11013" y="6837"/>
                </a:cubicBezTo>
                <a:cubicBezTo>
                  <a:pt x="10968" y="6853"/>
                  <a:pt x="10924" y="6871"/>
                  <a:pt x="10883" y="6895"/>
                </a:cubicBezTo>
                <a:cubicBezTo>
                  <a:pt x="10881" y="6895"/>
                  <a:pt x="10879" y="6895"/>
                  <a:pt x="10877" y="6895"/>
                </a:cubicBezTo>
                <a:cubicBezTo>
                  <a:pt x="10856" y="6895"/>
                  <a:pt x="10915" y="6865"/>
                  <a:pt x="10985" y="6837"/>
                </a:cubicBezTo>
                <a:cubicBezTo>
                  <a:pt x="11057" y="6804"/>
                  <a:pt x="11133" y="6774"/>
                  <a:pt x="11117" y="6769"/>
                </a:cubicBezTo>
                <a:lnTo>
                  <a:pt x="11117" y="6769"/>
                </a:lnTo>
                <a:cubicBezTo>
                  <a:pt x="10938" y="6834"/>
                  <a:pt x="10765" y="6913"/>
                  <a:pt x="10600" y="7006"/>
                </a:cubicBezTo>
                <a:cubicBezTo>
                  <a:pt x="10599" y="7006"/>
                  <a:pt x="10598" y="7006"/>
                  <a:pt x="10597" y="7006"/>
                </a:cubicBezTo>
                <a:cubicBezTo>
                  <a:pt x="10576" y="7006"/>
                  <a:pt x="10667" y="6966"/>
                  <a:pt x="10664" y="6966"/>
                </a:cubicBezTo>
                <a:cubicBezTo>
                  <a:pt x="10663" y="6966"/>
                  <a:pt x="10651" y="6971"/>
                  <a:pt x="10621" y="6983"/>
                </a:cubicBezTo>
                <a:cubicBezTo>
                  <a:pt x="10454" y="7066"/>
                  <a:pt x="10276" y="7168"/>
                  <a:pt x="10114" y="7272"/>
                </a:cubicBezTo>
                <a:cubicBezTo>
                  <a:pt x="9952" y="7374"/>
                  <a:pt x="9806" y="7481"/>
                  <a:pt x="9694" y="7564"/>
                </a:cubicBezTo>
                <a:cubicBezTo>
                  <a:pt x="9671" y="7573"/>
                  <a:pt x="9648" y="7583"/>
                  <a:pt x="9625" y="7592"/>
                </a:cubicBezTo>
                <a:cubicBezTo>
                  <a:pt x="9523" y="7666"/>
                  <a:pt x="9426" y="7745"/>
                  <a:pt x="9333" y="7828"/>
                </a:cubicBezTo>
                <a:cubicBezTo>
                  <a:pt x="9309" y="7845"/>
                  <a:pt x="9298" y="7852"/>
                  <a:pt x="9295" y="7852"/>
                </a:cubicBezTo>
                <a:cubicBezTo>
                  <a:pt x="9290" y="7852"/>
                  <a:pt x="9332" y="7815"/>
                  <a:pt x="9382" y="7775"/>
                </a:cubicBezTo>
                <a:lnTo>
                  <a:pt x="9382" y="7775"/>
                </a:lnTo>
                <a:cubicBezTo>
                  <a:pt x="9192" y="7921"/>
                  <a:pt x="8983" y="8120"/>
                  <a:pt x="8884" y="8210"/>
                </a:cubicBezTo>
                <a:cubicBezTo>
                  <a:pt x="8893" y="8187"/>
                  <a:pt x="8983" y="8120"/>
                  <a:pt x="9009" y="8088"/>
                </a:cubicBezTo>
                <a:lnTo>
                  <a:pt x="9009" y="8088"/>
                </a:lnTo>
                <a:cubicBezTo>
                  <a:pt x="8782" y="8280"/>
                  <a:pt x="8534" y="8560"/>
                  <a:pt x="8386" y="8683"/>
                </a:cubicBezTo>
                <a:cubicBezTo>
                  <a:pt x="8402" y="8662"/>
                  <a:pt x="8420" y="8643"/>
                  <a:pt x="8439" y="8625"/>
                </a:cubicBezTo>
                <a:lnTo>
                  <a:pt x="8439" y="8625"/>
                </a:lnTo>
                <a:cubicBezTo>
                  <a:pt x="8129" y="8931"/>
                  <a:pt x="7881" y="9216"/>
                  <a:pt x="7568" y="9568"/>
                </a:cubicBezTo>
                <a:cubicBezTo>
                  <a:pt x="7267" y="9878"/>
                  <a:pt x="7494" y="9688"/>
                  <a:pt x="7214" y="10006"/>
                </a:cubicBezTo>
                <a:cubicBezTo>
                  <a:pt x="7212" y="10005"/>
                  <a:pt x="7211" y="10004"/>
                  <a:pt x="7209" y="10004"/>
                </a:cubicBezTo>
                <a:cubicBezTo>
                  <a:pt x="7184" y="10004"/>
                  <a:pt x="7094" y="10106"/>
                  <a:pt x="6993" y="10233"/>
                </a:cubicBezTo>
                <a:cubicBezTo>
                  <a:pt x="6943" y="10300"/>
                  <a:pt x="6887" y="10376"/>
                  <a:pt x="6843" y="10446"/>
                </a:cubicBezTo>
                <a:cubicBezTo>
                  <a:pt x="6797" y="10513"/>
                  <a:pt x="6757" y="10578"/>
                  <a:pt x="6732" y="10617"/>
                </a:cubicBezTo>
                <a:lnTo>
                  <a:pt x="6769" y="10568"/>
                </a:lnTo>
                <a:lnTo>
                  <a:pt x="6769" y="10568"/>
                </a:lnTo>
                <a:cubicBezTo>
                  <a:pt x="6716" y="10666"/>
                  <a:pt x="6653" y="10784"/>
                  <a:pt x="6604" y="10900"/>
                </a:cubicBezTo>
                <a:cubicBezTo>
                  <a:pt x="6560" y="11002"/>
                  <a:pt x="6526" y="11106"/>
                  <a:pt x="6500" y="11212"/>
                </a:cubicBezTo>
                <a:cubicBezTo>
                  <a:pt x="6484" y="11307"/>
                  <a:pt x="6477" y="11402"/>
                  <a:pt x="6477" y="11497"/>
                </a:cubicBezTo>
                <a:cubicBezTo>
                  <a:pt x="6477" y="11602"/>
                  <a:pt x="6484" y="11703"/>
                  <a:pt x="6498" y="11808"/>
                </a:cubicBezTo>
                <a:cubicBezTo>
                  <a:pt x="6526" y="11993"/>
                  <a:pt x="6565" y="12176"/>
                  <a:pt x="6614" y="12357"/>
                </a:cubicBezTo>
                <a:lnTo>
                  <a:pt x="6593" y="12299"/>
                </a:lnTo>
                <a:lnTo>
                  <a:pt x="6593" y="12299"/>
                </a:lnTo>
                <a:cubicBezTo>
                  <a:pt x="6623" y="12408"/>
                  <a:pt x="6644" y="12517"/>
                  <a:pt x="6662" y="12628"/>
                </a:cubicBezTo>
                <a:cubicBezTo>
                  <a:pt x="6669" y="12679"/>
                  <a:pt x="6678" y="12730"/>
                  <a:pt x="6688" y="12783"/>
                </a:cubicBezTo>
                <a:cubicBezTo>
                  <a:pt x="6697" y="12836"/>
                  <a:pt x="6704" y="12894"/>
                  <a:pt x="6713" y="12957"/>
                </a:cubicBezTo>
                <a:cubicBezTo>
                  <a:pt x="6712" y="12952"/>
                  <a:pt x="6703" y="12910"/>
                  <a:pt x="6700" y="12910"/>
                </a:cubicBezTo>
                <a:cubicBezTo>
                  <a:pt x="6699" y="12910"/>
                  <a:pt x="6698" y="12921"/>
                  <a:pt x="6702" y="12954"/>
                </a:cubicBezTo>
                <a:cubicBezTo>
                  <a:pt x="6769" y="13568"/>
                  <a:pt x="6748" y="14187"/>
                  <a:pt x="6639" y="14791"/>
                </a:cubicBezTo>
                <a:cubicBezTo>
                  <a:pt x="6530" y="15398"/>
                  <a:pt x="6329" y="15987"/>
                  <a:pt x="6039" y="16529"/>
                </a:cubicBezTo>
                <a:lnTo>
                  <a:pt x="5963" y="16665"/>
                </a:lnTo>
                <a:lnTo>
                  <a:pt x="5914" y="16675"/>
                </a:lnTo>
                <a:lnTo>
                  <a:pt x="5863" y="16684"/>
                </a:lnTo>
                <a:cubicBezTo>
                  <a:pt x="5847" y="16686"/>
                  <a:pt x="5828" y="16691"/>
                  <a:pt x="5810" y="16693"/>
                </a:cubicBezTo>
                <a:lnTo>
                  <a:pt x="5699" y="16707"/>
                </a:lnTo>
                <a:cubicBezTo>
                  <a:pt x="5662" y="16712"/>
                  <a:pt x="5624" y="16716"/>
                  <a:pt x="5587" y="16719"/>
                </a:cubicBezTo>
                <a:cubicBezTo>
                  <a:pt x="5511" y="16728"/>
                  <a:pt x="5435" y="16730"/>
                  <a:pt x="5360" y="16735"/>
                </a:cubicBezTo>
                <a:cubicBezTo>
                  <a:pt x="5260" y="16738"/>
                  <a:pt x="5159" y="16740"/>
                  <a:pt x="5059" y="16740"/>
                </a:cubicBezTo>
                <a:cubicBezTo>
                  <a:pt x="4843" y="16740"/>
                  <a:pt x="4628" y="16732"/>
                  <a:pt x="4415" y="16716"/>
                </a:cubicBezTo>
                <a:cubicBezTo>
                  <a:pt x="4091" y="16693"/>
                  <a:pt x="3762" y="16663"/>
                  <a:pt x="3426" y="16644"/>
                </a:cubicBezTo>
                <a:cubicBezTo>
                  <a:pt x="3283" y="16635"/>
                  <a:pt x="3140" y="16630"/>
                  <a:pt x="2998" y="16630"/>
                </a:cubicBezTo>
                <a:cubicBezTo>
                  <a:pt x="2798" y="16630"/>
                  <a:pt x="2599" y="16639"/>
                  <a:pt x="2400" y="16658"/>
                </a:cubicBezTo>
                <a:cubicBezTo>
                  <a:pt x="2055" y="16691"/>
                  <a:pt x="1714" y="16770"/>
                  <a:pt x="1390" y="16892"/>
                </a:cubicBezTo>
                <a:cubicBezTo>
                  <a:pt x="1309" y="16927"/>
                  <a:pt x="1228" y="16959"/>
                  <a:pt x="1151" y="17001"/>
                </a:cubicBezTo>
                <a:lnTo>
                  <a:pt x="1093" y="17031"/>
                </a:lnTo>
                <a:lnTo>
                  <a:pt x="1063" y="17045"/>
                </a:lnTo>
                <a:lnTo>
                  <a:pt x="1036" y="17061"/>
                </a:lnTo>
                <a:lnTo>
                  <a:pt x="922" y="17131"/>
                </a:lnTo>
                <a:cubicBezTo>
                  <a:pt x="885" y="17154"/>
                  <a:pt x="850" y="17180"/>
                  <a:pt x="816" y="17205"/>
                </a:cubicBezTo>
                <a:lnTo>
                  <a:pt x="762" y="17244"/>
                </a:lnTo>
                <a:cubicBezTo>
                  <a:pt x="744" y="17256"/>
                  <a:pt x="727" y="17272"/>
                  <a:pt x="711" y="17284"/>
                </a:cubicBezTo>
                <a:lnTo>
                  <a:pt x="612" y="17370"/>
                </a:lnTo>
                <a:lnTo>
                  <a:pt x="519" y="17462"/>
                </a:lnTo>
                <a:cubicBezTo>
                  <a:pt x="505" y="17476"/>
                  <a:pt x="491" y="17492"/>
                  <a:pt x="475" y="17508"/>
                </a:cubicBezTo>
                <a:lnTo>
                  <a:pt x="431" y="17559"/>
                </a:lnTo>
                <a:cubicBezTo>
                  <a:pt x="417" y="17576"/>
                  <a:pt x="401" y="17592"/>
                  <a:pt x="389" y="17610"/>
                </a:cubicBezTo>
                <a:cubicBezTo>
                  <a:pt x="378" y="17629"/>
                  <a:pt x="361" y="17645"/>
                  <a:pt x="350" y="17664"/>
                </a:cubicBezTo>
                <a:cubicBezTo>
                  <a:pt x="301" y="17736"/>
                  <a:pt x="257" y="17812"/>
                  <a:pt x="218" y="17891"/>
                </a:cubicBezTo>
                <a:cubicBezTo>
                  <a:pt x="144" y="18044"/>
                  <a:pt x="93" y="18206"/>
                  <a:pt x="60" y="18375"/>
                </a:cubicBezTo>
                <a:cubicBezTo>
                  <a:pt x="0" y="18697"/>
                  <a:pt x="28" y="19030"/>
                  <a:pt x="141" y="19341"/>
                </a:cubicBezTo>
                <a:lnTo>
                  <a:pt x="167" y="19385"/>
                </a:lnTo>
                <a:cubicBezTo>
                  <a:pt x="176" y="19401"/>
                  <a:pt x="188" y="19417"/>
                  <a:pt x="199" y="19436"/>
                </a:cubicBezTo>
                <a:cubicBezTo>
                  <a:pt x="211" y="19454"/>
                  <a:pt x="225" y="19477"/>
                  <a:pt x="243" y="19498"/>
                </a:cubicBezTo>
                <a:cubicBezTo>
                  <a:pt x="320" y="19605"/>
                  <a:pt x="415" y="19695"/>
                  <a:pt x="524" y="19767"/>
                </a:cubicBezTo>
                <a:cubicBezTo>
                  <a:pt x="619" y="19832"/>
                  <a:pt x="727" y="19874"/>
                  <a:pt x="841" y="19890"/>
                </a:cubicBezTo>
                <a:cubicBezTo>
                  <a:pt x="850" y="19890"/>
                  <a:pt x="860" y="19892"/>
                  <a:pt x="869" y="19894"/>
                </a:cubicBezTo>
                <a:lnTo>
                  <a:pt x="894" y="19894"/>
                </a:lnTo>
                <a:cubicBezTo>
                  <a:pt x="906" y="19892"/>
                  <a:pt x="917" y="19892"/>
                  <a:pt x="929" y="19887"/>
                </a:cubicBezTo>
                <a:cubicBezTo>
                  <a:pt x="945" y="19881"/>
                  <a:pt x="948" y="19871"/>
                  <a:pt x="934" y="19855"/>
                </a:cubicBezTo>
                <a:cubicBezTo>
                  <a:pt x="919" y="19848"/>
                  <a:pt x="919" y="19845"/>
                  <a:pt x="925" y="19845"/>
                </a:cubicBezTo>
                <a:cubicBezTo>
                  <a:pt x="926" y="19845"/>
                  <a:pt x="929" y="19845"/>
                  <a:pt x="931" y="19846"/>
                </a:cubicBezTo>
                <a:cubicBezTo>
                  <a:pt x="945" y="19848"/>
                  <a:pt x="964" y="19853"/>
                  <a:pt x="987" y="19860"/>
                </a:cubicBezTo>
                <a:cubicBezTo>
                  <a:pt x="1006" y="19864"/>
                  <a:pt x="1023" y="19867"/>
                  <a:pt x="1028" y="19867"/>
                </a:cubicBezTo>
                <a:cubicBezTo>
                  <a:pt x="1036" y="19867"/>
                  <a:pt x="1025" y="19861"/>
                  <a:pt x="973" y="19841"/>
                </a:cubicBezTo>
                <a:cubicBezTo>
                  <a:pt x="948" y="19834"/>
                  <a:pt x="920" y="19827"/>
                  <a:pt x="894" y="19820"/>
                </a:cubicBezTo>
                <a:cubicBezTo>
                  <a:pt x="866" y="19811"/>
                  <a:pt x="841" y="19802"/>
                  <a:pt x="816" y="19790"/>
                </a:cubicBezTo>
                <a:lnTo>
                  <a:pt x="816" y="19790"/>
                </a:lnTo>
                <a:cubicBezTo>
                  <a:pt x="817" y="19790"/>
                  <a:pt x="818" y="19790"/>
                  <a:pt x="819" y="19790"/>
                </a:cubicBezTo>
                <a:cubicBezTo>
                  <a:pt x="827" y="19790"/>
                  <a:pt x="816" y="19780"/>
                  <a:pt x="802" y="19765"/>
                </a:cubicBezTo>
                <a:cubicBezTo>
                  <a:pt x="795" y="19755"/>
                  <a:pt x="785" y="19746"/>
                  <a:pt x="776" y="19739"/>
                </a:cubicBezTo>
                <a:cubicBezTo>
                  <a:pt x="771" y="19732"/>
                  <a:pt x="767" y="19725"/>
                  <a:pt x="762" y="19718"/>
                </a:cubicBezTo>
                <a:cubicBezTo>
                  <a:pt x="758" y="19717"/>
                  <a:pt x="755" y="19717"/>
                  <a:pt x="753" y="19717"/>
                </a:cubicBezTo>
                <a:cubicBezTo>
                  <a:pt x="747" y="19717"/>
                  <a:pt x="748" y="19721"/>
                  <a:pt x="755" y="19730"/>
                </a:cubicBezTo>
                <a:cubicBezTo>
                  <a:pt x="760" y="19737"/>
                  <a:pt x="765" y="19744"/>
                  <a:pt x="771" y="19751"/>
                </a:cubicBezTo>
                <a:cubicBezTo>
                  <a:pt x="778" y="19760"/>
                  <a:pt x="785" y="19765"/>
                  <a:pt x="792" y="19772"/>
                </a:cubicBezTo>
                <a:cubicBezTo>
                  <a:pt x="809" y="19788"/>
                  <a:pt x="820" y="19802"/>
                  <a:pt x="808" y="19802"/>
                </a:cubicBezTo>
                <a:cubicBezTo>
                  <a:pt x="800" y="19802"/>
                  <a:pt x="780" y="19795"/>
                  <a:pt x="741" y="19776"/>
                </a:cubicBezTo>
                <a:cubicBezTo>
                  <a:pt x="725" y="19769"/>
                  <a:pt x="709" y="19760"/>
                  <a:pt x="695" y="19751"/>
                </a:cubicBezTo>
                <a:cubicBezTo>
                  <a:pt x="674" y="19737"/>
                  <a:pt x="656" y="19721"/>
                  <a:pt x="635" y="19702"/>
                </a:cubicBezTo>
                <a:cubicBezTo>
                  <a:pt x="614" y="19686"/>
                  <a:pt x="595" y="19663"/>
                  <a:pt x="577" y="19644"/>
                </a:cubicBezTo>
                <a:cubicBezTo>
                  <a:pt x="574" y="19641"/>
                  <a:pt x="571" y="19638"/>
                  <a:pt x="568" y="19635"/>
                </a:cubicBezTo>
                <a:lnTo>
                  <a:pt x="568" y="19635"/>
                </a:lnTo>
                <a:cubicBezTo>
                  <a:pt x="577" y="19647"/>
                  <a:pt x="579" y="19651"/>
                  <a:pt x="577" y="19651"/>
                </a:cubicBezTo>
                <a:cubicBezTo>
                  <a:pt x="575" y="19651"/>
                  <a:pt x="569" y="19647"/>
                  <a:pt x="561" y="19640"/>
                </a:cubicBezTo>
                <a:cubicBezTo>
                  <a:pt x="549" y="19628"/>
                  <a:pt x="531" y="19612"/>
                  <a:pt x="512" y="19596"/>
                </a:cubicBezTo>
                <a:lnTo>
                  <a:pt x="468" y="19542"/>
                </a:lnTo>
                <a:lnTo>
                  <a:pt x="422" y="19461"/>
                </a:lnTo>
                <a:cubicBezTo>
                  <a:pt x="408" y="19433"/>
                  <a:pt x="389" y="19401"/>
                  <a:pt x="378" y="19371"/>
                </a:cubicBezTo>
                <a:lnTo>
                  <a:pt x="359" y="19327"/>
                </a:lnTo>
                <a:cubicBezTo>
                  <a:pt x="355" y="19313"/>
                  <a:pt x="350" y="19299"/>
                  <a:pt x="348" y="19288"/>
                </a:cubicBezTo>
                <a:cubicBezTo>
                  <a:pt x="341" y="19269"/>
                  <a:pt x="336" y="19250"/>
                  <a:pt x="334" y="19230"/>
                </a:cubicBezTo>
                <a:cubicBezTo>
                  <a:pt x="322" y="19211"/>
                  <a:pt x="315" y="19190"/>
                  <a:pt x="308" y="19169"/>
                </a:cubicBezTo>
                <a:cubicBezTo>
                  <a:pt x="299" y="19137"/>
                  <a:pt x="292" y="19105"/>
                  <a:pt x="285" y="19074"/>
                </a:cubicBezTo>
                <a:lnTo>
                  <a:pt x="290" y="19067"/>
                </a:lnTo>
                <a:cubicBezTo>
                  <a:pt x="281" y="19030"/>
                  <a:pt x="278" y="19018"/>
                  <a:pt x="277" y="19018"/>
                </a:cubicBezTo>
                <a:lnTo>
                  <a:pt x="277" y="19018"/>
                </a:lnTo>
                <a:cubicBezTo>
                  <a:pt x="275" y="19018"/>
                  <a:pt x="287" y="19083"/>
                  <a:pt x="283" y="19083"/>
                </a:cubicBezTo>
                <a:cubicBezTo>
                  <a:pt x="282" y="19083"/>
                  <a:pt x="282" y="19082"/>
                  <a:pt x="280" y="19079"/>
                </a:cubicBezTo>
                <a:cubicBezTo>
                  <a:pt x="255" y="18984"/>
                  <a:pt x="250" y="18829"/>
                  <a:pt x="257" y="18671"/>
                </a:cubicBezTo>
                <a:lnTo>
                  <a:pt x="257" y="18671"/>
                </a:lnTo>
                <a:cubicBezTo>
                  <a:pt x="253" y="18806"/>
                  <a:pt x="269" y="18940"/>
                  <a:pt x="306" y="19070"/>
                </a:cubicBezTo>
                <a:cubicBezTo>
                  <a:pt x="299" y="19033"/>
                  <a:pt x="294" y="18996"/>
                  <a:pt x="297" y="18959"/>
                </a:cubicBezTo>
                <a:cubicBezTo>
                  <a:pt x="297" y="18957"/>
                  <a:pt x="298" y="18957"/>
                  <a:pt x="299" y="18957"/>
                </a:cubicBezTo>
                <a:cubicBezTo>
                  <a:pt x="303" y="18957"/>
                  <a:pt x="309" y="18972"/>
                  <a:pt x="315" y="18993"/>
                </a:cubicBezTo>
                <a:cubicBezTo>
                  <a:pt x="324" y="19021"/>
                  <a:pt x="336" y="19058"/>
                  <a:pt x="348" y="19091"/>
                </a:cubicBezTo>
                <a:cubicBezTo>
                  <a:pt x="357" y="19116"/>
                  <a:pt x="368" y="19142"/>
                  <a:pt x="382" y="19167"/>
                </a:cubicBezTo>
                <a:cubicBezTo>
                  <a:pt x="355" y="19084"/>
                  <a:pt x="334" y="19000"/>
                  <a:pt x="317" y="18915"/>
                </a:cubicBezTo>
                <a:cubicBezTo>
                  <a:pt x="304" y="18836"/>
                  <a:pt x="294" y="18759"/>
                  <a:pt x="292" y="18681"/>
                </a:cubicBezTo>
                <a:cubicBezTo>
                  <a:pt x="300" y="18612"/>
                  <a:pt x="308" y="18587"/>
                  <a:pt x="315" y="18587"/>
                </a:cubicBezTo>
                <a:cubicBezTo>
                  <a:pt x="319" y="18587"/>
                  <a:pt x="323" y="18598"/>
                  <a:pt x="327" y="18613"/>
                </a:cubicBezTo>
                <a:cubicBezTo>
                  <a:pt x="329" y="18634"/>
                  <a:pt x="331" y="18662"/>
                  <a:pt x="336" y="18690"/>
                </a:cubicBezTo>
                <a:cubicBezTo>
                  <a:pt x="337" y="18701"/>
                  <a:pt x="339" y="18713"/>
                  <a:pt x="339" y="18725"/>
                </a:cubicBezTo>
                <a:lnTo>
                  <a:pt x="339" y="18725"/>
                </a:lnTo>
                <a:cubicBezTo>
                  <a:pt x="336" y="18635"/>
                  <a:pt x="337" y="18546"/>
                  <a:pt x="345" y="18456"/>
                </a:cubicBezTo>
                <a:cubicBezTo>
                  <a:pt x="352" y="18379"/>
                  <a:pt x="366" y="18305"/>
                  <a:pt x="382" y="18231"/>
                </a:cubicBezTo>
                <a:lnTo>
                  <a:pt x="382" y="18231"/>
                </a:lnTo>
                <a:cubicBezTo>
                  <a:pt x="378" y="18259"/>
                  <a:pt x="375" y="18287"/>
                  <a:pt x="375" y="18317"/>
                </a:cubicBezTo>
                <a:cubicBezTo>
                  <a:pt x="373" y="18335"/>
                  <a:pt x="373" y="18352"/>
                  <a:pt x="375" y="18370"/>
                </a:cubicBezTo>
                <a:cubicBezTo>
                  <a:pt x="378" y="18398"/>
                  <a:pt x="375" y="18428"/>
                  <a:pt x="378" y="18495"/>
                </a:cubicBezTo>
                <a:cubicBezTo>
                  <a:pt x="387" y="18456"/>
                  <a:pt x="394" y="18426"/>
                  <a:pt x="401" y="18400"/>
                </a:cubicBezTo>
                <a:cubicBezTo>
                  <a:pt x="405" y="18375"/>
                  <a:pt x="408" y="18352"/>
                  <a:pt x="412" y="18333"/>
                </a:cubicBezTo>
                <a:cubicBezTo>
                  <a:pt x="415" y="18315"/>
                  <a:pt x="417" y="18298"/>
                  <a:pt x="419" y="18282"/>
                </a:cubicBezTo>
                <a:cubicBezTo>
                  <a:pt x="419" y="18269"/>
                  <a:pt x="421" y="18256"/>
                  <a:pt x="424" y="18242"/>
                </a:cubicBezTo>
                <a:lnTo>
                  <a:pt x="424" y="18242"/>
                </a:lnTo>
                <a:cubicBezTo>
                  <a:pt x="415" y="18280"/>
                  <a:pt x="402" y="18318"/>
                  <a:pt x="389" y="18356"/>
                </a:cubicBezTo>
                <a:cubicBezTo>
                  <a:pt x="443" y="18171"/>
                  <a:pt x="401" y="18192"/>
                  <a:pt x="419" y="18090"/>
                </a:cubicBezTo>
                <a:cubicBezTo>
                  <a:pt x="459" y="18011"/>
                  <a:pt x="505" y="17937"/>
                  <a:pt x="556" y="17865"/>
                </a:cubicBezTo>
                <a:cubicBezTo>
                  <a:pt x="570" y="17849"/>
                  <a:pt x="582" y="17833"/>
                  <a:pt x="593" y="17821"/>
                </a:cubicBezTo>
                <a:cubicBezTo>
                  <a:pt x="605" y="17807"/>
                  <a:pt x="616" y="17796"/>
                  <a:pt x="623" y="17786"/>
                </a:cubicBezTo>
                <a:cubicBezTo>
                  <a:pt x="637" y="17775"/>
                  <a:pt x="646" y="17768"/>
                  <a:pt x="652" y="17768"/>
                </a:cubicBezTo>
                <a:lnTo>
                  <a:pt x="652" y="17768"/>
                </a:lnTo>
                <a:lnTo>
                  <a:pt x="635" y="17756"/>
                </a:lnTo>
                <a:cubicBezTo>
                  <a:pt x="653" y="17733"/>
                  <a:pt x="672" y="17712"/>
                  <a:pt x="690" y="17691"/>
                </a:cubicBezTo>
                <a:cubicBezTo>
                  <a:pt x="704" y="17680"/>
                  <a:pt x="709" y="17678"/>
                  <a:pt x="714" y="17678"/>
                </a:cubicBezTo>
                <a:cubicBezTo>
                  <a:pt x="716" y="17678"/>
                  <a:pt x="714" y="17688"/>
                  <a:pt x="722" y="17688"/>
                </a:cubicBezTo>
                <a:cubicBezTo>
                  <a:pt x="724" y="17688"/>
                  <a:pt x="725" y="17688"/>
                  <a:pt x="727" y="17687"/>
                </a:cubicBezTo>
                <a:cubicBezTo>
                  <a:pt x="744" y="17657"/>
                  <a:pt x="734" y="17652"/>
                  <a:pt x="744" y="17629"/>
                </a:cubicBezTo>
                <a:cubicBezTo>
                  <a:pt x="755" y="17610"/>
                  <a:pt x="767" y="17592"/>
                  <a:pt x="783" y="17573"/>
                </a:cubicBezTo>
                <a:cubicBezTo>
                  <a:pt x="820" y="17536"/>
                  <a:pt x="857" y="17499"/>
                  <a:pt x="899" y="17467"/>
                </a:cubicBezTo>
                <a:lnTo>
                  <a:pt x="899" y="17467"/>
                </a:lnTo>
                <a:cubicBezTo>
                  <a:pt x="898" y="17473"/>
                  <a:pt x="900" y="17476"/>
                  <a:pt x="904" y="17476"/>
                </a:cubicBezTo>
                <a:cubicBezTo>
                  <a:pt x="909" y="17476"/>
                  <a:pt x="917" y="17473"/>
                  <a:pt x="927" y="17467"/>
                </a:cubicBezTo>
                <a:cubicBezTo>
                  <a:pt x="954" y="17451"/>
                  <a:pt x="980" y="17434"/>
                  <a:pt x="1003" y="17416"/>
                </a:cubicBezTo>
                <a:cubicBezTo>
                  <a:pt x="1049" y="17382"/>
                  <a:pt x="1102" y="17351"/>
                  <a:pt x="1122" y="17351"/>
                </a:cubicBezTo>
                <a:cubicBezTo>
                  <a:pt x="1127" y="17351"/>
                  <a:pt x="1130" y="17352"/>
                  <a:pt x="1131" y="17356"/>
                </a:cubicBezTo>
                <a:cubicBezTo>
                  <a:pt x="1161" y="17337"/>
                  <a:pt x="1184" y="17321"/>
                  <a:pt x="1207" y="17305"/>
                </a:cubicBezTo>
                <a:lnTo>
                  <a:pt x="1272" y="17263"/>
                </a:lnTo>
                <a:cubicBezTo>
                  <a:pt x="1295" y="17249"/>
                  <a:pt x="1316" y="17235"/>
                  <a:pt x="1341" y="17221"/>
                </a:cubicBezTo>
                <a:cubicBezTo>
                  <a:pt x="1369" y="17207"/>
                  <a:pt x="1397" y="17196"/>
                  <a:pt x="1427" y="17184"/>
                </a:cubicBezTo>
                <a:cubicBezTo>
                  <a:pt x="1444" y="17179"/>
                  <a:pt x="1455" y="17177"/>
                  <a:pt x="1461" y="17177"/>
                </a:cubicBezTo>
                <a:cubicBezTo>
                  <a:pt x="1482" y="17177"/>
                  <a:pt x="1443" y="17205"/>
                  <a:pt x="1385" y="17235"/>
                </a:cubicBezTo>
                <a:cubicBezTo>
                  <a:pt x="1367" y="17244"/>
                  <a:pt x="1346" y="17258"/>
                  <a:pt x="1327" y="17270"/>
                </a:cubicBezTo>
                <a:lnTo>
                  <a:pt x="1270" y="17305"/>
                </a:lnTo>
                <a:cubicBezTo>
                  <a:pt x="1251" y="17316"/>
                  <a:pt x="1232" y="17325"/>
                  <a:pt x="1216" y="17332"/>
                </a:cubicBezTo>
                <a:cubicBezTo>
                  <a:pt x="1200" y="17342"/>
                  <a:pt x="1186" y="17351"/>
                  <a:pt x="1179" y="17356"/>
                </a:cubicBezTo>
                <a:cubicBezTo>
                  <a:pt x="1130" y="17385"/>
                  <a:pt x="1111" y="17395"/>
                  <a:pt x="1107" y="17395"/>
                </a:cubicBezTo>
                <a:cubicBezTo>
                  <a:pt x="1099" y="17395"/>
                  <a:pt x="1146" y="17359"/>
                  <a:pt x="1141" y="17359"/>
                </a:cubicBezTo>
                <a:cubicBezTo>
                  <a:pt x="1140" y="17359"/>
                  <a:pt x="1135" y="17362"/>
                  <a:pt x="1126" y="17367"/>
                </a:cubicBezTo>
                <a:cubicBezTo>
                  <a:pt x="1075" y="17404"/>
                  <a:pt x="1024" y="17441"/>
                  <a:pt x="978" y="17481"/>
                </a:cubicBezTo>
                <a:cubicBezTo>
                  <a:pt x="1053" y="17430"/>
                  <a:pt x="1203" y="17351"/>
                  <a:pt x="1228" y="17351"/>
                </a:cubicBezTo>
                <a:cubicBezTo>
                  <a:pt x="1231" y="17351"/>
                  <a:pt x="1232" y="17353"/>
                  <a:pt x="1230" y="17356"/>
                </a:cubicBezTo>
                <a:cubicBezTo>
                  <a:pt x="1273" y="17331"/>
                  <a:pt x="1284" y="17323"/>
                  <a:pt x="1279" y="17323"/>
                </a:cubicBezTo>
                <a:cubicBezTo>
                  <a:pt x="1274" y="17323"/>
                  <a:pt x="1258" y="17329"/>
                  <a:pt x="1242" y="17335"/>
                </a:cubicBezTo>
                <a:cubicBezTo>
                  <a:pt x="1228" y="17341"/>
                  <a:pt x="1214" y="17347"/>
                  <a:pt x="1210" y="17347"/>
                </a:cubicBezTo>
                <a:cubicBezTo>
                  <a:pt x="1210" y="17347"/>
                  <a:pt x="1209" y="17347"/>
                  <a:pt x="1209" y="17346"/>
                </a:cubicBezTo>
                <a:cubicBezTo>
                  <a:pt x="1207" y="17344"/>
                  <a:pt x="1221" y="17332"/>
                  <a:pt x="1267" y="17307"/>
                </a:cubicBezTo>
                <a:cubicBezTo>
                  <a:pt x="1304" y="17293"/>
                  <a:pt x="1344" y="17275"/>
                  <a:pt x="1383" y="17261"/>
                </a:cubicBezTo>
                <a:cubicBezTo>
                  <a:pt x="1476" y="17214"/>
                  <a:pt x="1464" y="17212"/>
                  <a:pt x="1457" y="17207"/>
                </a:cubicBezTo>
                <a:cubicBezTo>
                  <a:pt x="1453" y="17203"/>
                  <a:pt x="1455" y="17203"/>
                  <a:pt x="1471" y="17193"/>
                </a:cubicBezTo>
                <a:cubicBezTo>
                  <a:pt x="1478" y="17189"/>
                  <a:pt x="1490" y="17182"/>
                  <a:pt x="1508" y="17175"/>
                </a:cubicBezTo>
                <a:cubicBezTo>
                  <a:pt x="1527" y="17166"/>
                  <a:pt x="1550" y="17156"/>
                  <a:pt x="1582" y="17145"/>
                </a:cubicBezTo>
                <a:lnTo>
                  <a:pt x="1582" y="17145"/>
                </a:lnTo>
                <a:cubicBezTo>
                  <a:pt x="1552" y="17159"/>
                  <a:pt x="1542" y="17165"/>
                  <a:pt x="1546" y="17165"/>
                </a:cubicBezTo>
                <a:cubicBezTo>
                  <a:pt x="1554" y="17165"/>
                  <a:pt x="1604" y="17148"/>
                  <a:pt x="1661" y="17129"/>
                </a:cubicBezTo>
                <a:cubicBezTo>
                  <a:pt x="1732" y="17103"/>
                  <a:pt x="1819" y="17082"/>
                  <a:pt x="1850" y="17082"/>
                </a:cubicBezTo>
                <a:cubicBezTo>
                  <a:pt x="1859" y="17082"/>
                  <a:pt x="1863" y="17083"/>
                  <a:pt x="1863" y="17086"/>
                </a:cubicBezTo>
                <a:lnTo>
                  <a:pt x="1863" y="17086"/>
                </a:lnTo>
                <a:cubicBezTo>
                  <a:pt x="1867" y="17070"/>
                  <a:pt x="1987" y="17036"/>
                  <a:pt x="2115" y="17015"/>
                </a:cubicBezTo>
                <a:cubicBezTo>
                  <a:pt x="2245" y="16992"/>
                  <a:pt x="2381" y="16976"/>
                  <a:pt x="2409" y="16959"/>
                </a:cubicBezTo>
                <a:lnTo>
                  <a:pt x="2409" y="16959"/>
                </a:lnTo>
                <a:lnTo>
                  <a:pt x="2333" y="16964"/>
                </a:lnTo>
                <a:lnTo>
                  <a:pt x="2259" y="16971"/>
                </a:lnTo>
                <a:lnTo>
                  <a:pt x="2293" y="16980"/>
                </a:lnTo>
                <a:lnTo>
                  <a:pt x="2178" y="16999"/>
                </a:lnTo>
                <a:cubicBezTo>
                  <a:pt x="2141" y="17006"/>
                  <a:pt x="2106" y="17015"/>
                  <a:pt x="2069" y="17022"/>
                </a:cubicBezTo>
                <a:cubicBezTo>
                  <a:pt x="1995" y="17036"/>
                  <a:pt x="1923" y="17057"/>
                  <a:pt x="1842" y="17073"/>
                </a:cubicBezTo>
                <a:cubicBezTo>
                  <a:pt x="1967" y="17029"/>
                  <a:pt x="1791" y="17057"/>
                  <a:pt x="1937" y="17010"/>
                </a:cubicBezTo>
                <a:cubicBezTo>
                  <a:pt x="1981" y="16997"/>
                  <a:pt x="2022" y="16985"/>
                  <a:pt x="2069" y="16978"/>
                </a:cubicBezTo>
                <a:cubicBezTo>
                  <a:pt x="2075" y="16977"/>
                  <a:pt x="2080" y="16976"/>
                  <a:pt x="2083" y="16976"/>
                </a:cubicBezTo>
                <a:cubicBezTo>
                  <a:pt x="2090" y="16976"/>
                  <a:pt x="2090" y="16979"/>
                  <a:pt x="2085" y="16980"/>
                </a:cubicBezTo>
                <a:cubicBezTo>
                  <a:pt x="2076" y="16989"/>
                  <a:pt x="2041" y="17004"/>
                  <a:pt x="2054" y="17004"/>
                </a:cubicBezTo>
                <a:cubicBezTo>
                  <a:pt x="2055" y="17004"/>
                  <a:pt x="2056" y="17004"/>
                  <a:pt x="2057" y="17004"/>
                </a:cubicBezTo>
                <a:lnTo>
                  <a:pt x="2168" y="16973"/>
                </a:lnTo>
                <a:lnTo>
                  <a:pt x="2282" y="16948"/>
                </a:lnTo>
                <a:lnTo>
                  <a:pt x="2282" y="16948"/>
                </a:lnTo>
                <a:cubicBezTo>
                  <a:pt x="2229" y="16953"/>
                  <a:pt x="2175" y="16953"/>
                  <a:pt x="2124" y="16959"/>
                </a:cubicBezTo>
                <a:cubicBezTo>
                  <a:pt x="2347" y="16915"/>
                  <a:pt x="2571" y="16890"/>
                  <a:pt x="2796" y="16888"/>
                </a:cubicBezTo>
                <a:cubicBezTo>
                  <a:pt x="2805" y="16887"/>
                  <a:pt x="2815" y="16887"/>
                  <a:pt x="2824" y="16887"/>
                </a:cubicBezTo>
                <a:cubicBezTo>
                  <a:pt x="2866" y="16887"/>
                  <a:pt x="2909" y="16891"/>
                  <a:pt x="2949" y="16895"/>
                </a:cubicBezTo>
                <a:cubicBezTo>
                  <a:pt x="2967" y="16899"/>
                  <a:pt x="2958" y="16902"/>
                  <a:pt x="2947" y="16904"/>
                </a:cubicBezTo>
                <a:cubicBezTo>
                  <a:pt x="2921" y="16909"/>
                  <a:pt x="2884" y="16913"/>
                  <a:pt x="3016" y="16920"/>
                </a:cubicBezTo>
                <a:cubicBezTo>
                  <a:pt x="3074" y="16915"/>
                  <a:pt x="3097" y="16913"/>
                  <a:pt x="3127" y="16913"/>
                </a:cubicBezTo>
                <a:cubicBezTo>
                  <a:pt x="3148" y="16911"/>
                  <a:pt x="3168" y="16910"/>
                  <a:pt x="3189" y="16910"/>
                </a:cubicBezTo>
                <a:cubicBezTo>
                  <a:pt x="3218" y="16910"/>
                  <a:pt x="3246" y="16912"/>
                  <a:pt x="3276" y="16913"/>
                </a:cubicBezTo>
                <a:cubicBezTo>
                  <a:pt x="3244" y="16908"/>
                  <a:pt x="3215" y="16907"/>
                  <a:pt x="3188" y="16907"/>
                </a:cubicBezTo>
                <a:cubicBezTo>
                  <a:pt x="3142" y="16907"/>
                  <a:pt x="3102" y="16911"/>
                  <a:pt x="3064" y="16911"/>
                </a:cubicBezTo>
                <a:cubicBezTo>
                  <a:pt x="3059" y="16911"/>
                  <a:pt x="3054" y="16911"/>
                  <a:pt x="3049" y="16911"/>
                </a:cubicBezTo>
                <a:cubicBezTo>
                  <a:pt x="3009" y="16899"/>
                  <a:pt x="3083" y="16899"/>
                  <a:pt x="3167" y="16897"/>
                </a:cubicBezTo>
                <a:cubicBezTo>
                  <a:pt x="3195" y="16897"/>
                  <a:pt x="3224" y="16897"/>
                  <a:pt x="3250" y="16897"/>
                </a:cubicBezTo>
                <a:cubicBezTo>
                  <a:pt x="3302" y="16897"/>
                  <a:pt x="3340" y="16896"/>
                  <a:pt x="3336" y="16890"/>
                </a:cubicBezTo>
                <a:lnTo>
                  <a:pt x="3336" y="16890"/>
                </a:lnTo>
                <a:cubicBezTo>
                  <a:pt x="3405" y="16902"/>
                  <a:pt x="3391" y="16909"/>
                  <a:pt x="3336" y="16915"/>
                </a:cubicBezTo>
                <a:cubicBezTo>
                  <a:pt x="3621" y="16920"/>
                  <a:pt x="3896" y="16946"/>
                  <a:pt x="4001" y="16980"/>
                </a:cubicBezTo>
                <a:lnTo>
                  <a:pt x="4128" y="16964"/>
                </a:lnTo>
                <a:cubicBezTo>
                  <a:pt x="4335" y="16984"/>
                  <a:pt x="4307" y="16986"/>
                  <a:pt x="4236" y="16986"/>
                </a:cubicBezTo>
                <a:cubicBezTo>
                  <a:pt x="4210" y="16986"/>
                  <a:pt x="4178" y="16986"/>
                  <a:pt x="4150" y="16986"/>
                </a:cubicBezTo>
                <a:cubicBezTo>
                  <a:pt x="4074" y="16986"/>
                  <a:pt x="4027" y="16989"/>
                  <a:pt x="4202" y="17008"/>
                </a:cubicBezTo>
                <a:cubicBezTo>
                  <a:pt x="4319" y="17022"/>
                  <a:pt x="4436" y="17027"/>
                  <a:pt x="4553" y="17027"/>
                </a:cubicBezTo>
                <a:cubicBezTo>
                  <a:pt x="4575" y="17027"/>
                  <a:pt x="4597" y="17027"/>
                  <a:pt x="4619" y="17027"/>
                </a:cubicBezTo>
                <a:lnTo>
                  <a:pt x="4471" y="17017"/>
                </a:lnTo>
                <a:cubicBezTo>
                  <a:pt x="4566" y="17006"/>
                  <a:pt x="4663" y="17001"/>
                  <a:pt x="4760" y="16999"/>
                </a:cubicBezTo>
                <a:cubicBezTo>
                  <a:pt x="4859" y="17004"/>
                  <a:pt x="4842" y="17014"/>
                  <a:pt x="4899" y="17014"/>
                </a:cubicBezTo>
                <a:cubicBezTo>
                  <a:pt x="4916" y="17014"/>
                  <a:pt x="4941" y="17013"/>
                  <a:pt x="4978" y="17010"/>
                </a:cubicBezTo>
                <a:cubicBezTo>
                  <a:pt x="5299" y="17022"/>
                  <a:pt x="5185" y="17040"/>
                  <a:pt x="5094" y="17059"/>
                </a:cubicBezTo>
                <a:lnTo>
                  <a:pt x="5094" y="17059"/>
                </a:lnTo>
                <a:cubicBezTo>
                  <a:pt x="5124" y="17058"/>
                  <a:pt x="5157" y="17057"/>
                  <a:pt x="5189" y="17057"/>
                </a:cubicBezTo>
                <a:cubicBezTo>
                  <a:pt x="5245" y="17054"/>
                  <a:pt x="5298" y="17052"/>
                  <a:pt x="5342" y="17050"/>
                </a:cubicBezTo>
                <a:cubicBezTo>
                  <a:pt x="5370" y="17050"/>
                  <a:pt x="5397" y="17045"/>
                  <a:pt x="5423" y="17038"/>
                </a:cubicBezTo>
                <a:lnTo>
                  <a:pt x="5423" y="17038"/>
                </a:lnTo>
                <a:cubicBezTo>
                  <a:pt x="5426" y="17043"/>
                  <a:pt x="5407" y="17056"/>
                  <a:pt x="5333" y="17066"/>
                </a:cubicBezTo>
                <a:lnTo>
                  <a:pt x="5333" y="17066"/>
                </a:lnTo>
                <a:cubicBezTo>
                  <a:pt x="5286" y="17063"/>
                  <a:pt x="5252" y="17062"/>
                  <a:pt x="5227" y="17062"/>
                </a:cubicBezTo>
                <a:cubicBezTo>
                  <a:pt x="5177" y="17062"/>
                  <a:pt x="5163" y="17066"/>
                  <a:pt x="5159" y="17071"/>
                </a:cubicBezTo>
                <a:cubicBezTo>
                  <a:pt x="5156" y="17073"/>
                  <a:pt x="5160" y="17077"/>
                  <a:pt x="5151" y="17077"/>
                </a:cubicBezTo>
                <a:cubicBezTo>
                  <a:pt x="5145" y="17077"/>
                  <a:pt x="5134" y="17075"/>
                  <a:pt x="5110" y="17071"/>
                </a:cubicBezTo>
                <a:cubicBezTo>
                  <a:pt x="5088" y="17071"/>
                  <a:pt x="5066" y="17071"/>
                  <a:pt x="5044" y="17070"/>
                </a:cubicBezTo>
                <a:lnTo>
                  <a:pt x="5044" y="17070"/>
                </a:lnTo>
                <a:cubicBezTo>
                  <a:pt x="5041" y="17071"/>
                  <a:pt x="5038" y="17072"/>
                  <a:pt x="5036" y="17073"/>
                </a:cubicBezTo>
                <a:cubicBezTo>
                  <a:pt x="5154" y="17078"/>
                  <a:pt x="5155" y="17086"/>
                  <a:pt x="5125" y="17094"/>
                </a:cubicBezTo>
                <a:lnTo>
                  <a:pt x="5125" y="17094"/>
                </a:lnTo>
                <a:lnTo>
                  <a:pt x="5187" y="17087"/>
                </a:lnTo>
                <a:lnTo>
                  <a:pt x="5230" y="17081"/>
                </a:lnTo>
                <a:lnTo>
                  <a:pt x="5230" y="17081"/>
                </a:lnTo>
                <a:lnTo>
                  <a:pt x="5316" y="17103"/>
                </a:lnTo>
                <a:cubicBezTo>
                  <a:pt x="5403" y="17103"/>
                  <a:pt x="5464" y="17084"/>
                  <a:pt x="5515" y="17084"/>
                </a:cubicBezTo>
                <a:cubicBezTo>
                  <a:pt x="5525" y="17084"/>
                  <a:pt x="5536" y="17085"/>
                  <a:pt x="5546" y="17087"/>
                </a:cubicBezTo>
                <a:cubicBezTo>
                  <a:pt x="5669" y="17091"/>
                  <a:pt x="5462" y="17121"/>
                  <a:pt x="5548" y="17121"/>
                </a:cubicBezTo>
                <a:cubicBezTo>
                  <a:pt x="5573" y="17121"/>
                  <a:pt x="5620" y="17118"/>
                  <a:pt x="5706" y="17112"/>
                </a:cubicBezTo>
                <a:cubicBezTo>
                  <a:pt x="5756" y="17108"/>
                  <a:pt x="5801" y="17098"/>
                  <a:pt x="5840" y="17094"/>
                </a:cubicBezTo>
                <a:cubicBezTo>
                  <a:pt x="5879" y="17089"/>
                  <a:pt x="5914" y="17082"/>
                  <a:pt x="5944" y="17075"/>
                </a:cubicBezTo>
                <a:lnTo>
                  <a:pt x="5986" y="17066"/>
                </a:lnTo>
                <a:lnTo>
                  <a:pt x="6053" y="17050"/>
                </a:lnTo>
                <a:lnTo>
                  <a:pt x="6169" y="17020"/>
                </a:lnTo>
                <a:lnTo>
                  <a:pt x="6194" y="17013"/>
                </a:lnTo>
                <a:lnTo>
                  <a:pt x="6208" y="17010"/>
                </a:lnTo>
                <a:lnTo>
                  <a:pt x="6213" y="17008"/>
                </a:lnTo>
                <a:cubicBezTo>
                  <a:pt x="6213" y="17008"/>
                  <a:pt x="6215" y="17006"/>
                  <a:pt x="6217" y="17004"/>
                </a:cubicBezTo>
                <a:lnTo>
                  <a:pt x="6241" y="16955"/>
                </a:lnTo>
                <a:lnTo>
                  <a:pt x="6289" y="16855"/>
                </a:lnTo>
                <a:lnTo>
                  <a:pt x="6333" y="16770"/>
                </a:lnTo>
                <a:cubicBezTo>
                  <a:pt x="6347" y="16746"/>
                  <a:pt x="6361" y="16721"/>
                  <a:pt x="6377" y="16691"/>
                </a:cubicBezTo>
                <a:lnTo>
                  <a:pt x="6377" y="16691"/>
                </a:lnTo>
                <a:cubicBezTo>
                  <a:pt x="6363" y="16707"/>
                  <a:pt x="6350" y="16728"/>
                  <a:pt x="6338" y="16749"/>
                </a:cubicBezTo>
                <a:lnTo>
                  <a:pt x="6312" y="16793"/>
                </a:lnTo>
                <a:cubicBezTo>
                  <a:pt x="6296" y="16823"/>
                  <a:pt x="6280" y="16851"/>
                  <a:pt x="6261" y="16883"/>
                </a:cubicBezTo>
                <a:cubicBezTo>
                  <a:pt x="6280" y="16844"/>
                  <a:pt x="6284" y="16833"/>
                  <a:pt x="6281" y="16833"/>
                </a:cubicBezTo>
                <a:cubicBezTo>
                  <a:pt x="6278" y="16833"/>
                  <a:pt x="6271" y="16841"/>
                  <a:pt x="6266" y="16846"/>
                </a:cubicBezTo>
                <a:cubicBezTo>
                  <a:pt x="6264" y="16848"/>
                  <a:pt x="6262" y="16850"/>
                  <a:pt x="6261" y="16850"/>
                </a:cubicBezTo>
                <a:cubicBezTo>
                  <a:pt x="6259" y="16850"/>
                  <a:pt x="6259" y="16848"/>
                  <a:pt x="6261" y="16841"/>
                </a:cubicBezTo>
                <a:cubicBezTo>
                  <a:pt x="6264" y="16834"/>
                  <a:pt x="6268" y="16825"/>
                  <a:pt x="6275" y="16809"/>
                </a:cubicBezTo>
                <a:lnTo>
                  <a:pt x="6299" y="16760"/>
                </a:lnTo>
                <a:cubicBezTo>
                  <a:pt x="6352" y="16695"/>
                  <a:pt x="6396" y="16624"/>
                  <a:pt x="6431" y="16549"/>
                </a:cubicBezTo>
                <a:cubicBezTo>
                  <a:pt x="6456" y="16501"/>
                  <a:pt x="6482" y="16448"/>
                  <a:pt x="6509" y="16392"/>
                </a:cubicBezTo>
                <a:lnTo>
                  <a:pt x="6579" y="16232"/>
                </a:lnTo>
                <a:lnTo>
                  <a:pt x="6579" y="16232"/>
                </a:lnTo>
                <a:cubicBezTo>
                  <a:pt x="6577" y="16244"/>
                  <a:pt x="6577" y="16248"/>
                  <a:pt x="6580" y="16248"/>
                </a:cubicBezTo>
                <a:cubicBezTo>
                  <a:pt x="6587" y="16248"/>
                  <a:pt x="6610" y="16212"/>
                  <a:pt x="6615" y="16212"/>
                </a:cubicBezTo>
                <a:cubicBezTo>
                  <a:pt x="6617" y="16212"/>
                  <a:pt x="6616" y="16217"/>
                  <a:pt x="6611" y="16232"/>
                </a:cubicBezTo>
                <a:cubicBezTo>
                  <a:pt x="6623" y="16204"/>
                  <a:pt x="6632" y="16179"/>
                  <a:pt x="6644" y="16153"/>
                </a:cubicBezTo>
                <a:cubicBezTo>
                  <a:pt x="6653" y="16130"/>
                  <a:pt x="6660" y="16105"/>
                  <a:pt x="6667" y="16084"/>
                </a:cubicBezTo>
                <a:cubicBezTo>
                  <a:pt x="6678" y="16049"/>
                  <a:pt x="6690" y="16014"/>
                  <a:pt x="6697" y="15980"/>
                </a:cubicBezTo>
                <a:lnTo>
                  <a:pt x="6697" y="15980"/>
                </a:lnTo>
                <a:cubicBezTo>
                  <a:pt x="6659" y="16067"/>
                  <a:pt x="6644" y="16099"/>
                  <a:pt x="6641" y="16099"/>
                </a:cubicBezTo>
                <a:cubicBezTo>
                  <a:pt x="6638" y="16099"/>
                  <a:pt x="6660" y="16036"/>
                  <a:pt x="6683" y="15968"/>
                </a:cubicBezTo>
                <a:cubicBezTo>
                  <a:pt x="6699" y="15922"/>
                  <a:pt x="6716" y="15873"/>
                  <a:pt x="6727" y="15822"/>
                </a:cubicBezTo>
                <a:cubicBezTo>
                  <a:pt x="6729" y="15814"/>
                  <a:pt x="6729" y="15809"/>
                  <a:pt x="6728" y="15809"/>
                </a:cubicBezTo>
                <a:cubicBezTo>
                  <a:pt x="6726" y="15809"/>
                  <a:pt x="6715" y="15831"/>
                  <a:pt x="6690" y="15885"/>
                </a:cubicBezTo>
                <a:cubicBezTo>
                  <a:pt x="6806" y="15556"/>
                  <a:pt x="6841" y="15496"/>
                  <a:pt x="6910" y="15287"/>
                </a:cubicBezTo>
                <a:lnTo>
                  <a:pt x="6910" y="15287"/>
                </a:lnTo>
                <a:cubicBezTo>
                  <a:pt x="6913" y="15299"/>
                  <a:pt x="6860" y="15498"/>
                  <a:pt x="6867" y="15498"/>
                </a:cubicBezTo>
                <a:cubicBezTo>
                  <a:pt x="6869" y="15498"/>
                  <a:pt x="6881" y="15467"/>
                  <a:pt x="6908" y="15384"/>
                </a:cubicBezTo>
                <a:cubicBezTo>
                  <a:pt x="6912" y="15361"/>
                  <a:pt x="6915" y="15343"/>
                  <a:pt x="6919" y="15326"/>
                </a:cubicBezTo>
                <a:cubicBezTo>
                  <a:pt x="6924" y="15308"/>
                  <a:pt x="6924" y="15294"/>
                  <a:pt x="6926" y="15282"/>
                </a:cubicBezTo>
                <a:cubicBezTo>
                  <a:pt x="6929" y="15268"/>
                  <a:pt x="6929" y="15255"/>
                  <a:pt x="6929" y="15238"/>
                </a:cubicBezTo>
                <a:cubicBezTo>
                  <a:pt x="6929" y="15232"/>
                  <a:pt x="6928" y="15230"/>
                  <a:pt x="6926" y="15230"/>
                </a:cubicBezTo>
                <a:cubicBezTo>
                  <a:pt x="6923" y="15230"/>
                  <a:pt x="6919" y="15236"/>
                  <a:pt x="6915" y="15243"/>
                </a:cubicBezTo>
                <a:cubicBezTo>
                  <a:pt x="6909" y="15253"/>
                  <a:pt x="6903" y="15264"/>
                  <a:pt x="6899" y="15264"/>
                </a:cubicBezTo>
                <a:cubicBezTo>
                  <a:pt x="6893" y="15264"/>
                  <a:pt x="6892" y="15242"/>
                  <a:pt x="6903" y="15162"/>
                </a:cubicBezTo>
                <a:lnTo>
                  <a:pt x="6903" y="15162"/>
                </a:lnTo>
                <a:cubicBezTo>
                  <a:pt x="6885" y="15234"/>
                  <a:pt x="6866" y="15306"/>
                  <a:pt x="6841" y="15377"/>
                </a:cubicBezTo>
                <a:cubicBezTo>
                  <a:pt x="6840" y="15378"/>
                  <a:pt x="6839" y="15378"/>
                  <a:pt x="6839" y="15378"/>
                </a:cubicBezTo>
                <a:cubicBezTo>
                  <a:pt x="6834" y="15378"/>
                  <a:pt x="6836" y="15358"/>
                  <a:pt x="6841" y="15326"/>
                </a:cubicBezTo>
                <a:cubicBezTo>
                  <a:pt x="6848" y="15289"/>
                  <a:pt x="6859" y="15241"/>
                  <a:pt x="6873" y="15187"/>
                </a:cubicBezTo>
                <a:lnTo>
                  <a:pt x="6912" y="15037"/>
                </a:lnTo>
                <a:cubicBezTo>
                  <a:pt x="6922" y="14991"/>
                  <a:pt x="6929" y="14956"/>
                  <a:pt x="6931" y="14942"/>
                </a:cubicBezTo>
                <a:cubicBezTo>
                  <a:pt x="6937" y="14918"/>
                  <a:pt x="6939" y="14909"/>
                  <a:pt x="6940" y="14909"/>
                </a:cubicBezTo>
                <a:lnTo>
                  <a:pt x="6940" y="14909"/>
                </a:lnTo>
                <a:cubicBezTo>
                  <a:pt x="6944" y="14909"/>
                  <a:pt x="6922" y="15033"/>
                  <a:pt x="6931" y="15033"/>
                </a:cubicBezTo>
                <a:cubicBezTo>
                  <a:pt x="6933" y="15033"/>
                  <a:pt x="6937" y="15025"/>
                  <a:pt x="6945" y="15002"/>
                </a:cubicBezTo>
                <a:cubicBezTo>
                  <a:pt x="6968" y="14902"/>
                  <a:pt x="6980" y="14826"/>
                  <a:pt x="6991" y="14757"/>
                </a:cubicBezTo>
                <a:cubicBezTo>
                  <a:pt x="6996" y="14694"/>
                  <a:pt x="7007" y="14629"/>
                  <a:pt x="7019" y="14567"/>
                </a:cubicBezTo>
                <a:cubicBezTo>
                  <a:pt x="7019" y="14696"/>
                  <a:pt x="7024" y="14615"/>
                  <a:pt x="7019" y="14761"/>
                </a:cubicBezTo>
                <a:cubicBezTo>
                  <a:pt x="7045" y="14582"/>
                  <a:pt x="7054" y="14540"/>
                  <a:pt x="7058" y="14540"/>
                </a:cubicBezTo>
                <a:cubicBezTo>
                  <a:pt x="7059" y="14540"/>
                  <a:pt x="7060" y="14545"/>
                  <a:pt x="7061" y="14550"/>
                </a:cubicBezTo>
                <a:cubicBezTo>
                  <a:pt x="7062" y="14558"/>
                  <a:pt x="7064" y="14567"/>
                  <a:pt x="7067" y="14567"/>
                </a:cubicBezTo>
                <a:cubicBezTo>
                  <a:pt x="7068" y="14567"/>
                  <a:pt x="7069" y="14566"/>
                  <a:pt x="7070" y="14564"/>
                </a:cubicBezTo>
                <a:cubicBezTo>
                  <a:pt x="7077" y="14550"/>
                  <a:pt x="7079" y="14536"/>
                  <a:pt x="7082" y="14523"/>
                </a:cubicBezTo>
                <a:cubicBezTo>
                  <a:pt x="7091" y="14490"/>
                  <a:pt x="7095" y="14455"/>
                  <a:pt x="7100" y="14423"/>
                </a:cubicBezTo>
                <a:cubicBezTo>
                  <a:pt x="7107" y="14305"/>
                  <a:pt x="7084" y="14377"/>
                  <a:pt x="7107" y="14189"/>
                </a:cubicBezTo>
                <a:lnTo>
                  <a:pt x="7107" y="14189"/>
                </a:lnTo>
                <a:cubicBezTo>
                  <a:pt x="7093" y="14242"/>
                  <a:pt x="7084" y="14265"/>
                  <a:pt x="7075" y="14314"/>
                </a:cubicBezTo>
                <a:cubicBezTo>
                  <a:pt x="7070" y="14340"/>
                  <a:pt x="7065" y="14370"/>
                  <a:pt x="7061" y="14411"/>
                </a:cubicBezTo>
                <a:cubicBezTo>
                  <a:pt x="7054" y="14455"/>
                  <a:pt x="7047" y="14511"/>
                  <a:pt x="7035" y="14587"/>
                </a:cubicBezTo>
                <a:cubicBezTo>
                  <a:pt x="7033" y="14550"/>
                  <a:pt x="7035" y="14511"/>
                  <a:pt x="7040" y="14476"/>
                </a:cubicBezTo>
                <a:cubicBezTo>
                  <a:pt x="7044" y="14430"/>
                  <a:pt x="7051" y="14377"/>
                  <a:pt x="7058" y="14319"/>
                </a:cubicBezTo>
                <a:cubicBezTo>
                  <a:pt x="7063" y="14291"/>
                  <a:pt x="7065" y="14261"/>
                  <a:pt x="7070" y="14233"/>
                </a:cubicBezTo>
                <a:cubicBezTo>
                  <a:pt x="7075" y="14203"/>
                  <a:pt x="7077" y="14175"/>
                  <a:pt x="7079" y="14143"/>
                </a:cubicBezTo>
                <a:cubicBezTo>
                  <a:pt x="7082" y="14085"/>
                  <a:pt x="7086" y="14025"/>
                  <a:pt x="7084" y="13971"/>
                </a:cubicBezTo>
                <a:lnTo>
                  <a:pt x="7084" y="13971"/>
                </a:lnTo>
                <a:cubicBezTo>
                  <a:pt x="7070" y="14143"/>
                  <a:pt x="7077" y="14025"/>
                  <a:pt x="7068" y="14210"/>
                </a:cubicBezTo>
                <a:cubicBezTo>
                  <a:pt x="7054" y="14221"/>
                  <a:pt x="7045" y="14242"/>
                  <a:pt x="7038" y="14242"/>
                </a:cubicBezTo>
                <a:cubicBezTo>
                  <a:pt x="7038" y="14242"/>
                  <a:pt x="7038" y="14242"/>
                  <a:pt x="7037" y="14242"/>
                </a:cubicBezTo>
                <a:cubicBezTo>
                  <a:pt x="7033" y="14242"/>
                  <a:pt x="7033" y="14235"/>
                  <a:pt x="7031" y="14219"/>
                </a:cubicBezTo>
                <a:cubicBezTo>
                  <a:pt x="7028" y="14201"/>
                  <a:pt x="7026" y="14173"/>
                  <a:pt x="7024" y="14131"/>
                </a:cubicBezTo>
                <a:cubicBezTo>
                  <a:pt x="7024" y="14182"/>
                  <a:pt x="7019" y="14224"/>
                  <a:pt x="7019" y="14263"/>
                </a:cubicBezTo>
                <a:cubicBezTo>
                  <a:pt x="7019" y="14305"/>
                  <a:pt x="7017" y="14342"/>
                  <a:pt x="7017" y="14384"/>
                </a:cubicBezTo>
                <a:cubicBezTo>
                  <a:pt x="7014" y="14488"/>
                  <a:pt x="7003" y="14594"/>
                  <a:pt x="6982" y="14699"/>
                </a:cubicBezTo>
                <a:cubicBezTo>
                  <a:pt x="6979" y="14704"/>
                  <a:pt x="6977" y="14707"/>
                  <a:pt x="6975" y="14707"/>
                </a:cubicBezTo>
                <a:cubicBezTo>
                  <a:pt x="6966" y="14707"/>
                  <a:pt x="6974" y="14633"/>
                  <a:pt x="6982" y="14550"/>
                </a:cubicBezTo>
                <a:cubicBezTo>
                  <a:pt x="6991" y="14453"/>
                  <a:pt x="6993" y="14349"/>
                  <a:pt x="6980" y="14344"/>
                </a:cubicBezTo>
                <a:cubicBezTo>
                  <a:pt x="6980" y="14309"/>
                  <a:pt x="6982" y="14261"/>
                  <a:pt x="6987" y="14208"/>
                </a:cubicBezTo>
                <a:cubicBezTo>
                  <a:pt x="6991" y="14152"/>
                  <a:pt x="6993" y="14092"/>
                  <a:pt x="6998" y="14034"/>
                </a:cubicBezTo>
                <a:cubicBezTo>
                  <a:pt x="7012" y="13911"/>
                  <a:pt x="7017" y="13788"/>
                  <a:pt x="7024" y="13710"/>
                </a:cubicBezTo>
                <a:cubicBezTo>
                  <a:pt x="7007" y="13436"/>
                  <a:pt x="6989" y="13100"/>
                  <a:pt x="6931" y="12896"/>
                </a:cubicBezTo>
                <a:cubicBezTo>
                  <a:pt x="6924" y="12799"/>
                  <a:pt x="6892" y="12628"/>
                  <a:pt x="6852" y="12440"/>
                </a:cubicBezTo>
                <a:cubicBezTo>
                  <a:pt x="6813" y="12250"/>
                  <a:pt x="6760" y="12046"/>
                  <a:pt x="6736" y="11868"/>
                </a:cubicBezTo>
                <a:cubicBezTo>
                  <a:pt x="6739" y="11838"/>
                  <a:pt x="6727" y="11729"/>
                  <a:pt x="6725" y="11655"/>
                </a:cubicBezTo>
                <a:cubicBezTo>
                  <a:pt x="6722" y="11612"/>
                  <a:pt x="6722" y="11581"/>
                  <a:pt x="6724" y="11581"/>
                </a:cubicBezTo>
                <a:cubicBezTo>
                  <a:pt x="6726" y="11581"/>
                  <a:pt x="6730" y="11600"/>
                  <a:pt x="6736" y="11648"/>
                </a:cubicBezTo>
                <a:cubicBezTo>
                  <a:pt x="6736" y="11639"/>
                  <a:pt x="6732" y="11615"/>
                  <a:pt x="6729" y="11585"/>
                </a:cubicBezTo>
                <a:cubicBezTo>
                  <a:pt x="6727" y="11555"/>
                  <a:pt x="6725" y="11518"/>
                  <a:pt x="6725" y="11483"/>
                </a:cubicBezTo>
                <a:cubicBezTo>
                  <a:pt x="6723" y="11433"/>
                  <a:pt x="6724" y="11390"/>
                  <a:pt x="6719" y="11390"/>
                </a:cubicBezTo>
                <a:cubicBezTo>
                  <a:pt x="6718" y="11390"/>
                  <a:pt x="6716" y="11394"/>
                  <a:pt x="6713" y="11402"/>
                </a:cubicBezTo>
                <a:cubicBezTo>
                  <a:pt x="6716" y="11419"/>
                  <a:pt x="6716" y="11435"/>
                  <a:pt x="6713" y="11453"/>
                </a:cubicBezTo>
                <a:cubicBezTo>
                  <a:pt x="6713" y="11476"/>
                  <a:pt x="6713" y="11502"/>
                  <a:pt x="6713" y="11527"/>
                </a:cubicBezTo>
                <a:cubicBezTo>
                  <a:pt x="6709" y="11509"/>
                  <a:pt x="6702" y="11490"/>
                  <a:pt x="6697" y="11470"/>
                </a:cubicBezTo>
                <a:cubicBezTo>
                  <a:pt x="6699" y="11381"/>
                  <a:pt x="6709" y="11293"/>
                  <a:pt x="6720" y="11205"/>
                </a:cubicBezTo>
                <a:cubicBezTo>
                  <a:pt x="6734" y="11120"/>
                  <a:pt x="6760" y="11036"/>
                  <a:pt x="6797" y="10958"/>
                </a:cubicBezTo>
                <a:cubicBezTo>
                  <a:pt x="6798" y="10955"/>
                  <a:pt x="6799" y="10953"/>
                  <a:pt x="6800" y="10953"/>
                </a:cubicBezTo>
                <a:cubicBezTo>
                  <a:pt x="6802" y="10953"/>
                  <a:pt x="6800" y="10966"/>
                  <a:pt x="6797" y="10983"/>
                </a:cubicBezTo>
                <a:cubicBezTo>
                  <a:pt x="6792" y="10995"/>
                  <a:pt x="6787" y="11009"/>
                  <a:pt x="6783" y="11025"/>
                </a:cubicBezTo>
                <a:cubicBezTo>
                  <a:pt x="6776" y="11041"/>
                  <a:pt x="6773" y="11057"/>
                  <a:pt x="6769" y="11073"/>
                </a:cubicBezTo>
                <a:cubicBezTo>
                  <a:pt x="6755" y="11124"/>
                  <a:pt x="6745" y="11170"/>
                  <a:pt x="6749" y="11170"/>
                </a:cubicBezTo>
                <a:cubicBezTo>
                  <a:pt x="6751" y="11170"/>
                  <a:pt x="6754" y="11164"/>
                  <a:pt x="6760" y="11152"/>
                </a:cubicBezTo>
                <a:cubicBezTo>
                  <a:pt x="6766" y="11087"/>
                  <a:pt x="6783" y="11025"/>
                  <a:pt x="6804" y="10965"/>
                </a:cubicBezTo>
                <a:cubicBezTo>
                  <a:pt x="6838" y="10872"/>
                  <a:pt x="6878" y="10784"/>
                  <a:pt x="6929" y="10700"/>
                </a:cubicBezTo>
                <a:cubicBezTo>
                  <a:pt x="7019" y="10550"/>
                  <a:pt x="7126" y="10406"/>
                  <a:pt x="7246" y="10277"/>
                </a:cubicBezTo>
                <a:cubicBezTo>
                  <a:pt x="7341" y="10172"/>
                  <a:pt x="7369" y="10175"/>
                  <a:pt x="7410" y="10133"/>
                </a:cubicBezTo>
                <a:lnTo>
                  <a:pt x="7566" y="9952"/>
                </a:lnTo>
                <a:cubicBezTo>
                  <a:pt x="7589" y="9938"/>
                  <a:pt x="7612" y="9927"/>
                  <a:pt x="7633" y="9911"/>
                </a:cubicBezTo>
                <a:cubicBezTo>
                  <a:pt x="7695" y="9846"/>
                  <a:pt x="7753" y="9776"/>
                  <a:pt x="7807" y="9704"/>
                </a:cubicBezTo>
                <a:cubicBezTo>
                  <a:pt x="7891" y="9619"/>
                  <a:pt x="7928" y="9587"/>
                  <a:pt x="7936" y="9587"/>
                </a:cubicBezTo>
                <a:cubicBezTo>
                  <a:pt x="7949" y="9587"/>
                  <a:pt x="7890" y="9668"/>
                  <a:pt x="7832" y="9746"/>
                </a:cubicBezTo>
                <a:lnTo>
                  <a:pt x="7709" y="9873"/>
                </a:lnTo>
                <a:cubicBezTo>
                  <a:pt x="7647" y="9956"/>
                  <a:pt x="7553" y="10061"/>
                  <a:pt x="7566" y="10061"/>
                </a:cubicBezTo>
                <a:cubicBezTo>
                  <a:pt x="7569" y="10061"/>
                  <a:pt x="7577" y="10055"/>
                  <a:pt x="7593" y="10043"/>
                </a:cubicBezTo>
                <a:cubicBezTo>
                  <a:pt x="7621" y="10012"/>
                  <a:pt x="7642" y="9980"/>
                  <a:pt x="7661" y="9945"/>
                </a:cubicBezTo>
                <a:lnTo>
                  <a:pt x="7737" y="9876"/>
                </a:lnTo>
                <a:cubicBezTo>
                  <a:pt x="7798" y="9793"/>
                  <a:pt x="7976" y="9588"/>
                  <a:pt x="7957" y="9588"/>
                </a:cubicBezTo>
                <a:cubicBezTo>
                  <a:pt x="7957" y="9588"/>
                  <a:pt x="7956" y="9588"/>
                  <a:pt x="7955" y="9589"/>
                </a:cubicBezTo>
                <a:cubicBezTo>
                  <a:pt x="8105" y="9441"/>
                  <a:pt x="8257" y="9256"/>
                  <a:pt x="8396" y="9131"/>
                </a:cubicBezTo>
                <a:lnTo>
                  <a:pt x="8396" y="9131"/>
                </a:lnTo>
                <a:cubicBezTo>
                  <a:pt x="8372" y="9153"/>
                  <a:pt x="8361" y="9161"/>
                  <a:pt x="8358" y="9161"/>
                </a:cubicBezTo>
                <a:cubicBezTo>
                  <a:pt x="8350" y="9161"/>
                  <a:pt x="8389" y="9111"/>
                  <a:pt x="8380" y="9111"/>
                </a:cubicBezTo>
                <a:cubicBezTo>
                  <a:pt x="8379" y="9111"/>
                  <a:pt x="8377" y="9112"/>
                  <a:pt x="8374" y="9114"/>
                </a:cubicBezTo>
                <a:cubicBezTo>
                  <a:pt x="8321" y="9165"/>
                  <a:pt x="8270" y="9218"/>
                  <a:pt x="8217" y="9271"/>
                </a:cubicBezTo>
                <a:cubicBezTo>
                  <a:pt x="8337" y="9137"/>
                  <a:pt x="8506" y="8945"/>
                  <a:pt x="8636" y="8833"/>
                </a:cubicBezTo>
                <a:lnTo>
                  <a:pt x="8636" y="8833"/>
                </a:lnTo>
                <a:cubicBezTo>
                  <a:pt x="8632" y="8842"/>
                  <a:pt x="8629" y="8849"/>
                  <a:pt x="8633" y="8849"/>
                </a:cubicBezTo>
                <a:cubicBezTo>
                  <a:pt x="8638" y="8849"/>
                  <a:pt x="8653" y="8839"/>
                  <a:pt x="8688" y="8812"/>
                </a:cubicBezTo>
                <a:lnTo>
                  <a:pt x="8688" y="8812"/>
                </a:lnTo>
                <a:cubicBezTo>
                  <a:pt x="8681" y="8817"/>
                  <a:pt x="8677" y="8820"/>
                  <a:pt x="8676" y="8820"/>
                </a:cubicBezTo>
                <a:cubicBezTo>
                  <a:pt x="8665" y="8820"/>
                  <a:pt x="8785" y="8695"/>
                  <a:pt x="8775" y="8695"/>
                </a:cubicBezTo>
                <a:cubicBezTo>
                  <a:pt x="8771" y="8695"/>
                  <a:pt x="8752" y="8709"/>
                  <a:pt x="8708" y="8748"/>
                </a:cubicBezTo>
                <a:cubicBezTo>
                  <a:pt x="8643" y="8820"/>
                  <a:pt x="8580" y="8882"/>
                  <a:pt x="8492" y="8970"/>
                </a:cubicBezTo>
                <a:cubicBezTo>
                  <a:pt x="8483" y="8976"/>
                  <a:pt x="8477" y="8978"/>
                  <a:pt x="8473" y="8978"/>
                </a:cubicBezTo>
                <a:cubicBezTo>
                  <a:pt x="8452" y="8978"/>
                  <a:pt x="8564" y="8862"/>
                  <a:pt x="8624" y="8787"/>
                </a:cubicBezTo>
                <a:cubicBezTo>
                  <a:pt x="8719" y="8687"/>
                  <a:pt x="8909" y="8495"/>
                  <a:pt x="9044" y="8365"/>
                </a:cubicBezTo>
                <a:cubicBezTo>
                  <a:pt x="9134" y="8291"/>
                  <a:pt x="9176" y="8287"/>
                  <a:pt x="9319" y="8148"/>
                </a:cubicBezTo>
                <a:lnTo>
                  <a:pt x="9319" y="8148"/>
                </a:lnTo>
                <a:cubicBezTo>
                  <a:pt x="9282" y="8174"/>
                  <a:pt x="9263" y="8185"/>
                  <a:pt x="9257" y="8185"/>
                </a:cubicBezTo>
                <a:cubicBezTo>
                  <a:pt x="9247" y="8185"/>
                  <a:pt x="9280" y="8150"/>
                  <a:pt x="9326" y="8104"/>
                </a:cubicBezTo>
                <a:cubicBezTo>
                  <a:pt x="9398" y="8034"/>
                  <a:pt x="9505" y="7939"/>
                  <a:pt x="9523" y="7911"/>
                </a:cubicBezTo>
                <a:cubicBezTo>
                  <a:pt x="9683" y="7800"/>
                  <a:pt x="9766" y="7710"/>
                  <a:pt x="9903" y="7633"/>
                </a:cubicBezTo>
                <a:lnTo>
                  <a:pt x="9903" y="7633"/>
                </a:lnTo>
                <a:cubicBezTo>
                  <a:pt x="9875" y="7659"/>
                  <a:pt x="9796" y="7712"/>
                  <a:pt x="9722" y="7772"/>
                </a:cubicBezTo>
                <a:cubicBezTo>
                  <a:pt x="9685" y="7800"/>
                  <a:pt x="9648" y="7830"/>
                  <a:pt x="9618" y="7856"/>
                </a:cubicBezTo>
                <a:cubicBezTo>
                  <a:pt x="9595" y="7874"/>
                  <a:pt x="9572" y="7895"/>
                  <a:pt x="9551" y="7918"/>
                </a:cubicBezTo>
                <a:cubicBezTo>
                  <a:pt x="9551" y="7928"/>
                  <a:pt x="9569" y="7925"/>
                  <a:pt x="9560" y="7944"/>
                </a:cubicBezTo>
                <a:cubicBezTo>
                  <a:pt x="9551" y="7962"/>
                  <a:pt x="9514" y="8002"/>
                  <a:pt x="9403" y="8097"/>
                </a:cubicBezTo>
                <a:cubicBezTo>
                  <a:pt x="9539" y="7988"/>
                  <a:pt x="9581" y="7955"/>
                  <a:pt x="9599" y="7935"/>
                </a:cubicBezTo>
                <a:cubicBezTo>
                  <a:pt x="9620" y="7908"/>
                  <a:pt x="9644" y="7884"/>
                  <a:pt x="9669" y="7864"/>
                </a:cubicBezTo>
                <a:lnTo>
                  <a:pt x="9669" y="7864"/>
                </a:lnTo>
                <a:cubicBezTo>
                  <a:pt x="9641" y="7885"/>
                  <a:pt x="9614" y="7907"/>
                  <a:pt x="9586" y="7930"/>
                </a:cubicBezTo>
                <a:cubicBezTo>
                  <a:pt x="9599" y="7917"/>
                  <a:pt x="9598" y="7914"/>
                  <a:pt x="9593" y="7914"/>
                </a:cubicBezTo>
                <a:cubicBezTo>
                  <a:pt x="9591" y="7914"/>
                  <a:pt x="9587" y="7915"/>
                  <a:pt x="9585" y="7915"/>
                </a:cubicBezTo>
                <a:cubicBezTo>
                  <a:pt x="9580" y="7915"/>
                  <a:pt x="9581" y="7910"/>
                  <a:pt x="9620" y="7879"/>
                </a:cubicBezTo>
                <a:cubicBezTo>
                  <a:pt x="9736" y="7793"/>
                  <a:pt x="9857" y="7712"/>
                  <a:pt x="9982" y="7640"/>
                </a:cubicBezTo>
                <a:cubicBezTo>
                  <a:pt x="10072" y="7587"/>
                  <a:pt x="10151" y="7548"/>
                  <a:pt x="10274" y="7483"/>
                </a:cubicBezTo>
                <a:lnTo>
                  <a:pt x="10274" y="7483"/>
                </a:lnTo>
                <a:cubicBezTo>
                  <a:pt x="10266" y="7486"/>
                  <a:pt x="10261" y="7487"/>
                  <a:pt x="10258" y="7487"/>
                </a:cubicBezTo>
                <a:cubicBezTo>
                  <a:pt x="10243" y="7487"/>
                  <a:pt x="10327" y="7430"/>
                  <a:pt x="10375" y="7400"/>
                </a:cubicBezTo>
                <a:cubicBezTo>
                  <a:pt x="10450" y="7363"/>
                  <a:pt x="10479" y="7352"/>
                  <a:pt x="10489" y="7352"/>
                </a:cubicBezTo>
                <a:cubicBezTo>
                  <a:pt x="10506" y="7352"/>
                  <a:pt x="10468" y="7384"/>
                  <a:pt x="10491" y="7384"/>
                </a:cubicBezTo>
                <a:cubicBezTo>
                  <a:pt x="10499" y="7384"/>
                  <a:pt x="10515" y="7380"/>
                  <a:pt x="10542" y="7369"/>
                </a:cubicBezTo>
                <a:cubicBezTo>
                  <a:pt x="10610" y="7319"/>
                  <a:pt x="10751" y="7251"/>
                  <a:pt x="10732" y="7251"/>
                </a:cubicBezTo>
                <a:cubicBezTo>
                  <a:pt x="10730" y="7251"/>
                  <a:pt x="10726" y="7252"/>
                  <a:pt x="10721" y="7254"/>
                </a:cubicBezTo>
                <a:cubicBezTo>
                  <a:pt x="10816" y="7207"/>
                  <a:pt x="10769" y="7237"/>
                  <a:pt x="10839" y="7210"/>
                </a:cubicBezTo>
                <a:cubicBezTo>
                  <a:pt x="10871" y="7186"/>
                  <a:pt x="10906" y="7166"/>
                  <a:pt x="10941" y="7149"/>
                </a:cubicBezTo>
                <a:cubicBezTo>
                  <a:pt x="10992" y="7122"/>
                  <a:pt x="11047" y="7098"/>
                  <a:pt x="11101" y="7078"/>
                </a:cubicBezTo>
                <a:lnTo>
                  <a:pt x="11101" y="7078"/>
                </a:lnTo>
                <a:cubicBezTo>
                  <a:pt x="11092" y="7089"/>
                  <a:pt x="11076" y="7102"/>
                  <a:pt x="10960" y="7148"/>
                </a:cubicBezTo>
                <a:lnTo>
                  <a:pt x="10960" y="7148"/>
                </a:lnTo>
                <a:cubicBezTo>
                  <a:pt x="11028" y="7122"/>
                  <a:pt x="11076" y="7111"/>
                  <a:pt x="11100" y="7111"/>
                </a:cubicBezTo>
                <a:cubicBezTo>
                  <a:pt x="11123" y="7111"/>
                  <a:pt x="11123" y="7121"/>
                  <a:pt x="11096" y="7138"/>
                </a:cubicBezTo>
                <a:cubicBezTo>
                  <a:pt x="11054" y="7149"/>
                  <a:pt x="11015" y="7166"/>
                  <a:pt x="10975" y="7182"/>
                </a:cubicBezTo>
                <a:cubicBezTo>
                  <a:pt x="10936" y="7196"/>
                  <a:pt x="10897" y="7210"/>
                  <a:pt x="10860" y="7228"/>
                </a:cubicBezTo>
                <a:cubicBezTo>
                  <a:pt x="10843" y="7238"/>
                  <a:pt x="10837" y="7242"/>
                  <a:pt x="10841" y="7242"/>
                </a:cubicBezTo>
                <a:cubicBezTo>
                  <a:pt x="10847" y="7242"/>
                  <a:pt x="10886" y="7226"/>
                  <a:pt x="10929" y="7207"/>
                </a:cubicBezTo>
                <a:cubicBezTo>
                  <a:pt x="10988" y="7183"/>
                  <a:pt x="11055" y="7157"/>
                  <a:pt x="11071" y="7157"/>
                </a:cubicBezTo>
                <a:cubicBezTo>
                  <a:pt x="11074" y="7157"/>
                  <a:pt x="11075" y="7157"/>
                  <a:pt x="11075" y="7159"/>
                </a:cubicBezTo>
                <a:cubicBezTo>
                  <a:pt x="11024" y="7182"/>
                  <a:pt x="10978" y="7198"/>
                  <a:pt x="10938" y="7214"/>
                </a:cubicBezTo>
                <a:cubicBezTo>
                  <a:pt x="10901" y="7228"/>
                  <a:pt x="10864" y="7244"/>
                  <a:pt x="10830" y="7263"/>
                </a:cubicBezTo>
                <a:cubicBezTo>
                  <a:pt x="10899" y="7244"/>
                  <a:pt x="11096" y="7147"/>
                  <a:pt x="11214" y="7103"/>
                </a:cubicBezTo>
                <a:cubicBezTo>
                  <a:pt x="11298" y="7075"/>
                  <a:pt x="11333" y="7066"/>
                  <a:pt x="11346" y="7066"/>
                </a:cubicBezTo>
                <a:cubicBezTo>
                  <a:pt x="11363" y="7066"/>
                  <a:pt x="11344" y="7081"/>
                  <a:pt x="11348" y="7084"/>
                </a:cubicBezTo>
                <a:cubicBezTo>
                  <a:pt x="11427" y="7052"/>
                  <a:pt x="11443" y="7043"/>
                  <a:pt x="11425" y="7043"/>
                </a:cubicBezTo>
                <a:cubicBezTo>
                  <a:pt x="11385" y="7050"/>
                  <a:pt x="11348" y="7057"/>
                  <a:pt x="11309" y="7068"/>
                </a:cubicBezTo>
                <a:lnTo>
                  <a:pt x="11240" y="7087"/>
                </a:lnTo>
                <a:cubicBezTo>
                  <a:pt x="11219" y="7094"/>
                  <a:pt x="11200" y="7098"/>
                  <a:pt x="11191" y="7098"/>
                </a:cubicBezTo>
                <a:cubicBezTo>
                  <a:pt x="11188" y="7099"/>
                  <a:pt x="11186" y="7099"/>
                  <a:pt x="11185" y="7099"/>
                </a:cubicBezTo>
                <a:cubicBezTo>
                  <a:pt x="11176" y="7099"/>
                  <a:pt x="11192" y="7087"/>
                  <a:pt x="11256" y="7059"/>
                </a:cubicBezTo>
                <a:cubicBezTo>
                  <a:pt x="11284" y="7045"/>
                  <a:pt x="11323" y="7029"/>
                  <a:pt x="11369" y="7010"/>
                </a:cubicBezTo>
                <a:cubicBezTo>
                  <a:pt x="11416" y="6994"/>
                  <a:pt x="11469" y="6978"/>
                  <a:pt x="11527" y="6959"/>
                </a:cubicBezTo>
                <a:cubicBezTo>
                  <a:pt x="11582" y="6941"/>
                  <a:pt x="11645" y="6927"/>
                  <a:pt x="11703" y="6911"/>
                </a:cubicBezTo>
                <a:cubicBezTo>
                  <a:pt x="11763" y="6897"/>
                  <a:pt x="11821" y="6885"/>
                  <a:pt x="11874" y="6874"/>
                </a:cubicBezTo>
                <a:lnTo>
                  <a:pt x="11874" y="6874"/>
                </a:lnTo>
                <a:cubicBezTo>
                  <a:pt x="11850" y="6876"/>
                  <a:pt x="11832" y="6877"/>
                  <a:pt x="11820" y="6877"/>
                </a:cubicBezTo>
                <a:cubicBezTo>
                  <a:pt x="11742" y="6877"/>
                  <a:pt x="11918" y="6830"/>
                  <a:pt x="12111" y="6800"/>
                </a:cubicBezTo>
                <a:lnTo>
                  <a:pt x="12111" y="6800"/>
                </a:lnTo>
                <a:cubicBezTo>
                  <a:pt x="11967" y="6818"/>
                  <a:pt x="11946" y="6818"/>
                  <a:pt x="11921" y="6818"/>
                </a:cubicBezTo>
                <a:cubicBezTo>
                  <a:pt x="11916" y="6818"/>
                  <a:pt x="11911" y="6817"/>
                  <a:pt x="11906" y="6817"/>
                </a:cubicBezTo>
                <a:cubicBezTo>
                  <a:pt x="11892" y="6817"/>
                  <a:pt x="11877" y="6820"/>
                  <a:pt x="11863" y="6825"/>
                </a:cubicBezTo>
                <a:cubicBezTo>
                  <a:pt x="11830" y="6830"/>
                  <a:pt x="11779" y="6841"/>
                  <a:pt x="11696" y="6862"/>
                </a:cubicBezTo>
                <a:lnTo>
                  <a:pt x="11687" y="6848"/>
                </a:lnTo>
                <a:cubicBezTo>
                  <a:pt x="11721" y="6839"/>
                  <a:pt x="11761" y="6832"/>
                  <a:pt x="11800" y="6825"/>
                </a:cubicBezTo>
                <a:cubicBezTo>
                  <a:pt x="11837" y="6818"/>
                  <a:pt x="11879" y="6811"/>
                  <a:pt x="11918" y="6804"/>
                </a:cubicBezTo>
                <a:cubicBezTo>
                  <a:pt x="11997" y="6795"/>
                  <a:pt x="12078" y="6781"/>
                  <a:pt x="12152" y="6776"/>
                </a:cubicBezTo>
                <a:lnTo>
                  <a:pt x="12152" y="6776"/>
                </a:lnTo>
                <a:cubicBezTo>
                  <a:pt x="12122" y="6783"/>
                  <a:pt x="12157" y="6783"/>
                  <a:pt x="12108" y="6793"/>
                </a:cubicBezTo>
                <a:cubicBezTo>
                  <a:pt x="12180" y="6783"/>
                  <a:pt x="12252" y="6772"/>
                  <a:pt x="12326" y="6765"/>
                </a:cubicBezTo>
                <a:cubicBezTo>
                  <a:pt x="12400" y="6758"/>
                  <a:pt x="12472" y="6753"/>
                  <a:pt x="12546" y="6749"/>
                </a:cubicBezTo>
                <a:lnTo>
                  <a:pt x="12546" y="6749"/>
                </a:lnTo>
                <a:cubicBezTo>
                  <a:pt x="12530" y="6753"/>
                  <a:pt x="12516" y="6756"/>
                  <a:pt x="12502" y="6762"/>
                </a:cubicBezTo>
                <a:cubicBezTo>
                  <a:pt x="12569" y="6760"/>
                  <a:pt x="12641" y="6760"/>
                  <a:pt x="12713" y="6760"/>
                </a:cubicBezTo>
                <a:cubicBezTo>
                  <a:pt x="12723" y="6760"/>
                  <a:pt x="12733" y="6760"/>
                  <a:pt x="12744" y="6760"/>
                </a:cubicBezTo>
                <a:cubicBezTo>
                  <a:pt x="12805" y="6760"/>
                  <a:pt x="12866" y="6765"/>
                  <a:pt x="12926" y="6765"/>
                </a:cubicBezTo>
                <a:cubicBezTo>
                  <a:pt x="13052" y="6771"/>
                  <a:pt x="13165" y="6778"/>
                  <a:pt x="13246" y="6782"/>
                </a:cubicBezTo>
                <a:lnTo>
                  <a:pt x="13246" y="6782"/>
                </a:lnTo>
                <a:cubicBezTo>
                  <a:pt x="13202" y="6779"/>
                  <a:pt x="13158" y="6773"/>
                  <a:pt x="13114" y="6767"/>
                </a:cubicBezTo>
                <a:cubicBezTo>
                  <a:pt x="13086" y="6760"/>
                  <a:pt x="13093" y="6756"/>
                  <a:pt x="13162" y="6756"/>
                </a:cubicBezTo>
                <a:cubicBezTo>
                  <a:pt x="13188" y="6755"/>
                  <a:pt x="13214" y="6755"/>
                  <a:pt x="13240" y="6755"/>
                </a:cubicBezTo>
                <a:cubicBezTo>
                  <a:pt x="13330" y="6755"/>
                  <a:pt x="13420" y="6758"/>
                  <a:pt x="13510" y="6767"/>
                </a:cubicBezTo>
                <a:cubicBezTo>
                  <a:pt x="13568" y="6788"/>
                  <a:pt x="13959" y="6826"/>
                  <a:pt x="13808" y="6826"/>
                </a:cubicBezTo>
                <a:cubicBezTo>
                  <a:pt x="13793" y="6826"/>
                  <a:pt x="13771" y="6826"/>
                  <a:pt x="13744" y="6825"/>
                </a:cubicBezTo>
                <a:lnTo>
                  <a:pt x="13744" y="6825"/>
                </a:lnTo>
                <a:cubicBezTo>
                  <a:pt x="14128" y="6851"/>
                  <a:pt x="13987" y="6834"/>
                  <a:pt x="14353" y="6855"/>
                </a:cubicBezTo>
                <a:cubicBezTo>
                  <a:pt x="14272" y="6851"/>
                  <a:pt x="14188" y="6844"/>
                  <a:pt x="14107" y="6839"/>
                </a:cubicBezTo>
                <a:cubicBezTo>
                  <a:pt x="14077" y="6820"/>
                  <a:pt x="14283" y="6813"/>
                  <a:pt x="14049" y="6781"/>
                </a:cubicBezTo>
                <a:lnTo>
                  <a:pt x="14049" y="6781"/>
                </a:lnTo>
                <a:cubicBezTo>
                  <a:pt x="14097" y="6784"/>
                  <a:pt x="14131" y="6785"/>
                  <a:pt x="14157" y="6785"/>
                </a:cubicBezTo>
                <a:cubicBezTo>
                  <a:pt x="14244" y="6785"/>
                  <a:pt x="14238" y="6773"/>
                  <a:pt x="14332" y="6773"/>
                </a:cubicBezTo>
                <a:cubicBezTo>
                  <a:pt x="14373" y="6773"/>
                  <a:pt x="14431" y="6775"/>
                  <a:pt x="14522" y="6781"/>
                </a:cubicBezTo>
                <a:cubicBezTo>
                  <a:pt x="14596" y="6793"/>
                  <a:pt x="14584" y="6800"/>
                  <a:pt x="14527" y="6802"/>
                </a:cubicBezTo>
                <a:cubicBezTo>
                  <a:pt x="14511" y="6803"/>
                  <a:pt x="14492" y="6804"/>
                  <a:pt x="14471" y="6804"/>
                </a:cubicBezTo>
                <a:cubicBezTo>
                  <a:pt x="14415" y="6804"/>
                  <a:pt x="14342" y="6800"/>
                  <a:pt x="14267" y="6795"/>
                </a:cubicBezTo>
                <a:lnTo>
                  <a:pt x="14267" y="6795"/>
                </a:lnTo>
                <a:cubicBezTo>
                  <a:pt x="14369" y="6811"/>
                  <a:pt x="14471" y="6818"/>
                  <a:pt x="14575" y="6820"/>
                </a:cubicBezTo>
                <a:cubicBezTo>
                  <a:pt x="14603" y="6826"/>
                  <a:pt x="14583" y="6830"/>
                  <a:pt x="14546" y="6831"/>
                </a:cubicBezTo>
                <a:lnTo>
                  <a:pt x="14546" y="6831"/>
                </a:lnTo>
                <a:cubicBezTo>
                  <a:pt x="14526" y="6830"/>
                  <a:pt x="14512" y="6830"/>
                  <a:pt x="14502" y="6830"/>
                </a:cubicBezTo>
                <a:cubicBezTo>
                  <a:pt x="14491" y="6830"/>
                  <a:pt x="14485" y="6830"/>
                  <a:pt x="14482" y="6831"/>
                </a:cubicBezTo>
                <a:lnTo>
                  <a:pt x="14482" y="6831"/>
                </a:lnTo>
                <a:cubicBezTo>
                  <a:pt x="14470" y="6830"/>
                  <a:pt x="14458" y="6830"/>
                  <a:pt x="14445" y="6830"/>
                </a:cubicBezTo>
                <a:cubicBezTo>
                  <a:pt x="14425" y="6830"/>
                  <a:pt x="14405" y="6831"/>
                  <a:pt x="14385" y="6832"/>
                </a:cubicBezTo>
                <a:cubicBezTo>
                  <a:pt x="14433" y="6836"/>
                  <a:pt x="14457" y="6838"/>
                  <a:pt x="14468" y="6838"/>
                </a:cubicBezTo>
                <a:cubicBezTo>
                  <a:pt x="14489" y="6838"/>
                  <a:pt x="14470" y="6833"/>
                  <a:pt x="14482" y="6831"/>
                </a:cubicBezTo>
                <a:lnTo>
                  <a:pt x="14482" y="6831"/>
                </a:lnTo>
                <a:cubicBezTo>
                  <a:pt x="14490" y="6831"/>
                  <a:pt x="14498" y="6832"/>
                  <a:pt x="14506" y="6832"/>
                </a:cubicBezTo>
                <a:cubicBezTo>
                  <a:pt x="14520" y="6832"/>
                  <a:pt x="14534" y="6832"/>
                  <a:pt x="14546" y="6831"/>
                </a:cubicBezTo>
                <a:lnTo>
                  <a:pt x="14546" y="6831"/>
                </a:lnTo>
                <a:cubicBezTo>
                  <a:pt x="14552" y="6831"/>
                  <a:pt x="14557" y="6832"/>
                  <a:pt x="14564" y="6832"/>
                </a:cubicBezTo>
                <a:cubicBezTo>
                  <a:pt x="14574" y="6832"/>
                  <a:pt x="14585" y="6832"/>
                  <a:pt x="14596" y="6832"/>
                </a:cubicBezTo>
                <a:cubicBezTo>
                  <a:pt x="14671" y="6832"/>
                  <a:pt x="14745" y="6839"/>
                  <a:pt x="14818" y="6853"/>
                </a:cubicBezTo>
                <a:cubicBezTo>
                  <a:pt x="14842" y="6857"/>
                  <a:pt x="14865" y="6862"/>
                  <a:pt x="14902" y="6867"/>
                </a:cubicBezTo>
                <a:cubicBezTo>
                  <a:pt x="14920" y="6869"/>
                  <a:pt x="14941" y="6871"/>
                  <a:pt x="14969" y="6871"/>
                </a:cubicBezTo>
                <a:cubicBezTo>
                  <a:pt x="14977" y="6872"/>
                  <a:pt x="14987" y="6872"/>
                  <a:pt x="14997" y="6872"/>
                </a:cubicBezTo>
                <a:cubicBezTo>
                  <a:pt x="15017" y="6872"/>
                  <a:pt x="15039" y="6871"/>
                  <a:pt x="15064" y="6871"/>
                </a:cubicBezTo>
                <a:cubicBezTo>
                  <a:pt x="15032" y="6871"/>
                  <a:pt x="14985" y="6871"/>
                  <a:pt x="14957" y="6867"/>
                </a:cubicBezTo>
                <a:cubicBezTo>
                  <a:pt x="14930" y="6864"/>
                  <a:pt x="14920" y="6860"/>
                  <a:pt x="14960" y="6860"/>
                </a:cubicBezTo>
                <a:cubicBezTo>
                  <a:pt x="15011" y="6861"/>
                  <a:pt x="15052" y="6862"/>
                  <a:pt x="15087" y="6862"/>
                </a:cubicBezTo>
                <a:cubicBezTo>
                  <a:pt x="15121" y="6862"/>
                  <a:pt x="15149" y="6861"/>
                  <a:pt x="15171" y="6860"/>
                </a:cubicBezTo>
                <a:cubicBezTo>
                  <a:pt x="15201" y="6860"/>
                  <a:pt x="15231" y="6857"/>
                  <a:pt x="15261" y="6853"/>
                </a:cubicBezTo>
                <a:cubicBezTo>
                  <a:pt x="15282" y="6851"/>
                  <a:pt x="15300" y="6848"/>
                  <a:pt x="15330" y="6846"/>
                </a:cubicBezTo>
                <a:cubicBezTo>
                  <a:pt x="15363" y="6841"/>
                  <a:pt x="15407" y="6839"/>
                  <a:pt x="15479" y="6832"/>
                </a:cubicBezTo>
                <a:cubicBezTo>
                  <a:pt x="15527" y="6837"/>
                  <a:pt x="15576" y="6844"/>
                  <a:pt x="15625" y="6857"/>
                </a:cubicBezTo>
                <a:cubicBezTo>
                  <a:pt x="15648" y="6862"/>
                  <a:pt x="15673" y="6862"/>
                  <a:pt x="15696" y="6862"/>
                </a:cubicBezTo>
                <a:cubicBezTo>
                  <a:pt x="15713" y="6862"/>
                  <a:pt x="15733" y="6862"/>
                  <a:pt x="15757" y="6860"/>
                </a:cubicBezTo>
                <a:cubicBezTo>
                  <a:pt x="15782" y="6857"/>
                  <a:pt x="15810" y="6855"/>
                  <a:pt x="15845" y="6853"/>
                </a:cubicBezTo>
                <a:lnTo>
                  <a:pt x="15845" y="6853"/>
                </a:lnTo>
                <a:cubicBezTo>
                  <a:pt x="15796" y="6857"/>
                  <a:pt x="15745" y="6864"/>
                  <a:pt x="15696" y="6869"/>
                </a:cubicBezTo>
                <a:cubicBezTo>
                  <a:pt x="15808" y="6869"/>
                  <a:pt x="15919" y="6860"/>
                  <a:pt x="16028" y="6834"/>
                </a:cubicBezTo>
                <a:cubicBezTo>
                  <a:pt x="16408" y="6739"/>
                  <a:pt x="16769" y="6575"/>
                  <a:pt x="17091" y="6348"/>
                </a:cubicBezTo>
                <a:cubicBezTo>
                  <a:pt x="17202" y="6269"/>
                  <a:pt x="17309" y="6183"/>
                  <a:pt x="17408" y="6093"/>
                </a:cubicBezTo>
                <a:lnTo>
                  <a:pt x="17408" y="6093"/>
                </a:lnTo>
                <a:cubicBezTo>
                  <a:pt x="17360" y="6137"/>
                  <a:pt x="17309" y="6181"/>
                  <a:pt x="17255" y="6223"/>
                </a:cubicBezTo>
                <a:cubicBezTo>
                  <a:pt x="17249" y="6227"/>
                  <a:pt x="17245" y="6229"/>
                  <a:pt x="17244" y="6229"/>
                </a:cubicBezTo>
                <a:cubicBezTo>
                  <a:pt x="17240" y="6229"/>
                  <a:pt x="17266" y="6206"/>
                  <a:pt x="17297" y="6181"/>
                </a:cubicBezTo>
                <a:cubicBezTo>
                  <a:pt x="17325" y="6160"/>
                  <a:pt x="17350" y="6135"/>
                  <a:pt x="17373" y="6107"/>
                </a:cubicBezTo>
                <a:cubicBezTo>
                  <a:pt x="17406" y="6081"/>
                  <a:pt x="17441" y="6056"/>
                  <a:pt x="17473" y="6030"/>
                </a:cubicBezTo>
                <a:cubicBezTo>
                  <a:pt x="17474" y="6028"/>
                  <a:pt x="17474" y="6026"/>
                  <a:pt x="17472" y="6026"/>
                </a:cubicBezTo>
                <a:cubicBezTo>
                  <a:pt x="17463" y="6026"/>
                  <a:pt x="17418" y="6064"/>
                  <a:pt x="17373" y="6098"/>
                </a:cubicBezTo>
                <a:cubicBezTo>
                  <a:pt x="17336" y="6128"/>
                  <a:pt x="17299" y="6153"/>
                  <a:pt x="17292" y="6153"/>
                </a:cubicBezTo>
                <a:cubicBezTo>
                  <a:pt x="17289" y="6153"/>
                  <a:pt x="17290" y="6150"/>
                  <a:pt x="17297" y="6142"/>
                </a:cubicBezTo>
                <a:cubicBezTo>
                  <a:pt x="17318" y="6128"/>
                  <a:pt x="17339" y="6109"/>
                  <a:pt x="17360" y="6091"/>
                </a:cubicBezTo>
                <a:lnTo>
                  <a:pt x="17360" y="6091"/>
                </a:lnTo>
                <a:cubicBezTo>
                  <a:pt x="17329" y="6114"/>
                  <a:pt x="17299" y="6139"/>
                  <a:pt x="17267" y="6160"/>
                </a:cubicBezTo>
                <a:cubicBezTo>
                  <a:pt x="17362" y="6088"/>
                  <a:pt x="17450" y="6007"/>
                  <a:pt x="17529" y="5919"/>
                </a:cubicBezTo>
                <a:cubicBezTo>
                  <a:pt x="17600" y="5838"/>
                  <a:pt x="17661" y="5759"/>
                  <a:pt x="17728" y="5688"/>
                </a:cubicBezTo>
                <a:lnTo>
                  <a:pt x="17728" y="5688"/>
                </a:lnTo>
                <a:cubicBezTo>
                  <a:pt x="17656" y="5790"/>
                  <a:pt x="17612" y="5843"/>
                  <a:pt x="17591" y="5875"/>
                </a:cubicBezTo>
                <a:cubicBezTo>
                  <a:pt x="17577" y="5892"/>
                  <a:pt x="17568" y="5910"/>
                  <a:pt x="17563" y="5929"/>
                </a:cubicBezTo>
                <a:cubicBezTo>
                  <a:pt x="17561" y="5949"/>
                  <a:pt x="17552" y="5968"/>
                  <a:pt x="17538" y="5982"/>
                </a:cubicBezTo>
                <a:cubicBezTo>
                  <a:pt x="17526" y="5998"/>
                  <a:pt x="17510" y="6019"/>
                  <a:pt x="17485" y="6047"/>
                </a:cubicBezTo>
                <a:lnTo>
                  <a:pt x="17436" y="6091"/>
                </a:lnTo>
                <a:cubicBezTo>
                  <a:pt x="17420" y="6109"/>
                  <a:pt x="17399" y="6128"/>
                  <a:pt x="17374" y="6149"/>
                </a:cubicBezTo>
                <a:lnTo>
                  <a:pt x="17374" y="6149"/>
                </a:lnTo>
                <a:cubicBezTo>
                  <a:pt x="17399" y="6128"/>
                  <a:pt x="17420" y="6109"/>
                  <a:pt x="17434" y="6098"/>
                </a:cubicBezTo>
                <a:cubicBezTo>
                  <a:pt x="17448" y="6084"/>
                  <a:pt x="17459" y="6075"/>
                  <a:pt x="17466" y="6070"/>
                </a:cubicBezTo>
                <a:cubicBezTo>
                  <a:pt x="17473" y="6064"/>
                  <a:pt x="17476" y="6062"/>
                  <a:pt x="17478" y="6062"/>
                </a:cubicBezTo>
                <a:cubicBezTo>
                  <a:pt x="17479" y="6062"/>
                  <a:pt x="17478" y="6065"/>
                  <a:pt x="17475" y="6070"/>
                </a:cubicBezTo>
                <a:cubicBezTo>
                  <a:pt x="17467" y="6085"/>
                  <a:pt x="17439" y="6119"/>
                  <a:pt x="17443" y="6119"/>
                </a:cubicBezTo>
                <a:cubicBezTo>
                  <a:pt x="17444" y="6119"/>
                  <a:pt x="17444" y="6119"/>
                  <a:pt x="17445" y="6119"/>
                </a:cubicBezTo>
                <a:cubicBezTo>
                  <a:pt x="17473" y="6095"/>
                  <a:pt x="17489" y="6079"/>
                  <a:pt x="17501" y="6068"/>
                </a:cubicBezTo>
                <a:cubicBezTo>
                  <a:pt x="17510" y="6061"/>
                  <a:pt x="17517" y="6051"/>
                  <a:pt x="17524" y="6040"/>
                </a:cubicBezTo>
                <a:cubicBezTo>
                  <a:pt x="17531" y="6030"/>
                  <a:pt x="17540" y="6021"/>
                  <a:pt x="17547" y="6012"/>
                </a:cubicBezTo>
                <a:lnTo>
                  <a:pt x="17605" y="5952"/>
                </a:lnTo>
                <a:lnTo>
                  <a:pt x="17605" y="5952"/>
                </a:lnTo>
                <a:cubicBezTo>
                  <a:pt x="17598" y="5968"/>
                  <a:pt x="17589" y="5984"/>
                  <a:pt x="17575" y="5998"/>
                </a:cubicBezTo>
                <a:lnTo>
                  <a:pt x="17508" y="6077"/>
                </a:lnTo>
                <a:cubicBezTo>
                  <a:pt x="17477" y="6109"/>
                  <a:pt x="17452" y="6135"/>
                  <a:pt x="17455" y="6135"/>
                </a:cubicBezTo>
                <a:cubicBezTo>
                  <a:pt x="17457" y="6135"/>
                  <a:pt x="17467" y="6128"/>
                  <a:pt x="17487" y="6112"/>
                </a:cubicBezTo>
                <a:cubicBezTo>
                  <a:pt x="17489" y="6088"/>
                  <a:pt x="17596" y="5991"/>
                  <a:pt x="17633" y="5929"/>
                </a:cubicBezTo>
                <a:cubicBezTo>
                  <a:pt x="17659" y="5901"/>
                  <a:pt x="17669" y="5892"/>
                  <a:pt x="17672" y="5892"/>
                </a:cubicBezTo>
                <a:cubicBezTo>
                  <a:pt x="17676" y="5892"/>
                  <a:pt x="17663" y="5912"/>
                  <a:pt x="17666" y="5912"/>
                </a:cubicBezTo>
                <a:cubicBezTo>
                  <a:pt x="17667" y="5912"/>
                  <a:pt x="17671" y="5910"/>
                  <a:pt x="17677" y="5903"/>
                </a:cubicBezTo>
                <a:cubicBezTo>
                  <a:pt x="17700" y="5878"/>
                  <a:pt x="17714" y="5857"/>
                  <a:pt x="17728" y="5836"/>
                </a:cubicBezTo>
                <a:cubicBezTo>
                  <a:pt x="17744" y="5813"/>
                  <a:pt x="17758" y="5792"/>
                  <a:pt x="17774" y="5769"/>
                </a:cubicBezTo>
                <a:lnTo>
                  <a:pt x="17774" y="5769"/>
                </a:lnTo>
                <a:lnTo>
                  <a:pt x="17758" y="5813"/>
                </a:lnTo>
                <a:cubicBezTo>
                  <a:pt x="17793" y="5771"/>
                  <a:pt x="17825" y="5727"/>
                  <a:pt x="17853" y="5681"/>
                </a:cubicBezTo>
                <a:cubicBezTo>
                  <a:pt x="17865" y="5665"/>
                  <a:pt x="17874" y="5644"/>
                  <a:pt x="17881" y="5625"/>
                </a:cubicBezTo>
                <a:cubicBezTo>
                  <a:pt x="17890" y="5595"/>
                  <a:pt x="17909" y="5563"/>
                  <a:pt x="17985" y="5389"/>
                </a:cubicBezTo>
                <a:cubicBezTo>
                  <a:pt x="17984" y="5387"/>
                  <a:pt x="17983" y="5387"/>
                  <a:pt x="17982" y="5387"/>
                </a:cubicBezTo>
                <a:cubicBezTo>
                  <a:pt x="17976" y="5387"/>
                  <a:pt x="17964" y="5409"/>
                  <a:pt x="17948" y="5447"/>
                </a:cubicBezTo>
                <a:cubicBezTo>
                  <a:pt x="17929" y="5488"/>
                  <a:pt x="17902" y="5551"/>
                  <a:pt x="17862" y="5620"/>
                </a:cubicBezTo>
                <a:cubicBezTo>
                  <a:pt x="17859" y="5623"/>
                  <a:pt x="17856" y="5624"/>
                  <a:pt x="17854" y="5624"/>
                </a:cubicBezTo>
                <a:cubicBezTo>
                  <a:pt x="17839" y="5624"/>
                  <a:pt x="17887" y="5527"/>
                  <a:pt x="17925" y="5419"/>
                </a:cubicBezTo>
                <a:cubicBezTo>
                  <a:pt x="17934" y="5391"/>
                  <a:pt x="17946" y="5361"/>
                  <a:pt x="17955" y="5333"/>
                </a:cubicBezTo>
                <a:cubicBezTo>
                  <a:pt x="17962" y="5303"/>
                  <a:pt x="17969" y="5278"/>
                  <a:pt x="17973" y="5254"/>
                </a:cubicBezTo>
                <a:cubicBezTo>
                  <a:pt x="17980" y="5213"/>
                  <a:pt x="17980" y="5184"/>
                  <a:pt x="17972" y="5184"/>
                </a:cubicBezTo>
                <a:cubicBezTo>
                  <a:pt x="17971" y="5184"/>
                  <a:pt x="17970" y="5184"/>
                  <a:pt x="17969" y="5185"/>
                </a:cubicBezTo>
                <a:cubicBezTo>
                  <a:pt x="17980" y="5143"/>
                  <a:pt x="17985" y="5113"/>
                  <a:pt x="17990" y="5092"/>
                </a:cubicBezTo>
                <a:cubicBezTo>
                  <a:pt x="17994" y="5069"/>
                  <a:pt x="17997" y="5058"/>
                  <a:pt x="17997" y="5053"/>
                </a:cubicBezTo>
                <a:cubicBezTo>
                  <a:pt x="17998" y="5050"/>
                  <a:pt x="17999" y="5048"/>
                  <a:pt x="18000" y="5048"/>
                </a:cubicBezTo>
                <a:cubicBezTo>
                  <a:pt x="18001" y="5048"/>
                  <a:pt x="18001" y="5058"/>
                  <a:pt x="18001" y="5069"/>
                </a:cubicBezTo>
                <a:cubicBezTo>
                  <a:pt x="17999" y="5083"/>
                  <a:pt x="18001" y="5096"/>
                  <a:pt x="18003" y="5096"/>
                </a:cubicBezTo>
                <a:cubicBezTo>
                  <a:pt x="18003" y="5096"/>
                  <a:pt x="18003" y="5095"/>
                  <a:pt x="18004" y="5095"/>
                </a:cubicBezTo>
                <a:cubicBezTo>
                  <a:pt x="18017" y="5062"/>
                  <a:pt x="18027" y="5025"/>
                  <a:pt x="18029" y="4990"/>
                </a:cubicBezTo>
                <a:cubicBezTo>
                  <a:pt x="18035" y="4962"/>
                  <a:pt x="18040" y="4950"/>
                  <a:pt x="18042" y="4950"/>
                </a:cubicBezTo>
                <a:cubicBezTo>
                  <a:pt x="18047" y="4950"/>
                  <a:pt x="18046" y="4992"/>
                  <a:pt x="18043" y="5048"/>
                </a:cubicBezTo>
                <a:cubicBezTo>
                  <a:pt x="18041" y="5071"/>
                  <a:pt x="18038" y="5095"/>
                  <a:pt x="18034" y="5118"/>
                </a:cubicBezTo>
                <a:cubicBezTo>
                  <a:pt x="18031" y="5141"/>
                  <a:pt x="18029" y="5164"/>
                  <a:pt x="18022" y="5185"/>
                </a:cubicBezTo>
                <a:cubicBezTo>
                  <a:pt x="18015" y="5229"/>
                  <a:pt x="18008" y="5268"/>
                  <a:pt x="18004" y="5287"/>
                </a:cubicBezTo>
                <a:cubicBezTo>
                  <a:pt x="18015" y="5264"/>
                  <a:pt x="18022" y="5238"/>
                  <a:pt x="18029" y="5213"/>
                </a:cubicBezTo>
                <a:cubicBezTo>
                  <a:pt x="18038" y="5187"/>
                  <a:pt x="18045" y="5162"/>
                  <a:pt x="18052" y="5136"/>
                </a:cubicBezTo>
                <a:lnTo>
                  <a:pt x="18071" y="5060"/>
                </a:lnTo>
                <a:lnTo>
                  <a:pt x="18082" y="4981"/>
                </a:lnTo>
                <a:cubicBezTo>
                  <a:pt x="18087" y="5014"/>
                  <a:pt x="18089" y="5044"/>
                  <a:pt x="18087" y="5076"/>
                </a:cubicBezTo>
                <a:cubicBezTo>
                  <a:pt x="18082" y="5111"/>
                  <a:pt x="18080" y="5148"/>
                  <a:pt x="18073" y="5183"/>
                </a:cubicBezTo>
                <a:cubicBezTo>
                  <a:pt x="18066" y="5217"/>
                  <a:pt x="18059" y="5250"/>
                  <a:pt x="18055" y="5278"/>
                </a:cubicBezTo>
                <a:cubicBezTo>
                  <a:pt x="18050" y="5301"/>
                  <a:pt x="18048" y="5324"/>
                  <a:pt x="18048" y="5347"/>
                </a:cubicBezTo>
                <a:cubicBezTo>
                  <a:pt x="18057" y="5317"/>
                  <a:pt x="18066" y="5294"/>
                  <a:pt x="18071" y="5271"/>
                </a:cubicBezTo>
                <a:lnTo>
                  <a:pt x="18087" y="5213"/>
                </a:lnTo>
                <a:cubicBezTo>
                  <a:pt x="18094" y="5185"/>
                  <a:pt x="18101" y="5155"/>
                  <a:pt x="18103" y="5127"/>
                </a:cubicBezTo>
                <a:cubicBezTo>
                  <a:pt x="18105" y="5099"/>
                  <a:pt x="18112" y="5071"/>
                  <a:pt x="18112" y="5037"/>
                </a:cubicBezTo>
                <a:cubicBezTo>
                  <a:pt x="18115" y="5002"/>
                  <a:pt x="18119" y="4958"/>
                  <a:pt x="18117" y="4895"/>
                </a:cubicBezTo>
                <a:lnTo>
                  <a:pt x="18117" y="4895"/>
                </a:lnTo>
                <a:cubicBezTo>
                  <a:pt x="18115" y="4921"/>
                  <a:pt x="18115" y="4942"/>
                  <a:pt x="18110" y="4958"/>
                </a:cubicBezTo>
                <a:lnTo>
                  <a:pt x="18103" y="5002"/>
                </a:lnTo>
                <a:cubicBezTo>
                  <a:pt x="18101" y="5014"/>
                  <a:pt x="18099" y="5025"/>
                  <a:pt x="18094" y="5037"/>
                </a:cubicBezTo>
                <a:cubicBezTo>
                  <a:pt x="18094" y="5037"/>
                  <a:pt x="18093" y="5037"/>
                  <a:pt x="18093" y="5037"/>
                </a:cubicBezTo>
                <a:cubicBezTo>
                  <a:pt x="18089" y="5037"/>
                  <a:pt x="18089" y="5013"/>
                  <a:pt x="18092" y="4983"/>
                </a:cubicBezTo>
                <a:cubicBezTo>
                  <a:pt x="18094" y="4956"/>
                  <a:pt x="18092" y="4928"/>
                  <a:pt x="18089" y="4900"/>
                </a:cubicBezTo>
                <a:cubicBezTo>
                  <a:pt x="18088" y="4896"/>
                  <a:pt x="18087" y="4893"/>
                  <a:pt x="18085" y="4893"/>
                </a:cubicBezTo>
                <a:cubicBezTo>
                  <a:pt x="18081" y="4893"/>
                  <a:pt x="18077" y="4907"/>
                  <a:pt x="18071" y="4946"/>
                </a:cubicBezTo>
                <a:cubicBezTo>
                  <a:pt x="18073" y="4902"/>
                  <a:pt x="18078" y="4872"/>
                  <a:pt x="18080" y="4849"/>
                </a:cubicBezTo>
                <a:cubicBezTo>
                  <a:pt x="18082" y="4824"/>
                  <a:pt x="18082" y="4807"/>
                  <a:pt x="18082" y="4787"/>
                </a:cubicBezTo>
                <a:cubicBezTo>
                  <a:pt x="18085" y="4712"/>
                  <a:pt x="18080" y="4638"/>
                  <a:pt x="18066" y="4567"/>
                </a:cubicBezTo>
                <a:lnTo>
                  <a:pt x="18066" y="4567"/>
                </a:lnTo>
                <a:cubicBezTo>
                  <a:pt x="18082" y="4648"/>
                  <a:pt x="18087" y="4648"/>
                  <a:pt x="18092" y="4657"/>
                </a:cubicBezTo>
                <a:cubicBezTo>
                  <a:pt x="18099" y="4664"/>
                  <a:pt x="18101" y="4675"/>
                  <a:pt x="18101" y="4685"/>
                </a:cubicBezTo>
                <a:cubicBezTo>
                  <a:pt x="18103" y="4692"/>
                  <a:pt x="18105" y="4702"/>
                  <a:pt x="18107" y="4715"/>
                </a:cubicBezTo>
                <a:lnTo>
                  <a:pt x="18107" y="4715"/>
                </a:lnTo>
                <a:lnTo>
                  <a:pt x="18103" y="4675"/>
                </a:lnTo>
                <a:cubicBezTo>
                  <a:pt x="18101" y="4643"/>
                  <a:pt x="18096" y="4617"/>
                  <a:pt x="18092" y="4594"/>
                </a:cubicBezTo>
                <a:cubicBezTo>
                  <a:pt x="18085" y="4548"/>
                  <a:pt x="18080" y="4518"/>
                  <a:pt x="18071" y="4485"/>
                </a:cubicBezTo>
                <a:cubicBezTo>
                  <a:pt x="18057" y="4423"/>
                  <a:pt x="18043" y="4360"/>
                  <a:pt x="17999" y="4194"/>
                </a:cubicBezTo>
                <a:cubicBezTo>
                  <a:pt x="17994" y="4183"/>
                  <a:pt x="17991" y="4179"/>
                  <a:pt x="17990" y="4179"/>
                </a:cubicBezTo>
                <a:cubicBezTo>
                  <a:pt x="17980" y="4179"/>
                  <a:pt x="18006" y="4310"/>
                  <a:pt x="17999" y="4310"/>
                </a:cubicBezTo>
                <a:cubicBezTo>
                  <a:pt x="17995" y="4310"/>
                  <a:pt x="17981" y="4268"/>
                  <a:pt x="17943" y="4138"/>
                </a:cubicBezTo>
                <a:cubicBezTo>
                  <a:pt x="17931" y="4094"/>
                  <a:pt x="17929" y="4076"/>
                  <a:pt x="17931" y="4076"/>
                </a:cubicBezTo>
                <a:lnTo>
                  <a:pt x="17931" y="4076"/>
                </a:lnTo>
                <a:cubicBezTo>
                  <a:pt x="17933" y="4076"/>
                  <a:pt x="17939" y="4092"/>
                  <a:pt x="17946" y="4117"/>
                </a:cubicBezTo>
                <a:cubicBezTo>
                  <a:pt x="17925" y="4026"/>
                  <a:pt x="17917" y="3999"/>
                  <a:pt x="17913" y="3999"/>
                </a:cubicBezTo>
                <a:cubicBezTo>
                  <a:pt x="17907" y="3999"/>
                  <a:pt x="17912" y="4057"/>
                  <a:pt x="17904" y="4057"/>
                </a:cubicBezTo>
                <a:cubicBezTo>
                  <a:pt x="17900" y="4057"/>
                  <a:pt x="17893" y="4044"/>
                  <a:pt x="17881" y="4004"/>
                </a:cubicBezTo>
                <a:cubicBezTo>
                  <a:pt x="17855" y="3912"/>
                  <a:pt x="17848" y="3861"/>
                  <a:pt x="17853" y="3861"/>
                </a:cubicBezTo>
                <a:cubicBezTo>
                  <a:pt x="17855" y="3861"/>
                  <a:pt x="17858" y="3867"/>
                  <a:pt x="17862" y="3881"/>
                </a:cubicBezTo>
                <a:cubicBezTo>
                  <a:pt x="17837" y="3788"/>
                  <a:pt x="17827" y="3765"/>
                  <a:pt x="17818" y="3753"/>
                </a:cubicBezTo>
                <a:cubicBezTo>
                  <a:pt x="17811" y="3742"/>
                  <a:pt x="17807" y="3737"/>
                  <a:pt x="17795" y="3670"/>
                </a:cubicBezTo>
                <a:lnTo>
                  <a:pt x="17795" y="3670"/>
                </a:lnTo>
                <a:lnTo>
                  <a:pt x="17800" y="3730"/>
                </a:lnTo>
                <a:cubicBezTo>
                  <a:pt x="17797" y="3721"/>
                  <a:pt x="17795" y="3718"/>
                  <a:pt x="17793" y="3718"/>
                </a:cubicBezTo>
                <a:cubicBezTo>
                  <a:pt x="17790" y="3718"/>
                  <a:pt x="17787" y="3726"/>
                  <a:pt x="17783" y="3726"/>
                </a:cubicBezTo>
                <a:cubicBezTo>
                  <a:pt x="17782" y="3726"/>
                  <a:pt x="17782" y="3726"/>
                  <a:pt x="17781" y="3726"/>
                </a:cubicBezTo>
                <a:cubicBezTo>
                  <a:pt x="17772" y="3723"/>
                  <a:pt x="17772" y="3716"/>
                  <a:pt x="17765" y="3691"/>
                </a:cubicBezTo>
                <a:cubicBezTo>
                  <a:pt x="17760" y="3677"/>
                  <a:pt x="17756" y="3658"/>
                  <a:pt x="17753" y="3635"/>
                </a:cubicBezTo>
                <a:cubicBezTo>
                  <a:pt x="17749" y="3612"/>
                  <a:pt x="17746" y="3582"/>
                  <a:pt x="17744" y="3545"/>
                </a:cubicBezTo>
                <a:cubicBezTo>
                  <a:pt x="17742" y="3489"/>
                  <a:pt x="17744" y="3455"/>
                  <a:pt x="17744" y="3429"/>
                </a:cubicBezTo>
                <a:cubicBezTo>
                  <a:pt x="17744" y="3415"/>
                  <a:pt x="17749" y="3401"/>
                  <a:pt x="17751" y="3387"/>
                </a:cubicBezTo>
                <a:cubicBezTo>
                  <a:pt x="17752" y="3384"/>
                  <a:pt x="17754" y="3383"/>
                  <a:pt x="17755" y="3383"/>
                </a:cubicBezTo>
                <a:cubicBezTo>
                  <a:pt x="17758" y="3383"/>
                  <a:pt x="17760" y="3390"/>
                  <a:pt x="17762" y="3390"/>
                </a:cubicBezTo>
                <a:cubicBezTo>
                  <a:pt x="17762" y="3390"/>
                  <a:pt x="17762" y="3390"/>
                  <a:pt x="17763" y="3390"/>
                </a:cubicBezTo>
                <a:cubicBezTo>
                  <a:pt x="17763" y="3369"/>
                  <a:pt x="17765" y="3348"/>
                  <a:pt x="17765" y="3330"/>
                </a:cubicBezTo>
                <a:cubicBezTo>
                  <a:pt x="17765" y="3309"/>
                  <a:pt x="17772" y="3290"/>
                  <a:pt x="17774" y="3272"/>
                </a:cubicBezTo>
                <a:cubicBezTo>
                  <a:pt x="17777" y="3253"/>
                  <a:pt x="17779" y="3235"/>
                  <a:pt x="17783" y="3216"/>
                </a:cubicBezTo>
                <a:cubicBezTo>
                  <a:pt x="17788" y="3197"/>
                  <a:pt x="17793" y="3181"/>
                  <a:pt x="17797" y="3165"/>
                </a:cubicBezTo>
                <a:cubicBezTo>
                  <a:pt x="17804" y="3149"/>
                  <a:pt x="17807" y="3133"/>
                  <a:pt x="17814" y="3116"/>
                </a:cubicBezTo>
                <a:lnTo>
                  <a:pt x="17832" y="3072"/>
                </a:lnTo>
                <a:cubicBezTo>
                  <a:pt x="17844" y="3045"/>
                  <a:pt x="17858" y="3017"/>
                  <a:pt x="17874" y="2991"/>
                </a:cubicBezTo>
                <a:lnTo>
                  <a:pt x="17874" y="2991"/>
                </a:lnTo>
                <a:cubicBezTo>
                  <a:pt x="17872" y="2993"/>
                  <a:pt x="17871" y="2994"/>
                  <a:pt x="17870" y="2994"/>
                </a:cubicBezTo>
                <a:cubicBezTo>
                  <a:pt x="17868" y="2994"/>
                  <a:pt x="17868" y="2991"/>
                  <a:pt x="17869" y="2987"/>
                </a:cubicBezTo>
                <a:cubicBezTo>
                  <a:pt x="17874" y="2970"/>
                  <a:pt x="17883" y="2954"/>
                  <a:pt x="17890" y="2940"/>
                </a:cubicBezTo>
                <a:cubicBezTo>
                  <a:pt x="17962" y="2813"/>
                  <a:pt x="17997" y="2787"/>
                  <a:pt x="18013" y="2776"/>
                </a:cubicBezTo>
                <a:cubicBezTo>
                  <a:pt x="18034" y="2767"/>
                  <a:pt x="18052" y="2753"/>
                  <a:pt x="18066" y="2734"/>
                </a:cubicBezTo>
                <a:cubicBezTo>
                  <a:pt x="18136" y="2662"/>
                  <a:pt x="18170" y="2632"/>
                  <a:pt x="18184" y="2616"/>
                </a:cubicBezTo>
                <a:cubicBezTo>
                  <a:pt x="18198" y="2600"/>
                  <a:pt x="18191" y="2600"/>
                  <a:pt x="18184" y="2598"/>
                </a:cubicBezTo>
                <a:cubicBezTo>
                  <a:pt x="18177" y="2595"/>
                  <a:pt x="18173" y="2593"/>
                  <a:pt x="18191" y="2572"/>
                </a:cubicBezTo>
                <a:cubicBezTo>
                  <a:pt x="18227" y="2532"/>
                  <a:pt x="18268" y="2497"/>
                  <a:pt x="18311" y="2466"/>
                </a:cubicBezTo>
                <a:lnTo>
                  <a:pt x="18311" y="2466"/>
                </a:lnTo>
                <a:cubicBezTo>
                  <a:pt x="18177" y="2560"/>
                  <a:pt x="18054" y="2673"/>
                  <a:pt x="17953" y="2801"/>
                </a:cubicBezTo>
                <a:cubicBezTo>
                  <a:pt x="17955" y="2791"/>
                  <a:pt x="17955" y="2782"/>
                  <a:pt x="17948" y="2782"/>
                </a:cubicBezTo>
                <a:cubicBezTo>
                  <a:pt x="17947" y="2782"/>
                  <a:pt x="17947" y="2783"/>
                  <a:pt x="17946" y="2783"/>
                </a:cubicBezTo>
                <a:cubicBezTo>
                  <a:pt x="17936" y="2787"/>
                  <a:pt x="17918" y="2806"/>
                  <a:pt x="17883" y="2857"/>
                </a:cubicBezTo>
                <a:cubicBezTo>
                  <a:pt x="17883" y="2871"/>
                  <a:pt x="17878" y="2885"/>
                  <a:pt x="17872" y="2896"/>
                </a:cubicBezTo>
                <a:cubicBezTo>
                  <a:pt x="17865" y="2917"/>
                  <a:pt x="17848" y="2945"/>
                  <a:pt x="17837" y="2980"/>
                </a:cubicBezTo>
                <a:cubicBezTo>
                  <a:pt x="17830" y="2998"/>
                  <a:pt x="17821" y="3014"/>
                  <a:pt x="17814" y="3035"/>
                </a:cubicBezTo>
                <a:lnTo>
                  <a:pt x="17793" y="3096"/>
                </a:lnTo>
                <a:cubicBezTo>
                  <a:pt x="17786" y="3116"/>
                  <a:pt x="17781" y="3140"/>
                  <a:pt x="17774" y="3160"/>
                </a:cubicBezTo>
                <a:cubicBezTo>
                  <a:pt x="17767" y="3184"/>
                  <a:pt x="17763" y="3204"/>
                  <a:pt x="17758" y="3228"/>
                </a:cubicBezTo>
                <a:cubicBezTo>
                  <a:pt x="17756" y="3230"/>
                  <a:pt x="17755" y="3231"/>
                  <a:pt x="17755" y="3231"/>
                </a:cubicBezTo>
                <a:cubicBezTo>
                  <a:pt x="17753" y="3231"/>
                  <a:pt x="17753" y="3227"/>
                  <a:pt x="17753" y="3221"/>
                </a:cubicBezTo>
                <a:cubicBezTo>
                  <a:pt x="17753" y="3207"/>
                  <a:pt x="17756" y="3191"/>
                  <a:pt x="17758" y="3177"/>
                </a:cubicBezTo>
                <a:cubicBezTo>
                  <a:pt x="17763" y="3158"/>
                  <a:pt x="17767" y="3135"/>
                  <a:pt x="17772" y="3112"/>
                </a:cubicBezTo>
                <a:cubicBezTo>
                  <a:pt x="17779" y="3086"/>
                  <a:pt x="17788" y="3063"/>
                  <a:pt x="17795" y="3042"/>
                </a:cubicBezTo>
                <a:cubicBezTo>
                  <a:pt x="17809" y="2998"/>
                  <a:pt x="17825" y="2964"/>
                  <a:pt x="17825" y="2954"/>
                </a:cubicBezTo>
                <a:cubicBezTo>
                  <a:pt x="17825" y="2952"/>
                  <a:pt x="17825" y="2951"/>
                  <a:pt x="17825" y="2951"/>
                </a:cubicBezTo>
                <a:cubicBezTo>
                  <a:pt x="17823" y="2951"/>
                  <a:pt x="17820" y="2957"/>
                  <a:pt x="17814" y="2966"/>
                </a:cubicBezTo>
                <a:cubicBezTo>
                  <a:pt x="17805" y="2980"/>
                  <a:pt x="17796" y="2994"/>
                  <a:pt x="17789" y="3009"/>
                </a:cubicBezTo>
                <a:lnTo>
                  <a:pt x="17789" y="3009"/>
                </a:lnTo>
                <a:cubicBezTo>
                  <a:pt x="17812" y="2959"/>
                  <a:pt x="17837" y="2911"/>
                  <a:pt x="17865" y="2864"/>
                </a:cubicBezTo>
                <a:cubicBezTo>
                  <a:pt x="17885" y="2836"/>
                  <a:pt x="17904" y="2804"/>
                  <a:pt x="17925" y="2776"/>
                </a:cubicBezTo>
                <a:cubicBezTo>
                  <a:pt x="17948" y="2748"/>
                  <a:pt x="17969" y="2720"/>
                  <a:pt x="17992" y="2695"/>
                </a:cubicBezTo>
                <a:lnTo>
                  <a:pt x="17992" y="2695"/>
                </a:lnTo>
                <a:cubicBezTo>
                  <a:pt x="17983" y="2708"/>
                  <a:pt x="17981" y="2714"/>
                  <a:pt x="17983" y="2714"/>
                </a:cubicBezTo>
                <a:cubicBezTo>
                  <a:pt x="17985" y="2714"/>
                  <a:pt x="17993" y="2707"/>
                  <a:pt x="18004" y="2695"/>
                </a:cubicBezTo>
                <a:cubicBezTo>
                  <a:pt x="18015" y="2683"/>
                  <a:pt x="18029" y="2669"/>
                  <a:pt x="18045" y="2653"/>
                </a:cubicBezTo>
                <a:lnTo>
                  <a:pt x="18096" y="2604"/>
                </a:lnTo>
                <a:cubicBezTo>
                  <a:pt x="18140" y="2564"/>
                  <a:pt x="18182" y="2529"/>
                  <a:pt x="18187" y="2529"/>
                </a:cubicBezTo>
                <a:cubicBezTo>
                  <a:pt x="18190" y="2529"/>
                  <a:pt x="18180" y="2541"/>
                  <a:pt x="18149" y="2572"/>
                </a:cubicBezTo>
                <a:cubicBezTo>
                  <a:pt x="18238" y="2493"/>
                  <a:pt x="18330" y="2424"/>
                  <a:pt x="18430" y="2359"/>
                </a:cubicBezTo>
                <a:cubicBezTo>
                  <a:pt x="18509" y="2308"/>
                  <a:pt x="18576" y="2269"/>
                  <a:pt x="18643" y="2229"/>
                </a:cubicBezTo>
                <a:cubicBezTo>
                  <a:pt x="18773" y="2153"/>
                  <a:pt x="18898" y="2083"/>
                  <a:pt x="19111" y="1951"/>
                </a:cubicBezTo>
                <a:lnTo>
                  <a:pt x="19111" y="1951"/>
                </a:lnTo>
                <a:cubicBezTo>
                  <a:pt x="19051" y="2000"/>
                  <a:pt x="18988" y="2046"/>
                  <a:pt x="18923" y="2088"/>
                </a:cubicBezTo>
                <a:cubicBezTo>
                  <a:pt x="18824" y="2153"/>
                  <a:pt x="18701" y="2229"/>
                  <a:pt x="18585" y="2294"/>
                </a:cubicBezTo>
                <a:lnTo>
                  <a:pt x="18562" y="2296"/>
                </a:lnTo>
                <a:cubicBezTo>
                  <a:pt x="18498" y="2339"/>
                  <a:pt x="18476" y="2355"/>
                  <a:pt x="18480" y="2355"/>
                </a:cubicBezTo>
                <a:cubicBezTo>
                  <a:pt x="18483" y="2355"/>
                  <a:pt x="18521" y="2334"/>
                  <a:pt x="18566" y="2308"/>
                </a:cubicBezTo>
                <a:cubicBezTo>
                  <a:pt x="18639" y="2267"/>
                  <a:pt x="18733" y="2217"/>
                  <a:pt x="18748" y="2217"/>
                </a:cubicBezTo>
                <a:cubicBezTo>
                  <a:pt x="18750" y="2217"/>
                  <a:pt x="18750" y="2219"/>
                  <a:pt x="18747" y="2222"/>
                </a:cubicBezTo>
                <a:cubicBezTo>
                  <a:pt x="19081" y="1998"/>
                  <a:pt x="19523" y="1789"/>
                  <a:pt x="19945" y="1534"/>
                </a:cubicBezTo>
                <a:lnTo>
                  <a:pt x="19945" y="1534"/>
                </a:lnTo>
                <a:cubicBezTo>
                  <a:pt x="19926" y="1542"/>
                  <a:pt x="19916" y="1546"/>
                  <a:pt x="19912" y="1546"/>
                </a:cubicBezTo>
                <a:cubicBezTo>
                  <a:pt x="19899" y="1546"/>
                  <a:pt x="19950" y="1511"/>
                  <a:pt x="19959" y="1497"/>
                </a:cubicBezTo>
                <a:lnTo>
                  <a:pt x="19959" y="1497"/>
                </a:lnTo>
                <a:cubicBezTo>
                  <a:pt x="19790" y="1597"/>
                  <a:pt x="19822" y="1583"/>
                  <a:pt x="19690" y="1645"/>
                </a:cubicBezTo>
                <a:cubicBezTo>
                  <a:pt x="19706" y="1620"/>
                  <a:pt x="19813" y="1567"/>
                  <a:pt x="19861" y="1527"/>
                </a:cubicBezTo>
                <a:cubicBezTo>
                  <a:pt x="19867" y="1522"/>
                  <a:pt x="19868" y="1520"/>
                  <a:pt x="19866" y="1520"/>
                </a:cubicBezTo>
                <a:cubicBezTo>
                  <a:pt x="19854" y="1520"/>
                  <a:pt x="19723" y="1605"/>
                  <a:pt x="19667" y="1629"/>
                </a:cubicBezTo>
                <a:cubicBezTo>
                  <a:pt x="19748" y="1581"/>
                  <a:pt x="19824" y="1527"/>
                  <a:pt x="19898" y="1472"/>
                </a:cubicBezTo>
                <a:cubicBezTo>
                  <a:pt x="19952" y="1449"/>
                  <a:pt x="20007" y="1430"/>
                  <a:pt x="20061" y="1414"/>
                </a:cubicBezTo>
                <a:cubicBezTo>
                  <a:pt x="20453" y="1192"/>
                  <a:pt x="20411" y="1187"/>
                  <a:pt x="20704" y="1021"/>
                </a:cubicBezTo>
                <a:lnTo>
                  <a:pt x="20704" y="1021"/>
                </a:lnTo>
                <a:cubicBezTo>
                  <a:pt x="20673" y="1039"/>
                  <a:pt x="20666" y="1044"/>
                  <a:pt x="20669" y="1044"/>
                </a:cubicBezTo>
                <a:cubicBezTo>
                  <a:pt x="20673" y="1044"/>
                  <a:pt x="20699" y="1033"/>
                  <a:pt x="20703" y="1033"/>
                </a:cubicBezTo>
                <a:cubicBezTo>
                  <a:pt x="20704" y="1033"/>
                  <a:pt x="20703" y="1034"/>
                  <a:pt x="20697" y="1038"/>
                </a:cubicBezTo>
                <a:lnTo>
                  <a:pt x="20697" y="1038"/>
                </a:lnTo>
                <a:lnTo>
                  <a:pt x="20737" y="1015"/>
                </a:lnTo>
                <a:lnTo>
                  <a:pt x="20737" y="1015"/>
                </a:lnTo>
                <a:cubicBezTo>
                  <a:pt x="20468" y="1196"/>
                  <a:pt x="19986" y="1472"/>
                  <a:pt x="20051" y="1474"/>
                </a:cubicBezTo>
                <a:cubicBezTo>
                  <a:pt x="20278" y="1340"/>
                  <a:pt x="20434" y="1226"/>
                  <a:pt x="20711" y="1066"/>
                </a:cubicBezTo>
                <a:lnTo>
                  <a:pt x="20711" y="1066"/>
                </a:lnTo>
                <a:lnTo>
                  <a:pt x="20705" y="1078"/>
                </a:lnTo>
                <a:cubicBezTo>
                  <a:pt x="20778" y="1036"/>
                  <a:pt x="20797" y="1024"/>
                  <a:pt x="20794" y="1024"/>
                </a:cubicBezTo>
                <a:cubicBezTo>
                  <a:pt x="20789" y="1024"/>
                  <a:pt x="20742" y="1047"/>
                  <a:pt x="20736" y="1047"/>
                </a:cubicBezTo>
                <a:cubicBezTo>
                  <a:pt x="20734" y="1047"/>
                  <a:pt x="20736" y="1045"/>
                  <a:pt x="20742" y="1041"/>
                </a:cubicBezTo>
                <a:cubicBezTo>
                  <a:pt x="20962" y="900"/>
                  <a:pt x="21050" y="900"/>
                  <a:pt x="21193" y="791"/>
                </a:cubicBezTo>
                <a:lnTo>
                  <a:pt x="21193" y="791"/>
                </a:lnTo>
                <a:lnTo>
                  <a:pt x="20962" y="918"/>
                </a:lnTo>
                <a:cubicBezTo>
                  <a:pt x="21012" y="884"/>
                  <a:pt x="21027" y="873"/>
                  <a:pt x="21024" y="873"/>
                </a:cubicBezTo>
                <a:cubicBezTo>
                  <a:pt x="21020" y="873"/>
                  <a:pt x="20955" y="911"/>
                  <a:pt x="20939" y="911"/>
                </a:cubicBezTo>
                <a:cubicBezTo>
                  <a:pt x="20935" y="911"/>
                  <a:pt x="20934" y="908"/>
                  <a:pt x="20938" y="902"/>
                </a:cubicBezTo>
                <a:cubicBezTo>
                  <a:pt x="21240" y="710"/>
                  <a:pt x="21779" y="408"/>
                  <a:pt x="22210" y="144"/>
                </a:cubicBezTo>
                <a:lnTo>
                  <a:pt x="22210" y="144"/>
                </a:lnTo>
                <a:cubicBezTo>
                  <a:pt x="22094" y="198"/>
                  <a:pt x="21983" y="256"/>
                  <a:pt x="21877" y="320"/>
                </a:cubicBezTo>
                <a:cubicBezTo>
                  <a:pt x="21922" y="266"/>
                  <a:pt x="21974" y="233"/>
                  <a:pt x="21950" y="233"/>
                </a:cubicBezTo>
                <a:cubicBezTo>
                  <a:pt x="21943" y="233"/>
                  <a:pt x="21930" y="236"/>
                  <a:pt x="21909" y="242"/>
                </a:cubicBezTo>
                <a:lnTo>
                  <a:pt x="21708" y="358"/>
                </a:lnTo>
                <a:lnTo>
                  <a:pt x="21691" y="334"/>
                </a:lnTo>
                <a:cubicBezTo>
                  <a:pt x="21745" y="302"/>
                  <a:pt x="21800" y="272"/>
                  <a:pt x="21851" y="246"/>
                </a:cubicBezTo>
                <a:cubicBezTo>
                  <a:pt x="21870" y="216"/>
                  <a:pt x="22157" y="75"/>
                  <a:pt x="22164" y="54"/>
                </a:cubicBezTo>
                <a:lnTo>
                  <a:pt x="22164" y="54"/>
                </a:lnTo>
                <a:lnTo>
                  <a:pt x="21992" y="154"/>
                </a:lnTo>
                <a:cubicBezTo>
                  <a:pt x="21981" y="159"/>
                  <a:pt x="21974" y="161"/>
                  <a:pt x="21971" y="161"/>
                </a:cubicBezTo>
                <a:cubicBezTo>
                  <a:pt x="21954" y="161"/>
                  <a:pt x="22119" y="65"/>
                  <a:pt x="22222"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0" name="Google Shape;640;p33"/>
          <p:cNvSpPr txBox="1">
            <a:spLocks noGrp="1"/>
          </p:cNvSpPr>
          <p:nvPr>
            <p:ph type="title"/>
          </p:nvPr>
        </p:nvSpPr>
        <p:spPr>
          <a:xfrm>
            <a:off x="3240650" y="2060150"/>
            <a:ext cx="3099600" cy="574200"/>
          </a:xfrm>
          <a:prstGeom prst="rect">
            <a:avLst/>
          </a:prstGeom>
        </p:spPr>
        <p:txBody>
          <a:bodyPr spcFirstLastPara="1" wrap="square" lIns="91425" tIns="91425" rIns="91425" bIns="91425" anchor="ctr" anchorCtr="0">
            <a:noAutofit/>
          </a:bodyPr>
          <a:lstStyle>
            <a:lvl1pPr lvl="0" rtl="0">
              <a:spcBef>
                <a:spcPts val="0"/>
              </a:spcBef>
              <a:spcAft>
                <a:spcPts val="0"/>
              </a:spcAft>
              <a:buSzPts val="3600"/>
              <a:buNone/>
              <a:defRPr sz="3800"/>
            </a:lvl1pPr>
            <a:lvl2pPr lvl="1" algn="ctr" rtl="0">
              <a:spcBef>
                <a:spcPts val="0"/>
              </a:spcBef>
              <a:spcAft>
                <a:spcPts val="0"/>
              </a:spcAft>
              <a:buSzPts val="3600"/>
              <a:buNone/>
              <a:defRPr sz="3600"/>
            </a:lvl2pPr>
            <a:lvl3pPr lvl="2" algn="ctr" rtl="0">
              <a:spcBef>
                <a:spcPts val="0"/>
              </a:spcBef>
              <a:spcAft>
                <a:spcPts val="0"/>
              </a:spcAft>
              <a:buSzPts val="3600"/>
              <a:buNone/>
              <a:defRPr sz="3600"/>
            </a:lvl3pPr>
            <a:lvl4pPr lvl="3" algn="ctr" rtl="0">
              <a:spcBef>
                <a:spcPts val="0"/>
              </a:spcBef>
              <a:spcAft>
                <a:spcPts val="0"/>
              </a:spcAft>
              <a:buSzPts val="3600"/>
              <a:buNone/>
              <a:defRPr sz="3600"/>
            </a:lvl4pPr>
            <a:lvl5pPr lvl="4" algn="ctr" rtl="0">
              <a:spcBef>
                <a:spcPts val="0"/>
              </a:spcBef>
              <a:spcAft>
                <a:spcPts val="0"/>
              </a:spcAft>
              <a:buSzPts val="3600"/>
              <a:buNone/>
              <a:defRPr sz="3600"/>
            </a:lvl5pPr>
            <a:lvl6pPr lvl="5" algn="ctr" rtl="0">
              <a:spcBef>
                <a:spcPts val="0"/>
              </a:spcBef>
              <a:spcAft>
                <a:spcPts val="0"/>
              </a:spcAft>
              <a:buSzPts val="3600"/>
              <a:buNone/>
              <a:defRPr sz="3600"/>
            </a:lvl6pPr>
            <a:lvl7pPr lvl="6" algn="ctr" rtl="0">
              <a:spcBef>
                <a:spcPts val="0"/>
              </a:spcBef>
              <a:spcAft>
                <a:spcPts val="0"/>
              </a:spcAft>
              <a:buSzPts val="3600"/>
              <a:buNone/>
              <a:defRPr sz="3600"/>
            </a:lvl7pPr>
            <a:lvl8pPr lvl="7" algn="ctr" rtl="0">
              <a:spcBef>
                <a:spcPts val="0"/>
              </a:spcBef>
              <a:spcAft>
                <a:spcPts val="0"/>
              </a:spcAft>
              <a:buSzPts val="3600"/>
              <a:buNone/>
              <a:defRPr sz="3600"/>
            </a:lvl8pPr>
            <a:lvl9pPr lvl="8" algn="ctr" rtl="0">
              <a:spcBef>
                <a:spcPts val="0"/>
              </a:spcBef>
              <a:spcAft>
                <a:spcPts val="0"/>
              </a:spcAft>
              <a:buSzPts val="3600"/>
              <a:buNone/>
              <a:defRPr sz="3600"/>
            </a:lvl9pPr>
          </a:lstStyle>
          <a:p>
            <a:endParaRPr/>
          </a:p>
        </p:txBody>
      </p:sp>
      <p:sp>
        <p:nvSpPr>
          <p:cNvPr id="641" name="Google Shape;641;p33"/>
          <p:cNvSpPr txBox="1">
            <a:spLocks noGrp="1"/>
          </p:cNvSpPr>
          <p:nvPr>
            <p:ph type="title" idx="2" hasCustomPrompt="1"/>
          </p:nvPr>
        </p:nvSpPr>
        <p:spPr>
          <a:xfrm>
            <a:off x="1543125" y="2126838"/>
            <a:ext cx="1525500" cy="872700"/>
          </a:xfrm>
          <a:prstGeom prst="rect">
            <a:avLst/>
          </a:prstGeom>
        </p:spPr>
        <p:txBody>
          <a:bodyPr spcFirstLastPara="1" wrap="square" lIns="91425" tIns="91425" rIns="91425" bIns="91425" anchor="ctr" anchorCtr="0">
            <a:noAutofit/>
          </a:bodyPr>
          <a:lstStyle>
            <a:lvl1pPr lvl="0" rtl="0">
              <a:spcBef>
                <a:spcPts val="0"/>
              </a:spcBef>
              <a:spcAft>
                <a:spcPts val="0"/>
              </a:spcAft>
              <a:buSzPts val="6000"/>
              <a:buNone/>
              <a:defRPr sz="8000">
                <a:solidFill>
                  <a:schemeClr val="accent1"/>
                </a:solidFill>
              </a:defRPr>
            </a:lvl1pPr>
            <a:lvl2pPr lvl="1" algn="ctr" rtl="0">
              <a:spcBef>
                <a:spcPts val="0"/>
              </a:spcBef>
              <a:spcAft>
                <a:spcPts val="0"/>
              </a:spcAft>
              <a:buSzPts val="6000"/>
              <a:buNone/>
              <a:defRPr sz="6000"/>
            </a:lvl2pPr>
            <a:lvl3pPr lvl="2" algn="ctr" rtl="0">
              <a:spcBef>
                <a:spcPts val="0"/>
              </a:spcBef>
              <a:spcAft>
                <a:spcPts val="0"/>
              </a:spcAft>
              <a:buSzPts val="6000"/>
              <a:buNone/>
              <a:defRPr sz="6000"/>
            </a:lvl3pPr>
            <a:lvl4pPr lvl="3" algn="ctr" rtl="0">
              <a:spcBef>
                <a:spcPts val="0"/>
              </a:spcBef>
              <a:spcAft>
                <a:spcPts val="0"/>
              </a:spcAft>
              <a:buSzPts val="6000"/>
              <a:buNone/>
              <a:defRPr sz="6000"/>
            </a:lvl4pPr>
            <a:lvl5pPr lvl="4" algn="ctr" rtl="0">
              <a:spcBef>
                <a:spcPts val="0"/>
              </a:spcBef>
              <a:spcAft>
                <a:spcPts val="0"/>
              </a:spcAft>
              <a:buSzPts val="6000"/>
              <a:buNone/>
              <a:defRPr sz="6000"/>
            </a:lvl5pPr>
            <a:lvl6pPr lvl="5" algn="ctr" rtl="0">
              <a:spcBef>
                <a:spcPts val="0"/>
              </a:spcBef>
              <a:spcAft>
                <a:spcPts val="0"/>
              </a:spcAft>
              <a:buSzPts val="6000"/>
              <a:buNone/>
              <a:defRPr sz="6000"/>
            </a:lvl6pPr>
            <a:lvl7pPr lvl="6" algn="ctr" rtl="0">
              <a:spcBef>
                <a:spcPts val="0"/>
              </a:spcBef>
              <a:spcAft>
                <a:spcPts val="0"/>
              </a:spcAft>
              <a:buSzPts val="6000"/>
              <a:buNone/>
              <a:defRPr sz="6000"/>
            </a:lvl7pPr>
            <a:lvl8pPr lvl="7" algn="ctr" rtl="0">
              <a:spcBef>
                <a:spcPts val="0"/>
              </a:spcBef>
              <a:spcAft>
                <a:spcPts val="0"/>
              </a:spcAft>
              <a:buSzPts val="6000"/>
              <a:buNone/>
              <a:defRPr sz="6000"/>
            </a:lvl8pPr>
            <a:lvl9pPr lvl="8" algn="ctr" rtl="0">
              <a:spcBef>
                <a:spcPts val="0"/>
              </a:spcBef>
              <a:spcAft>
                <a:spcPts val="0"/>
              </a:spcAft>
              <a:buSzPts val="6000"/>
              <a:buNone/>
              <a:defRPr sz="6000"/>
            </a:lvl9pPr>
          </a:lstStyle>
          <a:p>
            <a:r>
              <a:t>xx%</a:t>
            </a:r>
          </a:p>
        </p:txBody>
      </p:sp>
      <p:sp>
        <p:nvSpPr>
          <p:cNvPr id="642" name="Google Shape;642;p33"/>
          <p:cNvSpPr txBox="1">
            <a:spLocks noGrp="1"/>
          </p:cNvSpPr>
          <p:nvPr>
            <p:ph type="subTitle" idx="1"/>
          </p:nvPr>
        </p:nvSpPr>
        <p:spPr>
          <a:xfrm>
            <a:off x="3240650" y="2778531"/>
            <a:ext cx="4360200" cy="304800"/>
          </a:xfrm>
          <a:prstGeom prst="rect">
            <a:avLst/>
          </a:prstGeom>
        </p:spPr>
        <p:txBody>
          <a:bodyPr spcFirstLastPara="1" wrap="square" lIns="91425" tIns="91425" rIns="91425" bIns="91425" anchor="ctr" anchorCtr="0">
            <a:noAutofit/>
          </a:bodyPr>
          <a:lstStyle>
            <a:lvl1pPr lvl="0" rtl="0">
              <a:lnSpc>
                <a:spcPct val="100000"/>
              </a:lnSpc>
              <a:spcBef>
                <a:spcPts val="0"/>
              </a:spcBef>
              <a:spcAft>
                <a:spcPts val="0"/>
              </a:spcAft>
              <a:buSzPts val="1400"/>
              <a:buNone/>
              <a:defRPr/>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643" name="Google Shape;643;p33"/>
          <p:cNvSpPr/>
          <p:nvPr/>
        </p:nvSpPr>
        <p:spPr>
          <a:xfrm rot="8936537">
            <a:off x="8078230" y="1391648"/>
            <a:ext cx="1490287" cy="1924101"/>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Tree>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matchingName="Background 1">
  <p:cSld name="BLANK_1_1_1_1_1_1_1_1">
    <p:spTree>
      <p:nvGrpSpPr>
        <p:cNvPr id="1" name="Shape 714"/>
        <p:cNvGrpSpPr/>
        <p:nvPr/>
      </p:nvGrpSpPr>
      <p:grpSpPr>
        <a:xfrm>
          <a:off x="0" y="0"/>
          <a:ext cx="0" cy="0"/>
          <a:chOff x="0" y="0"/>
          <a:chExt cx="0" cy="0"/>
        </a:xfrm>
      </p:grpSpPr>
      <p:sp>
        <p:nvSpPr>
          <p:cNvPr id="715" name="Google Shape;715;p38"/>
          <p:cNvSpPr/>
          <p:nvPr/>
        </p:nvSpPr>
        <p:spPr>
          <a:xfrm>
            <a:off x="-465550" y="4215761"/>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16" name="Google Shape;716;p38"/>
          <p:cNvSpPr/>
          <p:nvPr/>
        </p:nvSpPr>
        <p:spPr>
          <a:xfrm rot="-204394">
            <a:off x="-1368055" y="-564338"/>
            <a:ext cx="3569337" cy="1645446"/>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717" name="Google Shape;717;p38"/>
          <p:cNvGrpSpPr/>
          <p:nvPr/>
        </p:nvGrpSpPr>
        <p:grpSpPr>
          <a:xfrm>
            <a:off x="-539699" y="-1242480"/>
            <a:ext cx="2509583" cy="1668048"/>
            <a:chOff x="-372074" y="-1220130"/>
            <a:chExt cx="2509583" cy="1668048"/>
          </a:xfrm>
        </p:grpSpPr>
        <p:sp>
          <p:nvSpPr>
            <p:cNvPr id="718" name="Google Shape;718;p38"/>
            <p:cNvSpPr/>
            <p:nvPr/>
          </p:nvSpPr>
          <p:spPr>
            <a:xfrm flipH="1">
              <a:off x="-27990" y="-396917"/>
              <a:ext cx="2066229" cy="844835"/>
            </a:xfrm>
            <a:custGeom>
              <a:avLst/>
              <a:gdLst/>
              <a:ahLst/>
              <a:cxnLst/>
              <a:rect l="l" t="t" r="r" b="b"/>
              <a:pathLst>
                <a:path w="29016" h="11864" extrusionOk="0">
                  <a:moveTo>
                    <a:pt x="215" y="0"/>
                  </a:moveTo>
                  <a:cubicBezTo>
                    <a:pt x="176" y="0"/>
                    <a:pt x="136" y="25"/>
                    <a:pt x="132" y="74"/>
                  </a:cubicBezTo>
                  <a:lnTo>
                    <a:pt x="134" y="72"/>
                  </a:lnTo>
                  <a:lnTo>
                    <a:pt x="134" y="72"/>
                  </a:lnTo>
                  <a:cubicBezTo>
                    <a:pt x="0" y="2481"/>
                    <a:pt x="649" y="4932"/>
                    <a:pt x="1916" y="6982"/>
                  </a:cubicBezTo>
                  <a:cubicBezTo>
                    <a:pt x="2553" y="8015"/>
                    <a:pt x="3352" y="8941"/>
                    <a:pt x="4281" y="9724"/>
                  </a:cubicBezTo>
                  <a:cubicBezTo>
                    <a:pt x="5226" y="10517"/>
                    <a:pt x="6347" y="11147"/>
                    <a:pt x="7577" y="11348"/>
                  </a:cubicBezTo>
                  <a:cubicBezTo>
                    <a:pt x="7912" y="11403"/>
                    <a:pt x="8243" y="11428"/>
                    <a:pt x="8572" y="11428"/>
                  </a:cubicBezTo>
                  <a:cubicBezTo>
                    <a:pt x="10620" y="11428"/>
                    <a:pt x="12553" y="10466"/>
                    <a:pt x="14478" y="9836"/>
                  </a:cubicBezTo>
                  <a:cubicBezTo>
                    <a:pt x="15465" y="9512"/>
                    <a:pt x="16470" y="9273"/>
                    <a:pt x="17505" y="9273"/>
                  </a:cubicBezTo>
                  <a:cubicBezTo>
                    <a:pt x="17634" y="9273"/>
                    <a:pt x="17763" y="9277"/>
                    <a:pt x="17892" y="9284"/>
                  </a:cubicBezTo>
                  <a:cubicBezTo>
                    <a:pt x="19004" y="9351"/>
                    <a:pt x="20118" y="9699"/>
                    <a:pt x="21179" y="10095"/>
                  </a:cubicBezTo>
                  <a:cubicBezTo>
                    <a:pt x="23160" y="10832"/>
                    <a:pt x="25183" y="11863"/>
                    <a:pt x="27337" y="11863"/>
                  </a:cubicBezTo>
                  <a:cubicBezTo>
                    <a:pt x="27506" y="11863"/>
                    <a:pt x="27676" y="11857"/>
                    <a:pt x="27846" y="11844"/>
                  </a:cubicBezTo>
                  <a:cubicBezTo>
                    <a:pt x="28138" y="11823"/>
                    <a:pt x="28430" y="11772"/>
                    <a:pt x="28713" y="11691"/>
                  </a:cubicBezTo>
                  <a:cubicBezTo>
                    <a:pt x="28902" y="11635"/>
                    <a:pt x="29016" y="11438"/>
                    <a:pt x="28967" y="11246"/>
                  </a:cubicBezTo>
                  <a:cubicBezTo>
                    <a:pt x="28917" y="11064"/>
                    <a:pt x="28765" y="10986"/>
                    <a:pt x="28599" y="10986"/>
                  </a:cubicBezTo>
                  <a:cubicBezTo>
                    <a:pt x="28573" y="10986"/>
                    <a:pt x="28547" y="10988"/>
                    <a:pt x="28520" y="10991"/>
                  </a:cubicBezTo>
                  <a:cubicBezTo>
                    <a:pt x="28268" y="11026"/>
                    <a:pt x="28020" y="11056"/>
                    <a:pt x="27740" y="11072"/>
                  </a:cubicBezTo>
                  <a:cubicBezTo>
                    <a:pt x="27610" y="11080"/>
                    <a:pt x="27481" y="11084"/>
                    <a:pt x="27351" y="11084"/>
                  </a:cubicBezTo>
                  <a:cubicBezTo>
                    <a:pt x="27204" y="11084"/>
                    <a:pt x="27057" y="11079"/>
                    <a:pt x="26910" y="11068"/>
                  </a:cubicBezTo>
                  <a:cubicBezTo>
                    <a:pt x="26394" y="11033"/>
                    <a:pt x="25907" y="10940"/>
                    <a:pt x="25370" y="10799"/>
                  </a:cubicBezTo>
                  <a:cubicBezTo>
                    <a:pt x="24265" y="10510"/>
                    <a:pt x="23204" y="10069"/>
                    <a:pt x="22136" y="9662"/>
                  </a:cubicBezTo>
                  <a:cubicBezTo>
                    <a:pt x="21071" y="9254"/>
                    <a:pt x="19986" y="8863"/>
                    <a:pt x="18856" y="8682"/>
                  </a:cubicBezTo>
                  <a:cubicBezTo>
                    <a:pt x="18422" y="8613"/>
                    <a:pt x="17984" y="8569"/>
                    <a:pt x="17546" y="8569"/>
                  </a:cubicBezTo>
                  <a:cubicBezTo>
                    <a:pt x="17411" y="8569"/>
                    <a:pt x="17276" y="8574"/>
                    <a:pt x="17142" y="8582"/>
                  </a:cubicBezTo>
                  <a:cubicBezTo>
                    <a:pt x="16537" y="8626"/>
                    <a:pt x="15940" y="8728"/>
                    <a:pt x="15358" y="8890"/>
                  </a:cubicBezTo>
                  <a:cubicBezTo>
                    <a:pt x="14214" y="9198"/>
                    <a:pt x="13123" y="9676"/>
                    <a:pt x="12018" y="10095"/>
                  </a:cubicBezTo>
                  <a:cubicBezTo>
                    <a:pt x="10962" y="10493"/>
                    <a:pt x="9859" y="10873"/>
                    <a:pt x="8724" y="10940"/>
                  </a:cubicBezTo>
                  <a:cubicBezTo>
                    <a:pt x="8612" y="10947"/>
                    <a:pt x="8501" y="10951"/>
                    <a:pt x="8390" y="10951"/>
                  </a:cubicBezTo>
                  <a:cubicBezTo>
                    <a:pt x="7301" y="10951"/>
                    <a:pt x="6263" y="10624"/>
                    <a:pt x="5323" y="10060"/>
                  </a:cubicBezTo>
                  <a:cubicBezTo>
                    <a:pt x="4288" y="9439"/>
                    <a:pt x="3394" y="8578"/>
                    <a:pt x="2659" y="7621"/>
                  </a:cubicBezTo>
                  <a:cubicBezTo>
                    <a:pt x="1195" y="5715"/>
                    <a:pt x="343" y="3361"/>
                    <a:pt x="276" y="957"/>
                  </a:cubicBezTo>
                  <a:cubicBezTo>
                    <a:pt x="269" y="662"/>
                    <a:pt x="271" y="368"/>
                    <a:pt x="287" y="74"/>
                  </a:cubicBezTo>
                  <a:cubicBezTo>
                    <a:pt x="290" y="24"/>
                    <a:pt x="253" y="0"/>
                    <a:pt x="21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19" name="Google Shape;719;p38"/>
            <p:cNvSpPr/>
            <p:nvPr/>
          </p:nvSpPr>
          <p:spPr>
            <a:xfrm flipH="1">
              <a:off x="-372074" y="-1220130"/>
              <a:ext cx="2509583" cy="1348504"/>
            </a:xfrm>
            <a:custGeom>
              <a:avLst/>
              <a:gdLst/>
              <a:ahLst/>
              <a:cxnLst/>
              <a:rect l="l" t="t" r="r" b="b"/>
              <a:pathLst>
                <a:path w="35242" h="18937" extrusionOk="0">
                  <a:moveTo>
                    <a:pt x="109" y="0"/>
                  </a:moveTo>
                  <a:cubicBezTo>
                    <a:pt x="54" y="0"/>
                    <a:pt x="1" y="55"/>
                    <a:pt x="41" y="112"/>
                  </a:cubicBezTo>
                  <a:lnTo>
                    <a:pt x="44" y="112"/>
                  </a:lnTo>
                  <a:cubicBezTo>
                    <a:pt x="2152" y="3026"/>
                    <a:pt x="3845" y="6223"/>
                    <a:pt x="5073" y="9605"/>
                  </a:cubicBezTo>
                  <a:cubicBezTo>
                    <a:pt x="5677" y="11266"/>
                    <a:pt x="6087" y="13005"/>
                    <a:pt x="6805" y="14622"/>
                  </a:cubicBezTo>
                  <a:cubicBezTo>
                    <a:pt x="7440" y="16051"/>
                    <a:pt x="8404" y="17404"/>
                    <a:pt x="9814" y="18155"/>
                  </a:cubicBezTo>
                  <a:cubicBezTo>
                    <a:pt x="10442" y="18488"/>
                    <a:pt x="11137" y="18688"/>
                    <a:pt x="11851" y="18699"/>
                  </a:cubicBezTo>
                  <a:cubicBezTo>
                    <a:pt x="11872" y="18699"/>
                    <a:pt x="11893" y="18700"/>
                    <a:pt x="11914" y="18700"/>
                  </a:cubicBezTo>
                  <a:cubicBezTo>
                    <a:pt x="12532" y="18700"/>
                    <a:pt x="13145" y="18570"/>
                    <a:pt x="13727" y="18375"/>
                  </a:cubicBezTo>
                  <a:cubicBezTo>
                    <a:pt x="15003" y="17944"/>
                    <a:pt x="16148" y="17221"/>
                    <a:pt x="17366" y="16663"/>
                  </a:cubicBezTo>
                  <a:cubicBezTo>
                    <a:pt x="18191" y="16283"/>
                    <a:pt x="19096" y="15961"/>
                    <a:pt x="20008" y="15961"/>
                  </a:cubicBezTo>
                  <a:cubicBezTo>
                    <a:pt x="20330" y="15961"/>
                    <a:pt x="20652" y="16001"/>
                    <a:pt x="20973" y="16093"/>
                  </a:cubicBezTo>
                  <a:cubicBezTo>
                    <a:pt x="21795" y="16329"/>
                    <a:pt x="22453" y="16883"/>
                    <a:pt x="23162" y="17332"/>
                  </a:cubicBezTo>
                  <a:cubicBezTo>
                    <a:pt x="23817" y="17747"/>
                    <a:pt x="24517" y="18085"/>
                    <a:pt x="25247" y="18340"/>
                  </a:cubicBezTo>
                  <a:cubicBezTo>
                    <a:pt x="26379" y="18739"/>
                    <a:pt x="27581" y="18936"/>
                    <a:pt x="28784" y="18936"/>
                  </a:cubicBezTo>
                  <a:cubicBezTo>
                    <a:pt x="30679" y="18936"/>
                    <a:pt x="32575" y="18445"/>
                    <a:pt x="34202" y="17476"/>
                  </a:cubicBezTo>
                  <a:cubicBezTo>
                    <a:pt x="34529" y="17279"/>
                    <a:pt x="34820" y="17034"/>
                    <a:pt x="35071" y="16746"/>
                  </a:cubicBezTo>
                  <a:cubicBezTo>
                    <a:pt x="35242" y="16556"/>
                    <a:pt x="35091" y="16308"/>
                    <a:pt x="34880" y="16308"/>
                  </a:cubicBezTo>
                  <a:cubicBezTo>
                    <a:pt x="34840" y="16308"/>
                    <a:pt x="34798" y="16316"/>
                    <a:pt x="34756" y="16336"/>
                  </a:cubicBezTo>
                  <a:cubicBezTo>
                    <a:pt x="34589" y="16415"/>
                    <a:pt x="34410" y="16478"/>
                    <a:pt x="34251" y="16570"/>
                  </a:cubicBezTo>
                  <a:cubicBezTo>
                    <a:pt x="34077" y="16672"/>
                    <a:pt x="33899" y="16770"/>
                    <a:pt x="33722" y="16869"/>
                  </a:cubicBezTo>
                  <a:cubicBezTo>
                    <a:pt x="33403" y="17050"/>
                    <a:pt x="33072" y="17214"/>
                    <a:pt x="32731" y="17358"/>
                  </a:cubicBezTo>
                  <a:cubicBezTo>
                    <a:pt x="32064" y="17638"/>
                    <a:pt x="31369" y="17849"/>
                    <a:pt x="30658" y="17986"/>
                  </a:cubicBezTo>
                  <a:cubicBezTo>
                    <a:pt x="30000" y="18112"/>
                    <a:pt x="29333" y="18175"/>
                    <a:pt x="28667" y="18175"/>
                  </a:cubicBezTo>
                  <a:cubicBezTo>
                    <a:pt x="27863" y="18175"/>
                    <a:pt x="27059" y="18083"/>
                    <a:pt x="26270" y="17898"/>
                  </a:cubicBezTo>
                  <a:cubicBezTo>
                    <a:pt x="25555" y="17731"/>
                    <a:pt x="24860" y="17483"/>
                    <a:pt x="24200" y="17156"/>
                  </a:cubicBezTo>
                  <a:cubicBezTo>
                    <a:pt x="23468" y="16788"/>
                    <a:pt x="22805" y="16297"/>
                    <a:pt x="22080" y="15919"/>
                  </a:cubicBezTo>
                  <a:cubicBezTo>
                    <a:pt x="21460" y="15597"/>
                    <a:pt x="20794" y="15404"/>
                    <a:pt x="20094" y="15404"/>
                  </a:cubicBezTo>
                  <a:cubicBezTo>
                    <a:pt x="20069" y="15404"/>
                    <a:pt x="20045" y="15405"/>
                    <a:pt x="20021" y="15405"/>
                  </a:cubicBezTo>
                  <a:cubicBezTo>
                    <a:pt x="19393" y="15419"/>
                    <a:pt x="18774" y="15584"/>
                    <a:pt x="18191" y="15811"/>
                  </a:cubicBezTo>
                  <a:cubicBezTo>
                    <a:pt x="16958" y="16297"/>
                    <a:pt x="15842" y="17027"/>
                    <a:pt x="14656" y="17610"/>
                  </a:cubicBezTo>
                  <a:cubicBezTo>
                    <a:pt x="13763" y="18049"/>
                    <a:pt x="12789" y="18408"/>
                    <a:pt x="11796" y="18408"/>
                  </a:cubicBezTo>
                  <a:cubicBezTo>
                    <a:pt x="11488" y="18408"/>
                    <a:pt x="11178" y="18373"/>
                    <a:pt x="10868" y="18296"/>
                  </a:cubicBezTo>
                  <a:cubicBezTo>
                    <a:pt x="9386" y="17928"/>
                    <a:pt x="8223" y="16728"/>
                    <a:pt x="7486" y="15438"/>
                  </a:cubicBezTo>
                  <a:cubicBezTo>
                    <a:pt x="6608" y="13895"/>
                    <a:pt x="6196" y="12148"/>
                    <a:pt x="5631" y="10480"/>
                  </a:cubicBezTo>
                  <a:cubicBezTo>
                    <a:pt x="4498" y="7154"/>
                    <a:pt x="2916" y="3997"/>
                    <a:pt x="929" y="1099"/>
                  </a:cubicBezTo>
                  <a:cubicBezTo>
                    <a:pt x="683" y="740"/>
                    <a:pt x="430" y="383"/>
                    <a:pt x="173" y="33"/>
                  </a:cubicBezTo>
                  <a:cubicBezTo>
                    <a:pt x="156" y="10"/>
                    <a:pt x="133" y="0"/>
                    <a:pt x="109"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720" name="Google Shape;720;p38"/>
          <p:cNvSpPr/>
          <p:nvPr/>
        </p:nvSpPr>
        <p:spPr>
          <a:xfrm>
            <a:off x="8422450" y="-568724"/>
            <a:ext cx="1200530" cy="2804614"/>
          </a:xfrm>
          <a:custGeom>
            <a:avLst/>
            <a:gdLst/>
            <a:ahLst/>
            <a:cxnLst/>
            <a:rect l="l" t="t" r="r" b="b"/>
            <a:pathLst>
              <a:path w="8178" h="19105" extrusionOk="0">
                <a:moveTo>
                  <a:pt x="4806" y="0"/>
                </a:moveTo>
                <a:cubicBezTo>
                  <a:pt x="4270" y="0"/>
                  <a:pt x="3760" y="379"/>
                  <a:pt x="3343" y="752"/>
                </a:cubicBezTo>
                <a:cubicBezTo>
                  <a:pt x="2417" y="1583"/>
                  <a:pt x="1539" y="2505"/>
                  <a:pt x="994" y="3624"/>
                </a:cubicBezTo>
                <a:cubicBezTo>
                  <a:pt x="448" y="4743"/>
                  <a:pt x="269" y="6089"/>
                  <a:pt x="749" y="7238"/>
                </a:cubicBezTo>
                <a:cubicBezTo>
                  <a:pt x="1147" y="8192"/>
                  <a:pt x="1990" y="9028"/>
                  <a:pt x="1932" y="10062"/>
                </a:cubicBezTo>
                <a:cubicBezTo>
                  <a:pt x="1881" y="11000"/>
                  <a:pt x="1103" y="11715"/>
                  <a:pt x="698" y="12563"/>
                </a:cubicBezTo>
                <a:cubicBezTo>
                  <a:pt x="0" y="14016"/>
                  <a:pt x="480" y="15825"/>
                  <a:pt x="1502" y="17069"/>
                </a:cubicBezTo>
                <a:cubicBezTo>
                  <a:pt x="2266" y="18003"/>
                  <a:pt x="3391" y="19105"/>
                  <a:pt x="4438" y="19105"/>
                </a:cubicBezTo>
                <a:cubicBezTo>
                  <a:pt x="4860" y="19105"/>
                  <a:pt x="5269" y="18925"/>
                  <a:pt x="5636" y="18484"/>
                </a:cubicBezTo>
                <a:cubicBezTo>
                  <a:pt x="6751" y="17148"/>
                  <a:pt x="7200" y="14548"/>
                  <a:pt x="7494" y="12883"/>
                </a:cubicBezTo>
                <a:cubicBezTo>
                  <a:pt x="8178" y="9033"/>
                  <a:pt x="7779" y="4982"/>
                  <a:pt x="6253" y="1373"/>
                </a:cubicBezTo>
                <a:cubicBezTo>
                  <a:pt x="6012" y="800"/>
                  <a:pt x="5669" y="175"/>
                  <a:pt x="5067" y="31"/>
                </a:cubicBezTo>
                <a:cubicBezTo>
                  <a:pt x="4979" y="10"/>
                  <a:pt x="4892" y="0"/>
                  <a:pt x="480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1" name="Google Shape;721;p38"/>
          <p:cNvSpPr/>
          <p:nvPr/>
        </p:nvSpPr>
        <p:spPr>
          <a:xfrm rot="2075087" flipH="1">
            <a:off x="7556359" y="-188188"/>
            <a:ext cx="1745093" cy="1096156"/>
          </a:xfrm>
          <a:custGeom>
            <a:avLst/>
            <a:gdLst/>
            <a:ahLst/>
            <a:cxnLst/>
            <a:rect l="l" t="t" r="r" b="b"/>
            <a:pathLst>
              <a:path w="19417" h="12197" fill="none" extrusionOk="0">
                <a:moveTo>
                  <a:pt x="17936" y="4902"/>
                </a:moveTo>
                <a:cubicBezTo>
                  <a:pt x="19037" y="5896"/>
                  <a:pt x="19417" y="7605"/>
                  <a:pt x="18842" y="8972"/>
                </a:cubicBezTo>
                <a:cubicBezTo>
                  <a:pt x="18265" y="10337"/>
                  <a:pt x="16776" y="11258"/>
                  <a:pt x="15298" y="11166"/>
                </a:cubicBezTo>
                <a:cubicBezTo>
                  <a:pt x="13987" y="11082"/>
                  <a:pt x="12838" y="10304"/>
                  <a:pt x="11765" y="9551"/>
                </a:cubicBezTo>
                <a:cubicBezTo>
                  <a:pt x="10691" y="8796"/>
                  <a:pt x="9546" y="8013"/>
                  <a:pt x="8237" y="7920"/>
                </a:cubicBezTo>
                <a:cubicBezTo>
                  <a:pt x="6929" y="7826"/>
                  <a:pt x="5453" y="8731"/>
                  <a:pt x="5439" y="10042"/>
                </a:cubicBezTo>
                <a:cubicBezTo>
                  <a:pt x="5425" y="11247"/>
                  <a:pt x="6741" y="12197"/>
                  <a:pt x="7934" y="12021"/>
                </a:cubicBezTo>
                <a:cubicBezTo>
                  <a:pt x="9127" y="11842"/>
                  <a:pt x="10058" y="10777"/>
                  <a:pt x="10336" y="9602"/>
                </a:cubicBezTo>
                <a:cubicBezTo>
                  <a:pt x="10616" y="8430"/>
                  <a:pt x="10341" y="7184"/>
                  <a:pt x="9852" y="6081"/>
                </a:cubicBezTo>
                <a:cubicBezTo>
                  <a:pt x="8214" y="2384"/>
                  <a:pt x="4015" y="1"/>
                  <a:pt x="0" y="494"/>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722" name="Google Shape;722;p38"/>
          <p:cNvGrpSpPr/>
          <p:nvPr/>
        </p:nvGrpSpPr>
        <p:grpSpPr>
          <a:xfrm flipH="1">
            <a:off x="8325197" y="3984588"/>
            <a:ext cx="818808" cy="1096167"/>
            <a:chOff x="113834" y="3966188"/>
            <a:chExt cx="818808" cy="1096167"/>
          </a:xfrm>
        </p:grpSpPr>
        <p:sp>
          <p:nvSpPr>
            <p:cNvPr id="723" name="Google Shape;723;p38"/>
            <p:cNvSpPr/>
            <p:nvPr/>
          </p:nvSpPr>
          <p:spPr>
            <a:xfrm>
              <a:off x="164788" y="4075897"/>
              <a:ext cx="767854" cy="568901"/>
            </a:xfrm>
            <a:custGeom>
              <a:avLst/>
              <a:gdLst/>
              <a:ahLst/>
              <a:cxnLst/>
              <a:rect l="l" t="t" r="r" b="b"/>
              <a:pathLst>
                <a:path w="7580" h="5616" extrusionOk="0">
                  <a:moveTo>
                    <a:pt x="4274" y="1"/>
                  </a:moveTo>
                  <a:cubicBezTo>
                    <a:pt x="3072" y="1"/>
                    <a:pt x="1264" y="791"/>
                    <a:pt x="753" y="1609"/>
                  </a:cubicBezTo>
                  <a:cubicBezTo>
                    <a:pt x="0" y="2816"/>
                    <a:pt x="2259" y="2512"/>
                    <a:pt x="2208" y="2966"/>
                  </a:cubicBezTo>
                  <a:cubicBezTo>
                    <a:pt x="2159" y="3418"/>
                    <a:pt x="1003" y="3870"/>
                    <a:pt x="1557" y="5091"/>
                  </a:cubicBezTo>
                  <a:cubicBezTo>
                    <a:pt x="1734" y="5482"/>
                    <a:pt x="2050" y="5615"/>
                    <a:pt x="2398" y="5615"/>
                  </a:cubicBezTo>
                  <a:cubicBezTo>
                    <a:pt x="3136" y="5615"/>
                    <a:pt x="4017" y="5019"/>
                    <a:pt x="4017" y="5019"/>
                  </a:cubicBezTo>
                  <a:lnTo>
                    <a:pt x="4818" y="4773"/>
                  </a:lnTo>
                  <a:cubicBezTo>
                    <a:pt x="7230" y="4472"/>
                    <a:pt x="7580" y="3518"/>
                    <a:pt x="7429" y="2306"/>
                  </a:cubicBezTo>
                  <a:cubicBezTo>
                    <a:pt x="7278" y="1095"/>
                    <a:pt x="5673" y="1961"/>
                    <a:pt x="5372" y="611"/>
                  </a:cubicBezTo>
                  <a:cubicBezTo>
                    <a:pt x="5275" y="177"/>
                    <a:pt x="4843" y="1"/>
                    <a:pt x="4274"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4" name="Google Shape;724;p38"/>
            <p:cNvSpPr/>
            <p:nvPr/>
          </p:nvSpPr>
          <p:spPr>
            <a:xfrm>
              <a:off x="113834" y="3966188"/>
              <a:ext cx="768158" cy="1096167"/>
            </a:xfrm>
            <a:custGeom>
              <a:avLst/>
              <a:gdLst/>
              <a:ahLst/>
              <a:cxnLst/>
              <a:rect l="l" t="t" r="r" b="b"/>
              <a:pathLst>
                <a:path w="7583" h="10821" fill="none" extrusionOk="0">
                  <a:moveTo>
                    <a:pt x="4017" y="10820"/>
                  </a:moveTo>
                  <a:lnTo>
                    <a:pt x="4017" y="5759"/>
                  </a:lnTo>
                  <a:cubicBezTo>
                    <a:pt x="4017" y="5759"/>
                    <a:pt x="2111" y="7049"/>
                    <a:pt x="1557" y="5828"/>
                  </a:cubicBezTo>
                  <a:cubicBezTo>
                    <a:pt x="1006" y="4608"/>
                    <a:pt x="2159" y="4156"/>
                    <a:pt x="2210" y="3704"/>
                  </a:cubicBezTo>
                  <a:cubicBezTo>
                    <a:pt x="2261" y="3253"/>
                    <a:pt x="0" y="3554"/>
                    <a:pt x="753" y="2349"/>
                  </a:cubicBezTo>
                  <a:cubicBezTo>
                    <a:pt x="1506" y="1145"/>
                    <a:pt x="5071" y="0"/>
                    <a:pt x="5372" y="1351"/>
                  </a:cubicBezTo>
                  <a:cubicBezTo>
                    <a:pt x="5673" y="2699"/>
                    <a:pt x="7281" y="1835"/>
                    <a:pt x="7432" y="3046"/>
                  </a:cubicBezTo>
                  <a:cubicBezTo>
                    <a:pt x="7582" y="4256"/>
                    <a:pt x="7230" y="5210"/>
                    <a:pt x="4821" y="5511"/>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and two columns" type="twoColTx">
  <p:cSld name="TITLE_AND_TWO_COLUMNS">
    <p:spTree>
      <p:nvGrpSpPr>
        <p:cNvPr id="1" name="Shape 72"/>
        <p:cNvGrpSpPr/>
        <p:nvPr/>
      </p:nvGrpSpPr>
      <p:grpSpPr>
        <a:xfrm>
          <a:off x="0" y="0"/>
          <a:ext cx="0" cy="0"/>
          <a:chOff x="0" y="0"/>
          <a:chExt cx="0" cy="0"/>
        </a:xfrm>
      </p:grpSpPr>
      <p:sp>
        <p:nvSpPr>
          <p:cNvPr id="73" name="Google Shape;73;p5"/>
          <p:cNvSpPr/>
          <p:nvPr/>
        </p:nvSpPr>
        <p:spPr>
          <a:xfrm flipH="1">
            <a:off x="-694150" y="401955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74" name="Google Shape;74;p5"/>
          <p:cNvGrpSpPr/>
          <p:nvPr/>
        </p:nvGrpSpPr>
        <p:grpSpPr>
          <a:xfrm flipH="1">
            <a:off x="3961087" y="3648038"/>
            <a:ext cx="1221838" cy="1440999"/>
            <a:chOff x="3917512" y="3702763"/>
            <a:chExt cx="1221838" cy="1440999"/>
          </a:xfrm>
        </p:grpSpPr>
        <p:grpSp>
          <p:nvGrpSpPr>
            <p:cNvPr id="75" name="Google Shape;75;p5"/>
            <p:cNvGrpSpPr/>
            <p:nvPr/>
          </p:nvGrpSpPr>
          <p:grpSpPr>
            <a:xfrm flipH="1">
              <a:off x="4386919" y="3702763"/>
              <a:ext cx="752430" cy="1437610"/>
              <a:chOff x="-56046" y="3110100"/>
              <a:chExt cx="1064258" cy="2033395"/>
            </a:xfrm>
          </p:grpSpPr>
          <p:sp>
            <p:nvSpPr>
              <p:cNvPr id="76" name="Google Shape;76;p5"/>
              <p:cNvSpPr/>
              <p:nvPr/>
            </p:nvSpPr>
            <p:spPr>
              <a:xfrm>
                <a:off x="6861" y="3186582"/>
                <a:ext cx="1001351" cy="1956913"/>
              </a:xfrm>
              <a:custGeom>
                <a:avLst/>
                <a:gdLst/>
                <a:ahLst/>
                <a:cxnLst/>
                <a:rect l="l" t="t" r="r" b="b"/>
                <a:pathLst>
                  <a:path w="9885" h="19318" extrusionOk="0">
                    <a:moveTo>
                      <a:pt x="8551" y="1"/>
                    </a:moveTo>
                    <a:cubicBezTo>
                      <a:pt x="8546" y="1"/>
                      <a:pt x="8541" y="1"/>
                      <a:pt x="8536" y="1"/>
                    </a:cubicBezTo>
                    <a:cubicBezTo>
                      <a:pt x="7468" y="20"/>
                      <a:pt x="6400" y="38"/>
                      <a:pt x="5333" y="59"/>
                    </a:cubicBezTo>
                    <a:cubicBezTo>
                      <a:pt x="5303" y="59"/>
                      <a:pt x="5273" y="60"/>
                      <a:pt x="5243" y="60"/>
                    </a:cubicBezTo>
                    <a:cubicBezTo>
                      <a:pt x="5102" y="60"/>
                      <a:pt x="4954" y="55"/>
                      <a:pt x="4806" y="55"/>
                    </a:cubicBezTo>
                    <a:cubicBezTo>
                      <a:pt x="4232" y="55"/>
                      <a:pt x="3655" y="121"/>
                      <a:pt x="3484" y="763"/>
                    </a:cubicBezTo>
                    <a:cubicBezTo>
                      <a:pt x="3331" y="1342"/>
                      <a:pt x="3477" y="2139"/>
                      <a:pt x="3477" y="2737"/>
                    </a:cubicBezTo>
                    <a:lnTo>
                      <a:pt x="3477" y="6415"/>
                    </a:lnTo>
                    <a:cubicBezTo>
                      <a:pt x="3477" y="7130"/>
                      <a:pt x="2856" y="7253"/>
                      <a:pt x="2234" y="7253"/>
                    </a:cubicBezTo>
                    <a:cubicBezTo>
                      <a:pt x="1911" y="7253"/>
                      <a:pt x="1588" y="7220"/>
                      <a:pt x="1353" y="7219"/>
                    </a:cubicBezTo>
                    <a:cubicBezTo>
                      <a:pt x="1158" y="7219"/>
                      <a:pt x="959" y="7219"/>
                      <a:pt x="781" y="7295"/>
                    </a:cubicBezTo>
                    <a:cubicBezTo>
                      <a:pt x="491" y="7418"/>
                      <a:pt x="313" y="7726"/>
                      <a:pt x="260" y="8037"/>
                    </a:cubicBezTo>
                    <a:cubicBezTo>
                      <a:pt x="0" y="9542"/>
                      <a:pt x="243" y="11250"/>
                      <a:pt x="253" y="12781"/>
                    </a:cubicBezTo>
                    <a:cubicBezTo>
                      <a:pt x="264" y="14581"/>
                      <a:pt x="273" y="16381"/>
                      <a:pt x="283" y="18180"/>
                    </a:cubicBezTo>
                    <a:cubicBezTo>
                      <a:pt x="287" y="18722"/>
                      <a:pt x="440" y="19318"/>
                      <a:pt x="1082" y="19318"/>
                    </a:cubicBezTo>
                    <a:cubicBezTo>
                      <a:pt x="1088" y="19318"/>
                      <a:pt x="1094" y="19318"/>
                      <a:pt x="1100" y="19318"/>
                    </a:cubicBezTo>
                    <a:lnTo>
                      <a:pt x="8300" y="19170"/>
                    </a:lnTo>
                    <a:cubicBezTo>
                      <a:pt x="8810" y="19160"/>
                      <a:pt x="9016" y="18787"/>
                      <a:pt x="9081" y="18366"/>
                    </a:cubicBezTo>
                    <a:cubicBezTo>
                      <a:pt x="9095" y="18266"/>
                      <a:pt x="9101" y="18164"/>
                      <a:pt x="9104" y="18062"/>
                    </a:cubicBezTo>
                    <a:cubicBezTo>
                      <a:pt x="9152" y="14845"/>
                      <a:pt x="9201" y="11627"/>
                      <a:pt x="9247" y="8410"/>
                    </a:cubicBezTo>
                    <a:cubicBezTo>
                      <a:pt x="9273" y="6781"/>
                      <a:pt x="9296" y="5150"/>
                      <a:pt x="9322" y="3520"/>
                    </a:cubicBezTo>
                    <a:cubicBezTo>
                      <a:pt x="9333" y="2730"/>
                      <a:pt x="9885" y="1"/>
                      <a:pt x="8551"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7" name="Google Shape;77;p5"/>
              <p:cNvSpPr/>
              <p:nvPr/>
            </p:nvSpPr>
            <p:spPr>
              <a:xfrm>
                <a:off x="-56046" y="3110100"/>
                <a:ext cx="1001857" cy="1966537"/>
              </a:xfrm>
              <a:custGeom>
                <a:avLst/>
                <a:gdLst/>
                <a:ahLst/>
                <a:cxnLst/>
                <a:rect l="l" t="t" r="r" b="b"/>
                <a:pathLst>
                  <a:path w="9890" h="19413" fill="none" extrusionOk="0">
                    <a:moveTo>
                      <a:pt x="9081" y="18449"/>
                    </a:moveTo>
                    <a:cubicBezTo>
                      <a:pt x="9095" y="18347"/>
                      <a:pt x="9102" y="18245"/>
                      <a:pt x="9104" y="18143"/>
                    </a:cubicBezTo>
                    <a:cubicBezTo>
                      <a:pt x="9153" y="14926"/>
                      <a:pt x="9201" y="11710"/>
                      <a:pt x="9248" y="8493"/>
                    </a:cubicBezTo>
                    <a:cubicBezTo>
                      <a:pt x="9273" y="6862"/>
                      <a:pt x="9296" y="5234"/>
                      <a:pt x="9322" y="3603"/>
                    </a:cubicBezTo>
                    <a:cubicBezTo>
                      <a:pt x="9333" y="2808"/>
                      <a:pt x="9889" y="63"/>
                      <a:pt x="8536" y="84"/>
                    </a:cubicBezTo>
                    <a:cubicBezTo>
                      <a:pt x="7469" y="103"/>
                      <a:pt x="6401" y="121"/>
                      <a:pt x="5333" y="140"/>
                    </a:cubicBezTo>
                    <a:cubicBezTo>
                      <a:pt x="4633" y="154"/>
                      <a:pt x="3709" y="1"/>
                      <a:pt x="3484" y="846"/>
                    </a:cubicBezTo>
                    <a:cubicBezTo>
                      <a:pt x="3331" y="1425"/>
                      <a:pt x="3477" y="2222"/>
                      <a:pt x="3477" y="2820"/>
                    </a:cubicBezTo>
                    <a:lnTo>
                      <a:pt x="3477" y="6496"/>
                    </a:lnTo>
                    <a:cubicBezTo>
                      <a:pt x="3477" y="7585"/>
                      <a:pt x="2041" y="7305"/>
                      <a:pt x="1353" y="7302"/>
                    </a:cubicBezTo>
                    <a:cubicBezTo>
                      <a:pt x="1159" y="7302"/>
                      <a:pt x="959" y="7302"/>
                      <a:pt x="781" y="7376"/>
                    </a:cubicBezTo>
                    <a:cubicBezTo>
                      <a:pt x="491" y="7501"/>
                      <a:pt x="313" y="7807"/>
                      <a:pt x="260" y="8118"/>
                    </a:cubicBezTo>
                    <a:cubicBezTo>
                      <a:pt x="0" y="9623"/>
                      <a:pt x="244" y="11333"/>
                      <a:pt x="253" y="12862"/>
                    </a:cubicBezTo>
                    <a:cubicBezTo>
                      <a:pt x="264" y="14662"/>
                      <a:pt x="274" y="16464"/>
                      <a:pt x="283" y="18264"/>
                    </a:cubicBezTo>
                    <a:cubicBezTo>
                      <a:pt x="288" y="18810"/>
                      <a:pt x="443" y="19413"/>
                      <a:pt x="1101" y="19399"/>
                    </a:cubicBezTo>
                    <a:lnTo>
                      <a:pt x="8300" y="19250"/>
                    </a:lnTo>
                    <a:cubicBezTo>
                      <a:pt x="8812" y="19241"/>
                      <a:pt x="9016" y="18871"/>
                      <a:pt x="9081" y="18449"/>
                    </a:cubicBezTo>
                    <a:close/>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78" name="Google Shape;78;p5"/>
            <p:cNvGrpSpPr/>
            <p:nvPr/>
          </p:nvGrpSpPr>
          <p:grpSpPr>
            <a:xfrm flipH="1">
              <a:off x="3917512" y="3989246"/>
              <a:ext cx="469371" cy="1154516"/>
              <a:chOff x="889085" y="3601710"/>
              <a:chExt cx="597164" cy="1468850"/>
            </a:xfrm>
          </p:grpSpPr>
          <p:sp>
            <p:nvSpPr>
              <p:cNvPr id="79" name="Google Shape;79;p5"/>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 name="Google Shape;80;p5"/>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sp>
        <p:nvSpPr>
          <p:cNvPr id="81" name="Google Shape;81;p5"/>
          <p:cNvSpPr/>
          <p:nvPr/>
        </p:nvSpPr>
        <p:spPr>
          <a:xfrm rot="-204394">
            <a:off x="-1368055" y="-564338"/>
            <a:ext cx="3569337" cy="1645446"/>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82" name="Google Shape;82;p5"/>
          <p:cNvGrpSpPr/>
          <p:nvPr/>
        </p:nvGrpSpPr>
        <p:grpSpPr>
          <a:xfrm>
            <a:off x="-539699" y="-1242480"/>
            <a:ext cx="2509583" cy="1668048"/>
            <a:chOff x="-372074" y="-1220130"/>
            <a:chExt cx="2509583" cy="1668048"/>
          </a:xfrm>
        </p:grpSpPr>
        <p:sp>
          <p:nvSpPr>
            <p:cNvPr id="83" name="Google Shape;83;p5"/>
            <p:cNvSpPr/>
            <p:nvPr/>
          </p:nvSpPr>
          <p:spPr>
            <a:xfrm flipH="1">
              <a:off x="-27990" y="-396917"/>
              <a:ext cx="2066229" cy="844835"/>
            </a:xfrm>
            <a:custGeom>
              <a:avLst/>
              <a:gdLst/>
              <a:ahLst/>
              <a:cxnLst/>
              <a:rect l="l" t="t" r="r" b="b"/>
              <a:pathLst>
                <a:path w="29016" h="11864" extrusionOk="0">
                  <a:moveTo>
                    <a:pt x="215" y="0"/>
                  </a:moveTo>
                  <a:cubicBezTo>
                    <a:pt x="176" y="0"/>
                    <a:pt x="136" y="25"/>
                    <a:pt x="132" y="74"/>
                  </a:cubicBezTo>
                  <a:lnTo>
                    <a:pt x="134" y="72"/>
                  </a:lnTo>
                  <a:lnTo>
                    <a:pt x="134" y="72"/>
                  </a:lnTo>
                  <a:cubicBezTo>
                    <a:pt x="0" y="2481"/>
                    <a:pt x="649" y="4932"/>
                    <a:pt x="1916" y="6982"/>
                  </a:cubicBezTo>
                  <a:cubicBezTo>
                    <a:pt x="2553" y="8015"/>
                    <a:pt x="3352" y="8941"/>
                    <a:pt x="4281" y="9724"/>
                  </a:cubicBezTo>
                  <a:cubicBezTo>
                    <a:pt x="5226" y="10517"/>
                    <a:pt x="6347" y="11147"/>
                    <a:pt x="7577" y="11348"/>
                  </a:cubicBezTo>
                  <a:cubicBezTo>
                    <a:pt x="7912" y="11403"/>
                    <a:pt x="8243" y="11428"/>
                    <a:pt x="8572" y="11428"/>
                  </a:cubicBezTo>
                  <a:cubicBezTo>
                    <a:pt x="10620" y="11428"/>
                    <a:pt x="12553" y="10466"/>
                    <a:pt x="14478" y="9836"/>
                  </a:cubicBezTo>
                  <a:cubicBezTo>
                    <a:pt x="15465" y="9512"/>
                    <a:pt x="16470" y="9273"/>
                    <a:pt x="17505" y="9273"/>
                  </a:cubicBezTo>
                  <a:cubicBezTo>
                    <a:pt x="17634" y="9273"/>
                    <a:pt x="17763" y="9277"/>
                    <a:pt x="17892" y="9284"/>
                  </a:cubicBezTo>
                  <a:cubicBezTo>
                    <a:pt x="19004" y="9351"/>
                    <a:pt x="20118" y="9699"/>
                    <a:pt x="21179" y="10095"/>
                  </a:cubicBezTo>
                  <a:cubicBezTo>
                    <a:pt x="23160" y="10832"/>
                    <a:pt x="25183" y="11863"/>
                    <a:pt x="27337" y="11863"/>
                  </a:cubicBezTo>
                  <a:cubicBezTo>
                    <a:pt x="27506" y="11863"/>
                    <a:pt x="27676" y="11857"/>
                    <a:pt x="27846" y="11844"/>
                  </a:cubicBezTo>
                  <a:cubicBezTo>
                    <a:pt x="28138" y="11823"/>
                    <a:pt x="28430" y="11772"/>
                    <a:pt x="28713" y="11691"/>
                  </a:cubicBezTo>
                  <a:cubicBezTo>
                    <a:pt x="28902" y="11635"/>
                    <a:pt x="29016" y="11438"/>
                    <a:pt x="28967" y="11246"/>
                  </a:cubicBezTo>
                  <a:cubicBezTo>
                    <a:pt x="28917" y="11064"/>
                    <a:pt x="28765" y="10986"/>
                    <a:pt x="28599" y="10986"/>
                  </a:cubicBezTo>
                  <a:cubicBezTo>
                    <a:pt x="28573" y="10986"/>
                    <a:pt x="28547" y="10988"/>
                    <a:pt x="28520" y="10991"/>
                  </a:cubicBezTo>
                  <a:cubicBezTo>
                    <a:pt x="28268" y="11026"/>
                    <a:pt x="28020" y="11056"/>
                    <a:pt x="27740" y="11072"/>
                  </a:cubicBezTo>
                  <a:cubicBezTo>
                    <a:pt x="27610" y="11080"/>
                    <a:pt x="27481" y="11084"/>
                    <a:pt x="27351" y="11084"/>
                  </a:cubicBezTo>
                  <a:cubicBezTo>
                    <a:pt x="27204" y="11084"/>
                    <a:pt x="27057" y="11079"/>
                    <a:pt x="26910" y="11068"/>
                  </a:cubicBezTo>
                  <a:cubicBezTo>
                    <a:pt x="26394" y="11033"/>
                    <a:pt x="25907" y="10940"/>
                    <a:pt x="25370" y="10799"/>
                  </a:cubicBezTo>
                  <a:cubicBezTo>
                    <a:pt x="24265" y="10510"/>
                    <a:pt x="23204" y="10069"/>
                    <a:pt x="22136" y="9662"/>
                  </a:cubicBezTo>
                  <a:cubicBezTo>
                    <a:pt x="21071" y="9254"/>
                    <a:pt x="19986" y="8863"/>
                    <a:pt x="18856" y="8682"/>
                  </a:cubicBezTo>
                  <a:cubicBezTo>
                    <a:pt x="18422" y="8613"/>
                    <a:pt x="17984" y="8569"/>
                    <a:pt x="17546" y="8569"/>
                  </a:cubicBezTo>
                  <a:cubicBezTo>
                    <a:pt x="17411" y="8569"/>
                    <a:pt x="17276" y="8574"/>
                    <a:pt x="17142" y="8582"/>
                  </a:cubicBezTo>
                  <a:cubicBezTo>
                    <a:pt x="16537" y="8626"/>
                    <a:pt x="15940" y="8728"/>
                    <a:pt x="15358" y="8890"/>
                  </a:cubicBezTo>
                  <a:cubicBezTo>
                    <a:pt x="14214" y="9198"/>
                    <a:pt x="13123" y="9676"/>
                    <a:pt x="12018" y="10095"/>
                  </a:cubicBezTo>
                  <a:cubicBezTo>
                    <a:pt x="10962" y="10493"/>
                    <a:pt x="9859" y="10873"/>
                    <a:pt x="8724" y="10940"/>
                  </a:cubicBezTo>
                  <a:cubicBezTo>
                    <a:pt x="8612" y="10947"/>
                    <a:pt x="8501" y="10951"/>
                    <a:pt x="8390" y="10951"/>
                  </a:cubicBezTo>
                  <a:cubicBezTo>
                    <a:pt x="7301" y="10951"/>
                    <a:pt x="6263" y="10624"/>
                    <a:pt x="5323" y="10060"/>
                  </a:cubicBezTo>
                  <a:cubicBezTo>
                    <a:pt x="4288" y="9439"/>
                    <a:pt x="3394" y="8578"/>
                    <a:pt x="2659" y="7621"/>
                  </a:cubicBezTo>
                  <a:cubicBezTo>
                    <a:pt x="1195" y="5715"/>
                    <a:pt x="343" y="3361"/>
                    <a:pt x="276" y="957"/>
                  </a:cubicBezTo>
                  <a:cubicBezTo>
                    <a:pt x="269" y="662"/>
                    <a:pt x="271" y="368"/>
                    <a:pt x="287" y="74"/>
                  </a:cubicBezTo>
                  <a:cubicBezTo>
                    <a:pt x="290" y="24"/>
                    <a:pt x="253" y="0"/>
                    <a:pt x="21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 name="Google Shape;84;p5"/>
            <p:cNvSpPr/>
            <p:nvPr/>
          </p:nvSpPr>
          <p:spPr>
            <a:xfrm flipH="1">
              <a:off x="-372074" y="-1220130"/>
              <a:ext cx="2509583" cy="1348504"/>
            </a:xfrm>
            <a:custGeom>
              <a:avLst/>
              <a:gdLst/>
              <a:ahLst/>
              <a:cxnLst/>
              <a:rect l="l" t="t" r="r" b="b"/>
              <a:pathLst>
                <a:path w="35242" h="18937" extrusionOk="0">
                  <a:moveTo>
                    <a:pt x="109" y="0"/>
                  </a:moveTo>
                  <a:cubicBezTo>
                    <a:pt x="54" y="0"/>
                    <a:pt x="1" y="55"/>
                    <a:pt x="41" y="112"/>
                  </a:cubicBezTo>
                  <a:lnTo>
                    <a:pt x="44" y="112"/>
                  </a:lnTo>
                  <a:cubicBezTo>
                    <a:pt x="2152" y="3026"/>
                    <a:pt x="3845" y="6223"/>
                    <a:pt x="5073" y="9605"/>
                  </a:cubicBezTo>
                  <a:cubicBezTo>
                    <a:pt x="5677" y="11266"/>
                    <a:pt x="6087" y="13005"/>
                    <a:pt x="6805" y="14622"/>
                  </a:cubicBezTo>
                  <a:cubicBezTo>
                    <a:pt x="7440" y="16051"/>
                    <a:pt x="8404" y="17404"/>
                    <a:pt x="9814" y="18155"/>
                  </a:cubicBezTo>
                  <a:cubicBezTo>
                    <a:pt x="10442" y="18488"/>
                    <a:pt x="11137" y="18688"/>
                    <a:pt x="11851" y="18699"/>
                  </a:cubicBezTo>
                  <a:cubicBezTo>
                    <a:pt x="11872" y="18699"/>
                    <a:pt x="11893" y="18700"/>
                    <a:pt x="11914" y="18700"/>
                  </a:cubicBezTo>
                  <a:cubicBezTo>
                    <a:pt x="12532" y="18700"/>
                    <a:pt x="13145" y="18570"/>
                    <a:pt x="13727" y="18375"/>
                  </a:cubicBezTo>
                  <a:cubicBezTo>
                    <a:pt x="15003" y="17944"/>
                    <a:pt x="16148" y="17221"/>
                    <a:pt x="17366" y="16663"/>
                  </a:cubicBezTo>
                  <a:cubicBezTo>
                    <a:pt x="18191" y="16283"/>
                    <a:pt x="19096" y="15961"/>
                    <a:pt x="20008" y="15961"/>
                  </a:cubicBezTo>
                  <a:cubicBezTo>
                    <a:pt x="20330" y="15961"/>
                    <a:pt x="20652" y="16001"/>
                    <a:pt x="20973" y="16093"/>
                  </a:cubicBezTo>
                  <a:cubicBezTo>
                    <a:pt x="21795" y="16329"/>
                    <a:pt x="22453" y="16883"/>
                    <a:pt x="23162" y="17332"/>
                  </a:cubicBezTo>
                  <a:cubicBezTo>
                    <a:pt x="23817" y="17747"/>
                    <a:pt x="24517" y="18085"/>
                    <a:pt x="25247" y="18340"/>
                  </a:cubicBezTo>
                  <a:cubicBezTo>
                    <a:pt x="26379" y="18739"/>
                    <a:pt x="27581" y="18936"/>
                    <a:pt x="28784" y="18936"/>
                  </a:cubicBezTo>
                  <a:cubicBezTo>
                    <a:pt x="30679" y="18936"/>
                    <a:pt x="32575" y="18445"/>
                    <a:pt x="34202" y="17476"/>
                  </a:cubicBezTo>
                  <a:cubicBezTo>
                    <a:pt x="34529" y="17279"/>
                    <a:pt x="34820" y="17034"/>
                    <a:pt x="35071" y="16746"/>
                  </a:cubicBezTo>
                  <a:cubicBezTo>
                    <a:pt x="35242" y="16556"/>
                    <a:pt x="35091" y="16308"/>
                    <a:pt x="34880" y="16308"/>
                  </a:cubicBezTo>
                  <a:cubicBezTo>
                    <a:pt x="34840" y="16308"/>
                    <a:pt x="34798" y="16316"/>
                    <a:pt x="34756" y="16336"/>
                  </a:cubicBezTo>
                  <a:cubicBezTo>
                    <a:pt x="34589" y="16415"/>
                    <a:pt x="34410" y="16478"/>
                    <a:pt x="34251" y="16570"/>
                  </a:cubicBezTo>
                  <a:cubicBezTo>
                    <a:pt x="34077" y="16672"/>
                    <a:pt x="33899" y="16770"/>
                    <a:pt x="33722" y="16869"/>
                  </a:cubicBezTo>
                  <a:cubicBezTo>
                    <a:pt x="33403" y="17050"/>
                    <a:pt x="33072" y="17214"/>
                    <a:pt x="32731" y="17358"/>
                  </a:cubicBezTo>
                  <a:cubicBezTo>
                    <a:pt x="32064" y="17638"/>
                    <a:pt x="31369" y="17849"/>
                    <a:pt x="30658" y="17986"/>
                  </a:cubicBezTo>
                  <a:cubicBezTo>
                    <a:pt x="30000" y="18112"/>
                    <a:pt x="29333" y="18175"/>
                    <a:pt x="28667" y="18175"/>
                  </a:cubicBezTo>
                  <a:cubicBezTo>
                    <a:pt x="27863" y="18175"/>
                    <a:pt x="27059" y="18083"/>
                    <a:pt x="26270" y="17898"/>
                  </a:cubicBezTo>
                  <a:cubicBezTo>
                    <a:pt x="25555" y="17731"/>
                    <a:pt x="24860" y="17483"/>
                    <a:pt x="24200" y="17156"/>
                  </a:cubicBezTo>
                  <a:cubicBezTo>
                    <a:pt x="23468" y="16788"/>
                    <a:pt x="22805" y="16297"/>
                    <a:pt x="22080" y="15919"/>
                  </a:cubicBezTo>
                  <a:cubicBezTo>
                    <a:pt x="21460" y="15597"/>
                    <a:pt x="20794" y="15404"/>
                    <a:pt x="20094" y="15404"/>
                  </a:cubicBezTo>
                  <a:cubicBezTo>
                    <a:pt x="20069" y="15404"/>
                    <a:pt x="20045" y="15405"/>
                    <a:pt x="20021" y="15405"/>
                  </a:cubicBezTo>
                  <a:cubicBezTo>
                    <a:pt x="19393" y="15419"/>
                    <a:pt x="18774" y="15584"/>
                    <a:pt x="18191" y="15811"/>
                  </a:cubicBezTo>
                  <a:cubicBezTo>
                    <a:pt x="16958" y="16297"/>
                    <a:pt x="15842" y="17027"/>
                    <a:pt x="14656" y="17610"/>
                  </a:cubicBezTo>
                  <a:cubicBezTo>
                    <a:pt x="13763" y="18049"/>
                    <a:pt x="12789" y="18408"/>
                    <a:pt x="11796" y="18408"/>
                  </a:cubicBezTo>
                  <a:cubicBezTo>
                    <a:pt x="11488" y="18408"/>
                    <a:pt x="11178" y="18373"/>
                    <a:pt x="10868" y="18296"/>
                  </a:cubicBezTo>
                  <a:cubicBezTo>
                    <a:pt x="9386" y="17928"/>
                    <a:pt x="8223" y="16728"/>
                    <a:pt x="7486" y="15438"/>
                  </a:cubicBezTo>
                  <a:cubicBezTo>
                    <a:pt x="6608" y="13895"/>
                    <a:pt x="6196" y="12148"/>
                    <a:pt x="5631" y="10480"/>
                  </a:cubicBezTo>
                  <a:cubicBezTo>
                    <a:pt x="4498" y="7154"/>
                    <a:pt x="2916" y="3997"/>
                    <a:pt x="929" y="1099"/>
                  </a:cubicBezTo>
                  <a:cubicBezTo>
                    <a:pt x="683" y="740"/>
                    <a:pt x="430" y="383"/>
                    <a:pt x="173" y="33"/>
                  </a:cubicBezTo>
                  <a:cubicBezTo>
                    <a:pt x="156" y="10"/>
                    <a:pt x="133" y="0"/>
                    <a:pt x="109"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85" name="Google Shape;85;p5"/>
          <p:cNvSpPr/>
          <p:nvPr/>
        </p:nvSpPr>
        <p:spPr>
          <a:xfrm rot="-5400000">
            <a:off x="8128401" y="-1292725"/>
            <a:ext cx="1200530" cy="2804614"/>
          </a:xfrm>
          <a:custGeom>
            <a:avLst/>
            <a:gdLst/>
            <a:ahLst/>
            <a:cxnLst/>
            <a:rect l="l" t="t" r="r" b="b"/>
            <a:pathLst>
              <a:path w="8178" h="19105" extrusionOk="0">
                <a:moveTo>
                  <a:pt x="4806" y="0"/>
                </a:moveTo>
                <a:cubicBezTo>
                  <a:pt x="4270" y="0"/>
                  <a:pt x="3760" y="379"/>
                  <a:pt x="3343" y="752"/>
                </a:cubicBezTo>
                <a:cubicBezTo>
                  <a:pt x="2417" y="1583"/>
                  <a:pt x="1539" y="2505"/>
                  <a:pt x="994" y="3624"/>
                </a:cubicBezTo>
                <a:cubicBezTo>
                  <a:pt x="448" y="4743"/>
                  <a:pt x="269" y="6089"/>
                  <a:pt x="749" y="7238"/>
                </a:cubicBezTo>
                <a:cubicBezTo>
                  <a:pt x="1147" y="8192"/>
                  <a:pt x="1990" y="9028"/>
                  <a:pt x="1932" y="10062"/>
                </a:cubicBezTo>
                <a:cubicBezTo>
                  <a:pt x="1881" y="11000"/>
                  <a:pt x="1103" y="11715"/>
                  <a:pt x="698" y="12563"/>
                </a:cubicBezTo>
                <a:cubicBezTo>
                  <a:pt x="0" y="14016"/>
                  <a:pt x="480" y="15825"/>
                  <a:pt x="1502" y="17069"/>
                </a:cubicBezTo>
                <a:cubicBezTo>
                  <a:pt x="2266" y="18003"/>
                  <a:pt x="3391" y="19105"/>
                  <a:pt x="4438" y="19105"/>
                </a:cubicBezTo>
                <a:cubicBezTo>
                  <a:pt x="4860" y="19105"/>
                  <a:pt x="5269" y="18925"/>
                  <a:pt x="5636" y="18484"/>
                </a:cubicBezTo>
                <a:cubicBezTo>
                  <a:pt x="6751" y="17148"/>
                  <a:pt x="7200" y="14548"/>
                  <a:pt x="7494" y="12883"/>
                </a:cubicBezTo>
                <a:cubicBezTo>
                  <a:pt x="8178" y="9033"/>
                  <a:pt x="7779" y="4982"/>
                  <a:pt x="6253" y="1373"/>
                </a:cubicBezTo>
                <a:cubicBezTo>
                  <a:pt x="6012" y="800"/>
                  <a:pt x="5669" y="175"/>
                  <a:pt x="5067" y="31"/>
                </a:cubicBezTo>
                <a:cubicBezTo>
                  <a:pt x="4979" y="10"/>
                  <a:pt x="4892" y="0"/>
                  <a:pt x="480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6" name="Google Shape;86;p5"/>
          <p:cNvSpPr/>
          <p:nvPr/>
        </p:nvSpPr>
        <p:spPr>
          <a:xfrm rot="-5400000">
            <a:off x="7475465" y="-699747"/>
            <a:ext cx="1490287" cy="1924102"/>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87" name="Google Shape;87;p5"/>
          <p:cNvGrpSpPr/>
          <p:nvPr/>
        </p:nvGrpSpPr>
        <p:grpSpPr>
          <a:xfrm>
            <a:off x="4306171" y="1503372"/>
            <a:ext cx="542009" cy="1370216"/>
            <a:chOff x="6086050" y="4051075"/>
            <a:chExt cx="271575" cy="686550"/>
          </a:xfrm>
        </p:grpSpPr>
        <p:sp>
          <p:nvSpPr>
            <p:cNvPr id="88" name="Google Shape;88;p5"/>
            <p:cNvSpPr/>
            <p:nvPr/>
          </p:nvSpPr>
          <p:spPr>
            <a:xfrm>
              <a:off x="6288975" y="4051075"/>
              <a:ext cx="16275" cy="283525"/>
            </a:xfrm>
            <a:custGeom>
              <a:avLst/>
              <a:gdLst/>
              <a:ahLst/>
              <a:cxnLst/>
              <a:rect l="l" t="t" r="r" b="b"/>
              <a:pathLst>
                <a:path w="651" h="11341" extrusionOk="0">
                  <a:moveTo>
                    <a:pt x="324" y="1"/>
                  </a:moveTo>
                  <a:cubicBezTo>
                    <a:pt x="257" y="1"/>
                    <a:pt x="190" y="44"/>
                    <a:pt x="190" y="129"/>
                  </a:cubicBezTo>
                  <a:lnTo>
                    <a:pt x="188" y="129"/>
                  </a:lnTo>
                  <a:lnTo>
                    <a:pt x="167" y="4454"/>
                  </a:lnTo>
                  <a:cubicBezTo>
                    <a:pt x="162" y="5184"/>
                    <a:pt x="123" y="5914"/>
                    <a:pt x="109" y="6643"/>
                  </a:cubicBezTo>
                  <a:cubicBezTo>
                    <a:pt x="93" y="7364"/>
                    <a:pt x="86" y="8084"/>
                    <a:pt x="74" y="8804"/>
                  </a:cubicBezTo>
                  <a:cubicBezTo>
                    <a:pt x="67" y="9208"/>
                    <a:pt x="58" y="9611"/>
                    <a:pt x="42" y="10016"/>
                  </a:cubicBezTo>
                  <a:lnTo>
                    <a:pt x="16" y="10621"/>
                  </a:lnTo>
                  <a:cubicBezTo>
                    <a:pt x="14" y="10716"/>
                    <a:pt x="0" y="10815"/>
                    <a:pt x="5" y="10908"/>
                  </a:cubicBezTo>
                  <a:cubicBezTo>
                    <a:pt x="12" y="11035"/>
                    <a:pt x="83" y="11137"/>
                    <a:pt x="148" y="11241"/>
                  </a:cubicBezTo>
                  <a:cubicBezTo>
                    <a:pt x="188" y="11307"/>
                    <a:pt x="255" y="11340"/>
                    <a:pt x="322" y="11340"/>
                  </a:cubicBezTo>
                  <a:cubicBezTo>
                    <a:pt x="390" y="11340"/>
                    <a:pt x="458" y="11307"/>
                    <a:pt x="498" y="11241"/>
                  </a:cubicBezTo>
                  <a:cubicBezTo>
                    <a:pt x="544" y="11165"/>
                    <a:pt x="605" y="11082"/>
                    <a:pt x="628" y="10993"/>
                  </a:cubicBezTo>
                  <a:cubicBezTo>
                    <a:pt x="651" y="10910"/>
                    <a:pt x="635" y="10820"/>
                    <a:pt x="632" y="10736"/>
                  </a:cubicBezTo>
                  <a:lnTo>
                    <a:pt x="609" y="10160"/>
                  </a:lnTo>
                  <a:cubicBezTo>
                    <a:pt x="595" y="9794"/>
                    <a:pt x="581" y="9430"/>
                    <a:pt x="574" y="9064"/>
                  </a:cubicBezTo>
                  <a:lnTo>
                    <a:pt x="542" y="6933"/>
                  </a:lnTo>
                  <a:cubicBezTo>
                    <a:pt x="530" y="6201"/>
                    <a:pt x="503" y="5471"/>
                    <a:pt x="484" y="4741"/>
                  </a:cubicBezTo>
                  <a:cubicBezTo>
                    <a:pt x="463" y="4021"/>
                    <a:pt x="475" y="3301"/>
                    <a:pt x="470" y="2580"/>
                  </a:cubicBezTo>
                  <a:lnTo>
                    <a:pt x="459" y="129"/>
                  </a:lnTo>
                  <a:cubicBezTo>
                    <a:pt x="459" y="44"/>
                    <a:pt x="391" y="1"/>
                    <a:pt x="32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 name="Google Shape;89;p5"/>
            <p:cNvSpPr/>
            <p:nvPr/>
          </p:nvSpPr>
          <p:spPr>
            <a:xfrm>
              <a:off x="6189025" y="4240975"/>
              <a:ext cx="25500" cy="344350"/>
            </a:xfrm>
            <a:custGeom>
              <a:avLst/>
              <a:gdLst/>
              <a:ahLst/>
              <a:cxnLst/>
              <a:rect l="l" t="t" r="r" b="b"/>
              <a:pathLst>
                <a:path w="1020" h="13774" extrusionOk="0">
                  <a:moveTo>
                    <a:pt x="508" y="0"/>
                  </a:moveTo>
                  <a:cubicBezTo>
                    <a:pt x="428" y="0"/>
                    <a:pt x="348" y="53"/>
                    <a:pt x="347" y="157"/>
                  </a:cubicBezTo>
                  <a:cubicBezTo>
                    <a:pt x="308" y="3567"/>
                    <a:pt x="294" y="6983"/>
                    <a:pt x="155" y="10391"/>
                  </a:cubicBezTo>
                  <a:cubicBezTo>
                    <a:pt x="118" y="11354"/>
                    <a:pt x="92" y="12320"/>
                    <a:pt x="18" y="13282"/>
                  </a:cubicBezTo>
                  <a:cubicBezTo>
                    <a:pt x="0" y="13534"/>
                    <a:pt x="250" y="13773"/>
                    <a:pt x="496" y="13773"/>
                  </a:cubicBezTo>
                  <a:cubicBezTo>
                    <a:pt x="500" y="13773"/>
                    <a:pt x="505" y="13773"/>
                    <a:pt x="509" y="13773"/>
                  </a:cubicBezTo>
                  <a:cubicBezTo>
                    <a:pt x="760" y="13761"/>
                    <a:pt x="1019" y="13555"/>
                    <a:pt x="998" y="13282"/>
                  </a:cubicBezTo>
                  <a:cubicBezTo>
                    <a:pt x="864" y="11572"/>
                    <a:pt x="841" y="9851"/>
                    <a:pt x="799" y="8137"/>
                  </a:cubicBezTo>
                  <a:cubicBezTo>
                    <a:pt x="757" y="6439"/>
                    <a:pt x="725" y="4743"/>
                    <a:pt x="704" y="3048"/>
                  </a:cubicBezTo>
                  <a:lnTo>
                    <a:pt x="669" y="157"/>
                  </a:lnTo>
                  <a:cubicBezTo>
                    <a:pt x="668" y="53"/>
                    <a:pt x="588" y="0"/>
                    <a:pt x="508"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 name="Google Shape;90;p5"/>
            <p:cNvSpPr/>
            <p:nvPr/>
          </p:nvSpPr>
          <p:spPr>
            <a:xfrm>
              <a:off x="6328275" y="4419275"/>
              <a:ext cx="29350" cy="37875"/>
            </a:xfrm>
            <a:custGeom>
              <a:avLst/>
              <a:gdLst/>
              <a:ahLst/>
              <a:cxnLst/>
              <a:rect l="l" t="t" r="r" b="b"/>
              <a:pathLst>
                <a:path w="1174" h="1515" extrusionOk="0">
                  <a:moveTo>
                    <a:pt x="910" y="0"/>
                  </a:moveTo>
                  <a:cubicBezTo>
                    <a:pt x="844" y="0"/>
                    <a:pt x="778" y="21"/>
                    <a:pt x="728" y="64"/>
                  </a:cubicBezTo>
                  <a:cubicBezTo>
                    <a:pt x="663" y="124"/>
                    <a:pt x="603" y="186"/>
                    <a:pt x="546" y="253"/>
                  </a:cubicBezTo>
                  <a:lnTo>
                    <a:pt x="546" y="253"/>
                  </a:lnTo>
                  <a:cubicBezTo>
                    <a:pt x="331" y="374"/>
                    <a:pt x="225" y="669"/>
                    <a:pt x="112" y="873"/>
                  </a:cubicBezTo>
                  <a:cubicBezTo>
                    <a:pt x="1" y="1077"/>
                    <a:pt x="63" y="1341"/>
                    <a:pt x="267" y="1459"/>
                  </a:cubicBezTo>
                  <a:cubicBezTo>
                    <a:pt x="330" y="1496"/>
                    <a:pt x="406" y="1515"/>
                    <a:pt x="484" y="1515"/>
                  </a:cubicBezTo>
                  <a:cubicBezTo>
                    <a:pt x="634" y="1515"/>
                    <a:pt x="789" y="1445"/>
                    <a:pt x="853" y="1306"/>
                  </a:cubicBezTo>
                  <a:lnTo>
                    <a:pt x="1027" y="924"/>
                  </a:lnTo>
                  <a:cubicBezTo>
                    <a:pt x="1089" y="791"/>
                    <a:pt x="1124" y="680"/>
                    <a:pt x="1112" y="558"/>
                  </a:cubicBezTo>
                  <a:lnTo>
                    <a:pt x="1112" y="558"/>
                  </a:lnTo>
                  <a:cubicBezTo>
                    <a:pt x="1135" y="455"/>
                    <a:pt x="1150" y="349"/>
                    <a:pt x="1159" y="243"/>
                  </a:cubicBezTo>
                  <a:cubicBezTo>
                    <a:pt x="1173" y="86"/>
                    <a:pt x="1042" y="0"/>
                    <a:pt x="910"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 name="Google Shape;91;p5"/>
            <p:cNvSpPr/>
            <p:nvPr/>
          </p:nvSpPr>
          <p:spPr>
            <a:xfrm>
              <a:off x="6086050" y="4482425"/>
              <a:ext cx="19700" cy="25925"/>
            </a:xfrm>
            <a:custGeom>
              <a:avLst/>
              <a:gdLst/>
              <a:ahLst/>
              <a:cxnLst/>
              <a:rect l="l" t="t" r="r" b="b"/>
              <a:pathLst>
                <a:path w="788" h="1037" extrusionOk="0">
                  <a:moveTo>
                    <a:pt x="404" y="1"/>
                  </a:moveTo>
                  <a:cubicBezTo>
                    <a:pt x="401" y="1"/>
                    <a:pt x="397" y="1"/>
                    <a:pt x="394" y="1"/>
                  </a:cubicBezTo>
                  <a:cubicBezTo>
                    <a:pt x="56" y="17"/>
                    <a:pt x="44" y="409"/>
                    <a:pt x="19" y="661"/>
                  </a:cubicBezTo>
                  <a:cubicBezTo>
                    <a:pt x="1" y="852"/>
                    <a:pt x="197" y="1036"/>
                    <a:pt x="384" y="1036"/>
                  </a:cubicBezTo>
                  <a:cubicBezTo>
                    <a:pt x="387" y="1036"/>
                    <a:pt x="391" y="1036"/>
                    <a:pt x="394" y="1036"/>
                  </a:cubicBezTo>
                  <a:cubicBezTo>
                    <a:pt x="582" y="1027"/>
                    <a:pt x="788" y="870"/>
                    <a:pt x="769" y="661"/>
                  </a:cubicBezTo>
                  <a:cubicBezTo>
                    <a:pt x="758" y="545"/>
                    <a:pt x="753" y="422"/>
                    <a:pt x="725" y="309"/>
                  </a:cubicBezTo>
                  <a:cubicBezTo>
                    <a:pt x="689" y="166"/>
                    <a:pt x="570" y="1"/>
                    <a:pt x="40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 name="Google Shape;92;p5"/>
            <p:cNvSpPr/>
            <p:nvPr/>
          </p:nvSpPr>
          <p:spPr>
            <a:xfrm>
              <a:off x="6276175" y="4711175"/>
              <a:ext cx="20525" cy="26450"/>
            </a:xfrm>
            <a:custGeom>
              <a:avLst/>
              <a:gdLst/>
              <a:ahLst/>
              <a:cxnLst/>
              <a:rect l="l" t="t" r="r" b="b"/>
              <a:pathLst>
                <a:path w="821" h="1058" extrusionOk="0">
                  <a:moveTo>
                    <a:pt x="410" y="1"/>
                  </a:moveTo>
                  <a:cubicBezTo>
                    <a:pt x="308" y="1"/>
                    <a:pt x="205" y="40"/>
                    <a:pt x="127" y="119"/>
                  </a:cubicBezTo>
                  <a:cubicBezTo>
                    <a:pt x="16" y="228"/>
                    <a:pt x="0" y="362"/>
                    <a:pt x="23" y="508"/>
                  </a:cubicBezTo>
                  <a:lnTo>
                    <a:pt x="23" y="510"/>
                  </a:lnTo>
                  <a:cubicBezTo>
                    <a:pt x="33" y="598"/>
                    <a:pt x="51" y="686"/>
                    <a:pt x="81" y="770"/>
                  </a:cubicBezTo>
                  <a:cubicBezTo>
                    <a:pt x="133" y="903"/>
                    <a:pt x="235" y="1057"/>
                    <a:pt x="396" y="1057"/>
                  </a:cubicBezTo>
                  <a:cubicBezTo>
                    <a:pt x="401" y="1057"/>
                    <a:pt x="405" y="1057"/>
                    <a:pt x="410" y="1057"/>
                  </a:cubicBezTo>
                  <a:cubicBezTo>
                    <a:pt x="695" y="1046"/>
                    <a:pt x="762" y="735"/>
                    <a:pt x="797" y="508"/>
                  </a:cubicBezTo>
                  <a:cubicBezTo>
                    <a:pt x="820" y="369"/>
                    <a:pt x="809" y="223"/>
                    <a:pt x="695" y="119"/>
                  </a:cubicBezTo>
                  <a:cubicBezTo>
                    <a:pt x="616" y="40"/>
                    <a:pt x="513" y="1"/>
                    <a:pt x="410"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93" name="Google Shape;93;p5"/>
          <p:cNvSpPr/>
          <p:nvPr/>
        </p:nvSpPr>
        <p:spPr>
          <a:xfrm rot="7199989" flipH="1">
            <a:off x="5568066" y="2857683"/>
            <a:ext cx="4545547" cy="3234001"/>
          </a:xfrm>
          <a:custGeom>
            <a:avLst/>
            <a:gdLst/>
            <a:ahLst/>
            <a:cxnLst/>
            <a:rect l="l" t="t" r="r" b="b"/>
            <a:pathLst>
              <a:path w="51519" h="36654" fill="none" extrusionOk="0">
                <a:moveTo>
                  <a:pt x="0" y="34286"/>
                </a:moveTo>
                <a:cubicBezTo>
                  <a:pt x="3758" y="36568"/>
                  <a:pt x="8747" y="36653"/>
                  <a:pt x="12583" y="34504"/>
                </a:cubicBezTo>
                <a:cubicBezTo>
                  <a:pt x="16417" y="32354"/>
                  <a:pt x="18946" y="28050"/>
                  <a:pt x="18958" y="23653"/>
                </a:cubicBezTo>
                <a:cubicBezTo>
                  <a:pt x="18965" y="21682"/>
                  <a:pt x="18504" y="19743"/>
                  <a:pt x="18180" y="17797"/>
                </a:cubicBezTo>
                <a:cubicBezTo>
                  <a:pt x="17853" y="15852"/>
                  <a:pt x="17663" y="13829"/>
                  <a:pt x="18198" y="11930"/>
                </a:cubicBezTo>
                <a:cubicBezTo>
                  <a:pt x="18736" y="10033"/>
                  <a:pt x="20130" y="8272"/>
                  <a:pt x="22044" y="7793"/>
                </a:cubicBezTo>
                <a:cubicBezTo>
                  <a:pt x="23957" y="7316"/>
                  <a:pt x="26271" y="8513"/>
                  <a:pt x="26575" y="10461"/>
                </a:cubicBezTo>
                <a:cubicBezTo>
                  <a:pt x="26815" y="12013"/>
                  <a:pt x="25632" y="13646"/>
                  <a:pt x="24080" y="13897"/>
                </a:cubicBezTo>
                <a:cubicBezTo>
                  <a:pt x="22530" y="14147"/>
                  <a:pt x="20890" y="12970"/>
                  <a:pt x="20633" y="11420"/>
                </a:cubicBezTo>
                <a:cubicBezTo>
                  <a:pt x="20373" y="9873"/>
                  <a:pt x="21541" y="8226"/>
                  <a:pt x="23088" y="7959"/>
                </a:cubicBezTo>
                <a:cubicBezTo>
                  <a:pt x="24728" y="7677"/>
                  <a:pt x="26285" y="8770"/>
                  <a:pt x="27439" y="9970"/>
                </a:cubicBezTo>
                <a:cubicBezTo>
                  <a:pt x="28594" y="11170"/>
                  <a:pt x="29630" y="12583"/>
                  <a:pt x="31154" y="13253"/>
                </a:cubicBezTo>
                <a:cubicBezTo>
                  <a:pt x="33943" y="14478"/>
                  <a:pt x="37615" y="12129"/>
                  <a:pt x="37668" y="9083"/>
                </a:cubicBezTo>
                <a:cubicBezTo>
                  <a:pt x="37714" y="6553"/>
                  <a:pt x="35773" y="3811"/>
                  <a:pt x="37184" y="1707"/>
                </a:cubicBezTo>
                <a:cubicBezTo>
                  <a:pt x="38328" y="0"/>
                  <a:pt x="41032" y="155"/>
                  <a:pt x="42692" y="1369"/>
                </a:cubicBezTo>
                <a:cubicBezTo>
                  <a:pt x="44356" y="2583"/>
                  <a:pt x="45322" y="4501"/>
                  <a:pt x="46521" y="6171"/>
                </a:cubicBezTo>
                <a:cubicBezTo>
                  <a:pt x="47724" y="7841"/>
                  <a:pt x="49461" y="9419"/>
                  <a:pt x="51518" y="9352"/>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4" name="Google Shape;94;p5"/>
          <p:cNvSpPr txBox="1">
            <a:spLocks noGrp="1"/>
          </p:cNvSpPr>
          <p:nvPr>
            <p:ph type="subTitle" idx="1"/>
          </p:nvPr>
        </p:nvSpPr>
        <p:spPr>
          <a:xfrm>
            <a:off x="720000" y="2825975"/>
            <a:ext cx="3319500" cy="7134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400"/>
              <a:buNone/>
              <a:defRPr/>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95" name="Google Shape;95;p5"/>
          <p:cNvSpPr txBox="1">
            <a:spLocks noGrp="1"/>
          </p:cNvSpPr>
          <p:nvPr>
            <p:ph type="subTitle" idx="2"/>
          </p:nvPr>
        </p:nvSpPr>
        <p:spPr>
          <a:xfrm>
            <a:off x="5104500" y="2825975"/>
            <a:ext cx="3319500" cy="7134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400"/>
              <a:buNone/>
              <a:defRPr/>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sp>
        <p:nvSpPr>
          <p:cNvPr id="96" name="Google Shape;96;p5"/>
          <p:cNvSpPr txBox="1">
            <a:spLocks noGrp="1"/>
          </p:cNvSpPr>
          <p:nvPr>
            <p:ph type="title"/>
          </p:nvPr>
        </p:nvSpPr>
        <p:spPr>
          <a:xfrm>
            <a:off x="720000" y="535000"/>
            <a:ext cx="77040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0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
        <p:nvSpPr>
          <p:cNvPr id="97" name="Google Shape;97;p5"/>
          <p:cNvSpPr txBox="1">
            <a:spLocks noGrp="1"/>
          </p:cNvSpPr>
          <p:nvPr>
            <p:ph type="title" idx="3"/>
          </p:nvPr>
        </p:nvSpPr>
        <p:spPr>
          <a:xfrm>
            <a:off x="1031850" y="2415900"/>
            <a:ext cx="2695800" cy="4182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2500">
                <a:solidFill>
                  <a:schemeClr val="accent4"/>
                </a:solidFill>
              </a:defRPr>
            </a:lvl1pPr>
            <a:lvl2pPr lvl="1" rtl="0">
              <a:spcBef>
                <a:spcPts val="0"/>
              </a:spcBef>
              <a:spcAft>
                <a:spcPts val="0"/>
              </a:spcAft>
              <a:buSzPts val="2400"/>
              <a:buNone/>
              <a:defRPr sz="2400"/>
            </a:lvl2pPr>
            <a:lvl3pPr lvl="2" rtl="0">
              <a:spcBef>
                <a:spcPts val="0"/>
              </a:spcBef>
              <a:spcAft>
                <a:spcPts val="0"/>
              </a:spcAft>
              <a:buSzPts val="2400"/>
              <a:buNone/>
              <a:defRPr sz="2400"/>
            </a:lvl3pPr>
            <a:lvl4pPr lvl="3" rtl="0">
              <a:spcBef>
                <a:spcPts val="0"/>
              </a:spcBef>
              <a:spcAft>
                <a:spcPts val="0"/>
              </a:spcAft>
              <a:buSzPts val="2400"/>
              <a:buNone/>
              <a:defRPr sz="2400"/>
            </a:lvl4pPr>
            <a:lvl5pPr lvl="4" rtl="0">
              <a:spcBef>
                <a:spcPts val="0"/>
              </a:spcBef>
              <a:spcAft>
                <a:spcPts val="0"/>
              </a:spcAft>
              <a:buSzPts val="2400"/>
              <a:buNone/>
              <a:defRPr sz="2400"/>
            </a:lvl5pPr>
            <a:lvl6pPr lvl="5" rtl="0">
              <a:spcBef>
                <a:spcPts val="0"/>
              </a:spcBef>
              <a:spcAft>
                <a:spcPts val="0"/>
              </a:spcAft>
              <a:buSzPts val="2400"/>
              <a:buNone/>
              <a:defRPr sz="2400"/>
            </a:lvl6pPr>
            <a:lvl7pPr lvl="6" rtl="0">
              <a:spcBef>
                <a:spcPts val="0"/>
              </a:spcBef>
              <a:spcAft>
                <a:spcPts val="0"/>
              </a:spcAft>
              <a:buSzPts val="2400"/>
              <a:buNone/>
              <a:defRPr sz="2400"/>
            </a:lvl7pPr>
            <a:lvl8pPr lvl="7" rtl="0">
              <a:spcBef>
                <a:spcPts val="0"/>
              </a:spcBef>
              <a:spcAft>
                <a:spcPts val="0"/>
              </a:spcAft>
              <a:buSzPts val="2400"/>
              <a:buNone/>
              <a:defRPr sz="2400"/>
            </a:lvl8pPr>
            <a:lvl9pPr lvl="8" rtl="0">
              <a:spcBef>
                <a:spcPts val="0"/>
              </a:spcBef>
              <a:spcAft>
                <a:spcPts val="0"/>
              </a:spcAft>
              <a:buSzPts val="2400"/>
              <a:buNone/>
              <a:defRPr sz="2400"/>
            </a:lvl9pPr>
          </a:lstStyle>
          <a:p>
            <a:endParaRPr/>
          </a:p>
        </p:txBody>
      </p:sp>
      <p:sp>
        <p:nvSpPr>
          <p:cNvPr id="98" name="Google Shape;98;p5"/>
          <p:cNvSpPr txBox="1">
            <a:spLocks noGrp="1"/>
          </p:cNvSpPr>
          <p:nvPr>
            <p:ph type="title" idx="4"/>
          </p:nvPr>
        </p:nvSpPr>
        <p:spPr>
          <a:xfrm>
            <a:off x="5426700" y="2415900"/>
            <a:ext cx="2675100" cy="4182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2500">
                <a:solidFill>
                  <a:schemeClr val="accent4"/>
                </a:solidFill>
              </a:defRPr>
            </a:lvl1pPr>
            <a:lvl2pPr lvl="1" rtl="0">
              <a:spcBef>
                <a:spcPts val="0"/>
              </a:spcBef>
              <a:spcAft>
                <a:spcPts val="0"/>
              </a:spcAft>
              <a:buSzPts val="2400"/>
              <a:buNone/>
              <a:defRPr sz="2400"/>
            </a:lvl2pPr>
            <a:lvl3pPr lvl="2" rtl="0">
              <a:spcBef>
                <a:spcPts val="0"/>
              </a:spcBef>
              <a:spcAft>
                <a:spcPts val="0"/>
              </a:spcAft>
              <a:buSzPts val="2400"/>
              <a:buNone/>
              <a:defRPr sz="2400"/>
            </a:lvl3pPr>
            <a:lvl4pPr lvl="3" rtl="0">
              <a:spcBef>
                <a:spcPts val="0"/>
              </a:spcBef>
              <a:spcAft>
                <a:spcPts val="0"/>
              </a:spcAft>
              <a:buSzPts val="2400"/>
              <a:buNone/>
              <a:defRPr sz="2400"/>
            </a:lvl4pPr>
            <a:lvl5pPr lvl="4" rtl="0">
              <a:spcBef>
                <a:spcPts val="0"/>
              </a:spcBef>
              <a:spcAft>
                <a:spcPts val="0"/>
              </a:spcAft>
              <a:buSzPts val="2400"/>
              <a:buNone/>
              <a:defRPr sz="2400"/>
            </a:lvl5pPr>
            <a:lvl6pPr lvl="5" rtl="0">
              <a:spcBef>
                <a:spcPts val="0"/>
              </a:spcBef>
              <a:spcAft>
                <a:spcPts val="0"/>
              </a:spcAft>
              <a:buSzPts val="2400"/>
              <a:buNone/>
              <a:defRPr sz="2400"/>
            </a:lvl6pPr>
            <a:lvl7pPr lvl="6" rtl="0">
              <a:spcBef>
                <a:spcPts val="0"/>
              </a:spcBef>
              <a:spcAft>
                <a:spcPts val="0"/>
              </a:spcAft>
              <a:buSzPts val="2400"/>
              <a:buNone/>
              <a:defRPr sz="2400"/>
            </a:lvl7pPr>
            <a:lvl8pPr lvl="7" rtl="0">
              <a:spcBef>
                <a:spcPts val="0"/>
              </a:spcBef>
              <a:spcAft>
                <a:spcPts val="0"/>
              </a:spcAft>
              <a:buSzPts val="2400"/>
              <a:buNone/>
              <a:defRPr sz="2400"/>
            </a:lvl8pPr>
            <a:lvl9pPr lvl="8" rtl="0">
              <a:spcBef>
                <a:spcPts val="0"/>
              </a:spcBef>
              <a:spcAft>
                <a:spcPts val="0"/>
              </a:spcAft>
              <a:buSzPts val="2400"/>
              <a:buNone/>
              <a:defRPr sz="2400"/>
            </a:lvl9pPr>
          </a:lstStyle>
          <a:p>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99"/>
        <p:cNvGrpSpPr/>
        <p:nvPr/>
      </p:nvGrpSpPr>
      <p:grpSpPr>
        <a:xfrm>
          <a:off x="0" y="0"/>
          <a:ext cx="0" cy="0"/>
          <a:chOff x="0" y="0"/>
          <a:chExt cx="0" cy="0"/>
        </a:xfrm>
      </p:grpSpPr>
      <p:sp>
        <p:nvSpPr>
          <p:cNvPr id="100" name="Google Shape;100;p6"/>
          <p:cNvSpPr/>
          <p:nvPr/>
        </p:nvSpPr>
        <p:spPr>
          <a:xfrm rot="5219201" flipH="1">
            <a:off x="-227123" y="-540495"/>
            <a:ext cx="1305129" cy="1685948"/>
          </a:xfrm>
          <a:custGeom>
            <a:avLst/>
            <a:gdLst/>
            <a:ahLst/>
            <a:cxnLst/>
            <a:rect l="l" t="t" r="r" b="b"/>
            <a:pathLst>
              <a:path w="15340" h="19816" extrusionOk="0">
                <a:moveTo>
                  <a:pt x="10681" y="642"/>
                </a:moveTo>
                <a:cubicBezTo>
                  <a:pt x="10567" y="642"/>
                  <a:pt x="10439" y="711"/>
                  <a:pt x="10443" y="872"/>
                </a:cubicBezTo>
                <a:cubicBezTo>
                  <a:pt x="10445" y="1032"/>
                  <a:pt x="10533" y="1127"/>
                  <a:pt x="10730" y="1127"/>
                </a:cubicBezTo>
                <a:cubicBezTo>
                  <a:pt x="10879" y="1122"/>
                  <a:pt x="10962" y="995"/>
                  <a:pt x="10936" y="856"/>
                </a:cubicBezTo>
                <a:cubicBezTo>
                  <a:pt x="10920" y="768"/>
                  <a:pt x="10790" y="649"/>
                  <a:pt x="10702" y="643"/>
                </a:cubicBezTo>
                <a:cubicBezTo>
                  <a:pt x="10695" y="642"/>
                  <a:pt x="10688" y="642"/>
                  <a:pt x="10681" y="642"/>
                </a:cubicBezTo>
                <a:close/>
                <a:moveTo>
                  <a:pt x="9153" y="1"/>
                </a:moveTo>
                <a:cubicBezTo>
                  <a:pt x="9149" y="1"/>
                  <a:pt x="9145" y="1"/>
                  <a:pt x="9141" y="1"/>
                </a:cubicBezTo>
                <a:cubicBezTo>
                  <a:pt x="8731" y="12"/>
                  <a:pt x="8557" y="221"/>
                  <a:pt x="8560" y="693"/>
                </a:cubicBezTo>
                <a:cubicBezTo>
                  <a:pt x="8560" y="1033"/>
                  <a:pt x="8865" y="1307"/>
                  <a:pt x="9254" y="1307"/>
                </a:cubicBezTo>
                <a:cubicBezTo>
                  <a:pt x="9257" y="1307"/>
                  <a:pt x="9261" y="1307"/>
                  <a:pt x="9264" y="1307"/>
                </a:cubicBezTo>
                <a:cubicBezTo>
                  <a:pt x="9482" y="1303"/>
                  <a:pt x="9757" y="1046"/>
                  <a:pt x="9753" y="645"/>
                </a:cubicBezTo>
                <a:cubicBezTo>
                  <a:pt x="9748" y="292"/>
                  <a:pt x="9477" y="1"/>
                  <a:pt x="9153" y="1"/>
                </a:cubicBezTo>
                <a:close/>
                <a:moveTo>
                  <a:pt x="14431" y="1648"/>
                </a:moveTo>
                <a:cubicBezTo>
                  <a:pt x="14289" y="1648"/>
                  <a:pt x="14168" y="1806"/>
                  <a:pt x="14168" y="1963"/>
                </a:cubicBezTo>
                <a:cubicBezTo>
                  <a:pt x="14168" y="2138"/>
                  <a:pt x="14286" y="2255"/>
                  <a:pt x="14459" y="2255"/>
                </a:cubicBezTo>
                <a:cubicBezTo>
                  <a:pt x="14462" y="2255"/>
                  <a:pt x="14466" y="2255"/>
                  <a:pt x="14469" y="2255"/>
                </a:cubicBezTo>
                <a:cubicBezTo>
                  <a:pt x="14659" y="2250"/>
                  <a:pt x="14791" y="2090"/>
                  <a:pt x="14777" y="1866"/>
                </a:cubicBezTo>
                <a:cubicBezTo>
                  <a:pt x="14766" y="1662"/>
                  <a:pt x="14589" y="1669"/>
                  <a:pt x="14457" y="1650"/>
                </a:cubicBezTo>
                <a:cubicBezTo>
                  <a:pt x="14449" y="1649"/>
                  <a:pt x="14440" y="1648"/>
                  <a:pt x="14431" y="1648"/>
                </a:cubicBezTo>
                <a:close/>
                <a:moveTo>
                  <a:pt x="11330" y="2609"/>
                </a:moveTo>
                <a:cubicBezTo>
                  <a:pt x="11277" y="2674"/>
                  <a:pt x="11189" y="2732"/>
                  <a:pt x="11175" y="2804"/>
                </a:cubicBezTo>
                <a:cubicBezTo>
                  <a:pt x="11166" y="2857"/>
                  <a:pt x="11249" y="2927"/>
                  <a:pt x="11328" y="3045"/>
                </a:cubicBezTo>
                <a:cubicBezTo>
                  <a:pt x="11418" y="2933"/>
                  <a:pt x="11520" y="2859"/>
                  <a:pt x="11506" y="2813"/>
                </a:cubicBezTo>
                <a:lnTo>
                  <a:pt x="11504" y="2811"/>
                </a:lnTo>
                <a:cubicBezTo>
                  <a:pt x="11485" y="2734"/>
                  <a:pt x="11393" y="2676"/>
                  <a:pt x="11330" y="2609"/>
                </a:cubicBezTo>
                <a:close/>
                <a:moveTo>
                  <a:pt x="6848" y="4733"/>
                </a:moveTo>
                <a:cubicBezTo>
                  <a:pt x="6626" y="4733"/>
                  <a:pt x="6465" y="4893"/>
                  <a:pt x="6452" y="5139"/>
                </a:cubicBezTo>
                <a:cubicBezTo>
                  <a:pt x="6440" y="5343"/>
                  <a:pt x="6616" y="5528"/>
                  <a:pt x="6829" y="5537"/>
                </a:cubicBezTo>
                <a:cubicBezTo>
                  <a:pt x="6839" y="5538"/>
                  <a:pt x="6848" y="5538"/>
                  <a:pt x="6857" y="5538"/>
                </a:cubicBezTo>
                <a:cubicBezTo>
                  <a:pt x="7106" y="5538"/>
                  <a:pt x="7272" y="5385"/>
                  <a:pt x="7288" y="5136"/>
                </a:cubicBezTo>
                <a:cubicBezTo>
                  <a:pt x="7297" y="4984"/>
                  <a:pt x="7047" y="4743"/>
                  <a:pt x="6866" y="4733"/>
                </a:cubicBezTo>
                <a:cubicBezTo>
                  <a:pt x="6860" y="4733"/>
                  <a:pt x="6854" y="4733"/>
                  <a:pt x="6848" y="4733"/>
                </a:cubicBezTo>
                <a:close/>
                <a:moveTo>
                  <a:pt x="7995" y="6924"/>
                </a:moveTo>
                <a:cubicBezTo>
                  <a:pt x="7987" y="6924"/>
                  <a:pt x="7958" y="6938"/>
                  <a:pt x="7932" y="6948"/>
                </a:cubicBezTo>
                <a:lnTo>
                  <a:pt x="8041" y="7045"/>
                </a:lnTo>
                <a:cubicBezTo>
                  <a:pt x="7971" y="7098"/>
                  <a:pt x="7911" y="7129"/>
                  <a:pt x="7874" y="7177"/>
                </a:cubicBezTo>
                <a:cubicBezTo>
                  <a:pt x="7853" y="7203"/>
                  <a:pt x="7860" y="7263"/>
                  <a:pt x="7876" y="7298"/>
                </a:cubicBezTo>
                <a:cubicBezTo>
                  <a:pt x="7883" y="7312"/>
                  <a:pt x="7927" y="7325"/>
                  <a:pt x="7953" y="7325"/>
                </a:cubicBezTo>
                <a:cubicBezTo>
                  <a:pt x="7960" y="7325"/>
                  <a:pt x="7966" y="7324"/>
                  <a:pt x="7969" y="7321"/>
                </a:cubicBezTo>
                <a:cubicBezTo>
                  <a:pt x="8027" y="7254"/>
                  <a:pt x="8106" y="7184"/>
                  <a:pt x="8120" y="7108"/>
                </a:cubicBezTo>
                <a:cubicBezTo>
                  <a:pt x="8129" y="7054"/>
                  <a:pt x="8043" y="6983"/>
                  <a:pt x="7997" y="6925"/>
                </a:cubicBezTo>
                <a:cubicBezTo>
                  <a:pt x="7997" y="6924"/>
                  <a:pt x="7996" y="6924"/>
                  <a:pt x="7995" y="6924"/>
                </a:cubicBezTo>
                <a:close/>
                <a:moveTo>
                  <a:pt x="13031" y="8086"/>
                </a:moveTo>
                <a:cubicBezTo>
                  <a:pt x="13023" y="8086"/>
                  <a:pt x="13015" y="8087"/>
                  <a:pt x="13007" y="8088"/>
                </a:cubicBezTo>
                <a:cubicBezTo>
                  <a:pt x="12915" y="8097"/>
                  <a:pt x="12834" y="8208"/>
                  <a:pt x="12746" y="8275"/>
                </a:cubicBezTo>
                <a:cubicBezTo>
                  <a:pt x="12743" y="8308"/>
                  <a:pt x="12743" y="8340"/>
                  <a:pt x="12743" y="8373"/>
                </a:cubicBezTo>
                <a:cubicBezTo>
                  <a:pt x="12831" y="8437"/>
                  <a:pt x="12912" y="8542"/>
                  <a:pt x="13010" y="8558"/>
                </a:cubicBezTo>
                <a:cubicBezTo>
                  <a:pt x="13024" y="8561"/>
                  <a:pt x="13038" y="8562"/>
                  <a:pt x="13052" y="8562"/>
                </a:cubicBezTo>
                <a:cubicBezTo>
                  <a:pt x="13165" y="8562"/>
                  <a:pt x="13246" y="8470"/>
                  <a:pt x="13248" y="8338"/>
                </a:cubicBezTo>
                <a:cubicBezTo>
                  <a:pt x="13250" y="8194"/>
                  <a:pt x="13160" y="8086"/>
                  <a:pt x="13031" y="8086"/>
                </a:cubicBezTo>
                <a:close/>
                <a:moveTo>
                  <a:pt x="4679" y="7798"/>
                </a:moveTo>
                <a:cubicBezTo>
                  <a:pt x="4678" y="7798"/>
                  <a:pt x="4676" y="7798"/>
                  <a:pt x="4675" y="7798"/>
                </a:cubicBezTo>
                <a:cubicBezTo>
                  <a:pt x="4439" y="7803"/>
                  <a:pt x="4316" y="7930"/>
                  <a:pt x="4318" y="8164"/>
                </a:cubicBezTo>
                <a:cubicBezTo>
                  <a:pt x="4321" y="8367"/>
                  <a:pt x="4489" y="8572"/>
                  <a:pt x="4646" y="8572"/>
                </a:cubicBezTo>
                <a:cubicBezTo>
                  <a:pt x="4649" y="8572"/>
                  <a:pt x="4652" y="8572"/>
                  <a:pt x="4654" y="8572"/>
                </a:cubicBezTo>
                <a:cubicBezTo>
                  <a:pt x="4904" y="8558"/>
                  <a:pt x="5027" y="8414"/>
                  <a:pt x="5023" y="8139"/>
                </a:cubicBezTo>
                <a:cubicBezTo>
                  <a:pt x="5020" y="7950"/>
                  <a:pt x="4867" y="7798"/>
                  <a:pt x="4679" y="7798"/>
                </a:cubicBezTo>
                <a:close/>
                <a:moveTo>
                  <a:pt x="9414" y="7409"/>
                </a:moveTo>
                <a:cubicBezTo>
                  <a:pt x="9091" y="7409"/>
                  <a:pt x="8751" y="7681"/>
                  <a:pt x="8738" y="7962"/>
                </a:cubicBezTo>
                <a:cubicBezTo>
                  <a:pt x="8720" y="8301"/>
                  <a:pt x="8914" y="8562"/>
                  <a:pt x="9206" y="8576"/>
                </a:cubicBezTo>
                <a:cubicBezTo>
                  <a:pt x="9213" y="8577"/>
                  <a:pt x="9220" y="8577"/>
                  <a:pt x="9227" y="8577"/>
                </a:cubicBezTo>
                <a:cubicBezTo>
                  <a:pt x="9501" y="8577"/>
                  <a:pt x="9908" y="8316"/>
                  <a:pt x="9892" y="8011"/>
                </a:cubicBezTo>
                <a:cubicBezTo>
                  <a:pt x="9908" y="7738"/>
                  <a:pt x="9688" y="7430"/>
                  <a:pt x="9463" y="7411"/>
                </a:cubicBezTo>
                <a:cubicBezTo>
                  <a:pt x="9447" y="7410"/>
                  <a:pt x="9430" y="7409"/>
                  <a:pt x="9414" y="7409"/>
                </a:cubicBezTo>
                <a:close/>
                <a:moveTo>
                  <a:pt x="9769" y="9112"/>
                </a:moveTo>
                <a:cubicBezTo>
                  <a:pt x="9643" y="9112"/>
                  <a:pt x="9545" y="9316"/>
                  <a:pt x="9565" y="9540"/>
                </a:cubicBezTo>
                <a:cubicBezTo>
                  <a:pt x="9570" y="9591"/>
                  <a:pt x="9635" y="9672"/>
                  <a:pt x="9683" y="9681"/>
                </a:cubicBezTo>
                <a:cubicBezTo>
                  <a:pt x="9688" y="9682"/>
                  <a:pt x="9693" y="9683"/>
                  <a:pt x="9698" y="9683"/>
                </a:cubicBezTo>
                <a:cubicBezTo>
                  <a:pt x="9819" y="9683"/>
                  <a:pt x="10037" y="9445"/>
                  <a:pt x="10068" y="9271"/>
                </a:cubicBezTo>
                <a:cubicBezTo>
                  <a:pt x="9975" y="9216"/>
                  <a:pt x="9887" y="9130"/>
                  <a:pt x="9790" y="9114"/>
                </a:cubicBezTo>
                <a:cubicBezTo>
                  <a:pt x="9783" y="9113"/>
                  <a:pt x="9776" y="9112"/>
                  <a:pt x="9769" y="9112"/>
                </a:cubicBezTo>
                <a:close/>
                <a:moveTo>
                  <a:pt x="3456" y="9931"/>
                </a:moveTo>
                <a:cubicBezTo>
                  <a:pt x="3446" y="9931"/>
                  <a:pt x="3436" y="9931"/>
                  <a:pt x="3426" y="9931"/>
                </a:cubicBezTo>
                <a:cubicBezTo>
                  <a:pt x="3413" y="9959"/>
                  <a:pt x="3406" y="9989"/>
                  <a:pt x="3408" y="10017"/>
                </a:cubicBezTo>
                <a:cubicBezTo>
                  <a:pt x="3468" y="10047"/>
                  <a:pt x="3531" y="10084"/>
                  <a:pt x="3596" y="10084"/>
                </a:cubicBezTo>
                <a:cubicBezTo>
                  <a:pt x="3651" y="10084"/>
                  <a:pt x="3707" y="10040"/>
                  <a:pt x="3762" y="10017"/>
                </a:cubicBezTo>
                <a:cubicBezTo>
                  <a:pt x="3760" y="10003"/>
                  <a:pt x="3758" y="9987"/>
                  <a:pt x="3755" y="9973"/>
                </a:cubicBezTo>
                <a:lnTo>
                  <a:pt x="3753" y="9971"/>
                </a:lnTo>
                <a:cubicBezTo>
                  <a:pt x="3702" y="9962"/>
                  <a:pt x="3651" y="9950"/>
                  <a:pt x="3600" y="9943"/>
                </a:cubicBezTo>
                <a:cubicBezTo>
                  <a:pt x="3552" y="9935"/>
                  <a:pt x="3504" y="9931"/>
                  <a:pt x="3456" y="9931"/>
                </a:cubicBezTo>
                <a:close/>
                <a:moveTo>
                  <a:pt x="6448" y="10117"/>
                </a:moveTo>
                <a:cubicBezTo>
                  <a:pt x="6411" y="10117"/>
                  <a:pt x="6329" y="10207"/>
                  <a:pt x="6218" y="10288"/>
                </a:cubicBezTo>
                <a:cubicBezTo>
                  <a:pt x="6345" y="10386"/>
                  <a:pt x="6415" y="10476"/>
                  <a:pt x="6493" y="10485"/>
                </a:cubicBezTo>
                <a:cubicBezTo>
                  <a:pt x="6495" y="10485"/>
                  <a:pt x="6496" y="10485"/>
                  <a:pt x="6497" y="10485"/>
                </a:cubicBezTo>
                <a:cubicBezTo>
                  <a:pt x="6550" y="10485"/>
                  <a:pt x="6615" y="10380"/>
                  <a:pt x="6674" y="10323"/>
                </a:cubicBezTo>
                <a:cubicBezTo>
                  <a:pt x="6605" y="10251"/>
                  <a:pt x="6542" y="10163"/>
                  <a:pt x="6456" y="10119"/>
                </a:cubicBezTo>
                <a:cubicBezTo>
                  <a:pt x="6454" y="10118"/>
                  <a:pt x="6451" y="10117"/>
                  <a:pt x="6448" y="10117"/>
                </a:cubicBezTo>
                <a:close/>
                <a:moveTo>
                  <a:pt x="8584" y="10569"/>
                </a:moveTo>
                <a:cubicBezTo>
                  <a:pt x="8580" y="10569"/>
                  <a:pt x="8576" y="10570"/>
                  <a:pt x="8571" y="10571"/>
                </a:cubicBezTo>
                <a:cubicBezTo>
                  <a:pt x="8509" y="10585"/>
                  <a:pt x="8418" y="10677"/>
                  <a:pt x="8425" y="10726"/>
                </a:cubicBezTo>
                <a:cubicBezTo>
                  <a:pt x="8432" y="10784"/>
                  <a:pt x="8525" y="10872"/>
                  <a:pt x="8585" y="10877"/>
                </a:cubicBezTo>
                <a:cubicBezTo>
                  <a:pt x="8586" y="10877"/>
                  <a:pt x="8587" y="10877"/>
                  <a:pt x="8587" y="10877"/>
                </a:cubicBezTo>
                <a:cubicBezTo>
                  <a:pt x="8642" y="10877"/>
                  <a:pt x="8702" y="10787"/>
                  <a:pt x="8812" y="10696"/>
                </a:cubicBezTo>
                <a:cubicBezTo>
                  <a:pt x="8702" y="10636"/>
                  <a:pt x="8634" y="10569"/>
                  <a:pt x="8584" y="10569"/>
                </a:cubicBezTo>
                <a:close/>
                <a:moveTo>
                  <a:pt x="9968" y="10006"/>
                </a:moveTo>
                <a:cubicBezTo>
                  <a:pt x="9914" y="10006"/>
                  <a:pt x="9865" y="10035"/>
                  <a:pt x="9811" y="10080"/>
                </a:cubicBezTo>
                <a:cubicBezTo>
                  <a:pt x="9635" y="10226"/>
                  <a:pt x="9706" y="10406"/>
                  <a:pt x="9732" y="10582"/>
                </a:cubicBezTo>
                <a:cubicBezTo>
                  <a:pt x="9773" y="10835"/>
                  <a:pt x="9834" y="10893"/>
                  <a:pt x="10070" y="10893"/>
                </a:cubicBezTo>
                <a:cubicBezTo>
                  <a:pt x="10074" y="10893"/>
                  <a:pt x="10079" y="10893"/>
                  <a:pt x="10084" y="10893"/>
                </a:cubicBezTo>
                <a:cubicBezTo>
                  <a:pt x="10334" y="10890"/>
                  <a:pt x="10473" y="10710"/>
                  <a:pt x="10427" y="10462"/>
                </a:cubicBezTo>
                <a:cubicBezTo>
                  <a:pt x="10390" y="10263"/>
                  <a:pt x="10244" y="10168"/>
                  <a:pt x="10098" y="10057"/>
                </a:cubicBezTo>
                <a:cubicBezTo>
                  <a:pt x="10050" y="10021"/>
                  <a:pt x="10008" y="10006"/>
                  <a:pt x="9968" y="10006"/>
                </a:cubicBezTo>
                <a:close/>
                <a:moveTo>
                  <a:pt x="9536" y="11164"/>
                </a:moveTo>
                <a:cubicBezTo>
                  <a:pt x="9384" y="11164"/>
                  <a:pt x="9222" y="11313"/>
                  <a:pt x="9215" y="11458"/>
                </a:cubicBezTo>
                <a:cubicBezTo>
                  <a:pt x="9204" y="11662"/>
                  <a:pt x="9391" y="11812"/>
                  <a:pt x="9702" y="11829"/>
                </a:cubicBezTo>
                <a:cubicBezTo>
                  <a:pt x="9715" y="11831"/>
                  <a:pt x="9727" y="11831"/>
                  <a:pt x="9739" y="11831"/>
                </a:cubicBezTo>
                <a:cubicBezTo>
                  <a:pt x="9846" y="11831"/>
                  <a:pt x="9920" y="11757"/>
                  <a:pt x="9929" y="11613"/>
                </a:cubicBezTo>
                <a:cubicBezTo>
                  <a:pt x="9938" y="11467"/>
                  <a:pt x="9674" y="11166"/>
                  <a:pt x="9540" y="11164"/>
                </a:cubicBezTo>
                <a:cubicBezTo>
                  <a:pt x="9538" y="11164"/>
                  <a:pt x="9537" y="11164"/>
                  <a:pt x="9536" y="11164"/>
                </a:cubicBezTo>
                <a:close/>
                <a:moveTo>
                  <a:pt x="12308" y="11587"/>
                </a:moveTo>
                <a:cubicBezTo>
                  <a:pt x="12307" y="11587"/>
                  <a:pt x="12306" y="11587"/>
                  <a:pt x="12305" y="11588"/>
                </a:cubicBezTo>
                <a:cubicBezTo>
                  <a:pt x="12241" y="11613"/>
                  <a:pt x="12185" y="11660"/>
                  <a:pt x="12146" y="11717"/>
                </a:cubicBezTo>
                <a:cubicBezTo>
                  <a:pt x="12136" y="11734"/>
                  <a:pt x="12210" y="11803"/>
                  <a:pt x="12268" y="11882"/>
                </a:cubicBezTo>
                <a:cubicBezTo>
                  <a:pt x="12333" y="11808"/>
                  <a:pt x="12396" y="11764"/>
                  <a:pt x="12407" y="11708"/>
                </a:cubicBezTo>
                <a:lnTo>
                  <a:pt x="12407" y="11706"/>
                </a:lnTo>
                <a:cubicBezTo>
                  <a:pt x="12414" y="11675"/>
                  <a:pt x="12330" y="11587"/>
                  <a:pt x="12308" y="11587"/>
                </a:cubicBezTo>
                <a:close/>
                <a:moveTo>
                  <a:pt x="10149" y="11887"/>
                </a:moveTo>
                <a:cubicBezTo>
                  <a:pt x="10135" y="11921"/>
                  <a:pt x="10121" y="11956"/>
                  <a:pt x="10109" y="11988"/>
                </a:cubicBezTo>
                <a:lnTo>
                  <a:pt x="10295" y="12104"/>
                </a:lnTo>
                <a:lnTo>
                  <a:pt x="10348" y="11942"/>
                </a:lnTo>
                <a:lnTo>
                  <a:pt x="10149" y="11887"/>
                </a:lnTo>
                <a:close/>
                <a:moveTo>
                  <a:pt x="2407" y="12322"/>
                </a:moveTo>
                <a:cubicBezTo>
                  <a:pt x="2365" y="12322"/>
                  <a:pt x="2296" y="12383"/>
                  <a:pt x="2284" y="12429"/>
                </a:cubicBezTo>
                <a:cubicBezTo>
                  <a:pt x="2275" y="12466"/>
                  <a:pt x="2338" y="12521"/>
                  <a:pt x="2386" y="12595"/>
                </a:cubicBezTo>
                <a:cubicBezTo>
                  <a:pt x="2454" y="12524"/>
                  <a:pt x="2525" y="12482"/>
                  <a:pt x="2523" y="12440"/>
                </a:cubicBezTo>
                <a:lnTo>
                  <a:pt x="2523" y="12438"/>
                </a:lnTo>
                <a:cubicBezTo>
                  <a:pt x="2521" y="12394"/>
                  <a:pt x="2451" y="12322"/>
                  <a:pt x="2410" y="12322"/>
                </a:cubicBezTo>
                <a:cubicBezTo>
                  <a:pt x="2409" y="12322"/>
                  <a:pt x="2408" y="12322"/>
                  <a:pt x="2407" y="12322"/>
                </a:cubicBezTo>
                <a:close/>
                <a:moveTo>
                  <a:pt x="10668" y="12586"/>
                </a:moveTo>
                <a:cubicBezTo>
                  <a:pt x="10665" y="12586"/>
                  <a:pt x="10662" y="12586"/>
                  <a:pt x="10658" y="12586"/>
                </a:cubicBezTo>
                <a:cubicBezTo>
                  <a:pt x="10499" y="12591"/>
                  <a:pt x="10376" y="12646"/>
                  <a:pt x="10371" y="12778"/>
                </a:cubicBezTo>
                <a:cubicBezTo>
                  <a:pt x="10374" y="12998"/>
                  <a:pt x="10496" y="13128"/>
                  <a:pt x="10654" y="13133"/>
                </a:cubicBezTo>
                <a:cubicBezTo>
                  <a:pt x="10657" y="13133"/>
                  <a:pt x="10660" y="13133"/>
                  <a:pt x="10663" y="13133"/>
                </a:cubicBezTo>
                <a:cubicBezTo>
                  <a:pt x="10819" y="13133"/>
                  <a:pt x="10948" y="13024"/>
                  <a:pt x="10943" y="12894"/>
                </a:cubicBezTo>
                <a:cubicBezTo>
                  <a:pt x="10937" y="12706"/>
                  <a:pt x="10834" y="12586"/>
                  <a:pt x="10668" y="12586"/>
                </a:cubicBezTo>
                <a:close/>
                <a:moveTo>
                  <a:pt x="1916" y="12776"/>
                </a:moveTo>
                <a:cubicBezTo>
                  <a:pt x="1870" y="12776"/>
                  <a:pt x="1825" y="12783"/>
                  <a:pt x="1782" y="12795"/>
                </a:cubicBezTo>
                <a:cubicBezTo>
                  <a:pt x="1710" y="12813"/>
                  <a:pt x="1652" y="12885"/>
                  <a:pt x="1590" y="12934"/>
                </a:cubicBezTo>
                <a:cubicBezTo>
                  <a:pt x="1407" y="13073"/>
                  <a:pt x="1386" y="13237"/>
                  <a:pt x="1532" y="13413"/>
                </a:cubicBezTo>
                <a:cubicBezTo>
                  <a:pt x="1594" y="13490"/>
                  <a:pt x="1683" y="13532"/>
                  <a:pt x="1773" y="13532"/>
                </a:cubicBezTo>
                <a:cubicBezTo>
                  <a:pt x="1856" y="13532"/>
                  <a:pt x="1940" y="13497"/>
                  <a:pt x="2004" y="13420"/>
                </a:cubicBezTo>
                <a:cubicBezTo>
                  <a:pt x="2097" y="13311"/>
                  <a:pt x="2139" y="13161"/>
                  <a:pt x="2210" y="13012"/>
                </a:cubicBezTo>
                <a:cubicBezTo>
                  <a:pt x="2155" y="12924"/>
                  <a:pt x="2127" y="12825"/>
                  <a:pt x="2067" y="12802"/>
                </a:cubicBezTo>
                <a:cubicBezTo>
                  <a:pt x="2018" y="12784"/>
                  <a:pt x="1967" y="12776"/>
                  <a:pt x="1916" y="12776"/>
                </a:cubicBezTo>
                <a:close/>
                <a:moveTo>
                  <a:pt x="12317" y="13472"/>
                </a:moveTo>
                <a:cubicBezTo>
                  <a:pt x="12310" y="13472"/>
                  <a:pt x="12302" y="13473"/>
                  <a:pt x="12294" y="13473"/>
                </a:cubicBezTo>
                <a:cubicBezTo>
                  <a:pt x="12171" y="13483"/>
                  <a:pt x="12078" y="13529"/>
                  <a:pt x="12095" y="13668"/>
                </a:cubicBezTo>
                <a:cubicBezTo>
                  <a:pt x="12108" y="13790"/>
                  <a:pt x="12113" y="13932"/>
                  <a:pt x="12359" y="13932"/>
                </a:cubicBezTo>
                <a:cubicBezTo>
                  <a:pt x="12365" y="13932"/>
                  <a:pt x="12371" y="13932"/>
                  <a:pt x="12377" y="13932"/>
                </a:cubicBezTo>
                <a:cubicBezTo>
                  <a:pt x="12414" y="13876"/>
                  <a:pt x="12514" y="13791"/>
                  <a:pt x="12523" y="13693"/>
                </a:cubicBezTo>
                <a:cubicBezTo>
                  <a:pt x="12534" y="13577"/>
                  <a:pt x="12464" y="13472"/>
                  <a:pt x="12317" y="13472"/>
                </a:cubicBezTo>
                <a:close/>
                <a:moveTo>
                  <a:pt x="14325" y="13432"/>
                </a:moveTo>
                <a:cubicBezTo>
                  <a:pt x="14154" y="13432"/>
                  <a:pt x="13936" y="13605"/>
                  <a:pt x="13934" y="13744"/>
                </a:cubicBezTo>
                <a:cubicBezTo>
                  <a:pt x="13929" y="13957"/>
                  <a:pt x="14059" y="14078"/>
                  <a:pt x="14298" y="14080"/>
                </a:cubicBezTo>
                <a:cubicBezTo>
                  <a:pt x="14301" y="14080"/>
                  <a:pt x="14304" y="14080"/>
                  <a:pt x="14307" y="14080"/>
                </a:cubicBezTo>
                <a:cubicBezTo>
                  <a:pt x="14497" y="14080"/>
                  <a:pt x="14645" y="13945"/>
                  <a:pt x="14647" y="13772"/>
                </a:cubicBezTo>
                <a:lnTo>
                  <a:pt x="14645" y="13772"/>
                </a:lnTo>
                <a:cubicBezTo>
                  <a:pt x="14645" y="13578"/>
                  <a:pt x="14511" y="13432"/>
                  <a:pt x="14325" y="13432"/>
                </a:cubicBezTo>
                <a:close/>
                <a:moveTo>
                  <a:pt x="8489" y="14230"/>
                </a:moveTo>
                <a:cubicBezTo>
                  <a:pt x="8434" y="14230"/>
                  <a:pt x="8310" y="14340"/>
                  <a:pt x="8310" y="14395"/>
                </a:cubicBezTo>
                <a:cubicBezTo>
                  <a:pt x="8310" y="14474"/>
                  <a:pt x="8407" y="14550"/>
                  <a:pt x="8500" y="14680"/>
                </a:cubicBezTo>
                <a:cubicBezTo>
                  <a:pt x="8594" y="14560"/>
                  <a:pt x="8696" y="14479"/>
                  <a:pt x="8683" y="14432"/>
                </a:cubicBezTo>
                <a:cubicBezTo>
                  <a:pt x="8657" y="14351"/>
                  <a:pt x="8574" y="14252"/>
                  <a:pt x="8497" y="14231"/>
                </a:cubicBezTo>
                <a:cubicBezTo>
                  <a:pt x="8495" y="14230"/>
                  <a:pt x="8492" y="14230"/>
                  <a:pt x="8489" y="14230"/>
                </a:cubicBezTo>
                <a:close/>
                <a:moveTo>
                  <a:pt x="4902" y="14342"/>
                </a:moveTo>
                <a:cubicBezTo>
                  <a:pt x="4899" y="14342"/>
                  <a:pt x="4895" y="14342"/>
                  <a:pt x="4890" y="14342"/>
                </a:cubicBezTo>
                <a:cubicBezTo>
                  <a:pt x="4754" y="14347"/>
                  <a:pt x="4670" y="14409"/>
                  <a:pt x="4670" y="14625"/>
                </a:cubicBezTo>
                <a:cubicBezTo>
                  <a:pt x="4714" y="14657"/>
                  <a:pt x="4784" y="14752"/>
                  <a:pt x="4865" y="14764"/>
                </a:cubicBezTo>
                <a:cubicBezTo>
                  <a:pt x="4879" y="14766"/>
                  <a:pt x="4892" y="14767"/>
                  <a:pt x="4905" y="14767"/>
                </a:cubicBezTo>
                <a:cubicBezTo>
                  <a:pt x="5024" y="14767"/>
                  <a:pt x="5092" y="14671"/>
                  <a:pt x="5092" y="14539"/>
                </a:cubicBezTo>
                <a:cubicBezTo>
                  <a:pt x="5092" y="14415"/>
                  <a:pt x="5031" y="14342"/>
                  <a:pt x="4902" y="14342"/>
                </a:cubicBezTo>
                <a:close/>
                <a:moveTo>
                  <a:pt x="274" y="16184"/>
                </a:moveTo>
                <a:cubicBezTo>
                  <a:pt x="220" y="16184"/>
                  <a:pt x="170" y="16229"/>
                  <a:pt x="121" y="16265"/>
                </a:cubicBezTo>
                <a:cubicBezTo>
                  <a:pt x="77" y="16304"/>
                  <a:pt x="38" y="16343"/>
                  <a:pt x="0" y="16387"/>
                </a:cubicBezTo>
                <a:lnTo>
                  <a:pt x="0" y="16475"/>
                </a:lnTo>
                <a:cubicBezTo>
                  <a:pt x="35" y="16508"/>
                  <a:pt x="70" y="16566"/>
                  <a:pt x="105" y="16566"/>
                </a:cubicBezTo>
                <a:cubicBezTo>
                  <a:pt x="136" y="16567"/>
                  <a:pt x="170" y="16568"/>
                  <a:pt x="204" y="16568"/>
                </a:cubicBezTo>
                <a:cubicBezTo>
                  <a:pt x="277" y="16568"/>
                  <a:pt x="350" y="16561"/>
                  <a:pt x="399" y="16526"/>
                </a:cubicBezTo>
                <a:cubicBezTo>
                  <a:pt x="505" y="16452"/>
                  <a:pt x="459" y="16339"/>
                  <a:pt x="380" y="16246"/>
                </a:cubicBezTo>
                <a:cubicBezTo>
                  <a:pt x="343" y="16200"/>
                  <a:pt x="308" y="16184"/>
                  <a:pt x="274" y="16184"/>
                </a:cubicBezTo>
                <a:close/>
                <a:moveTo>
                  <a:pt x="12273" y="17365"/>
                </a:moveTo>
                <a:cubicBezTo>
                  <a:pt x="12272" y="17365"/>
                  <a:pt x="12272" y="17365"/>
                  <a:pt x="12271" y="17365"/>
                </a:cubicBezTo>
                <a:cubicBezTo>
                  <a:pt x="12206" y="17383"/>
                  <a:pt x="12153" y="17448"/>
                  <a:pt x="12095" y="17495"/>
                </a:cubicBezTo>
                <a:lnTo>
                  <a:pt x="12259" y="17701"/>
                </a:lnTo>
                <a:cubicBezTo>
                  <a:pt x="12319" y="17613"/>
                  <a:pt x="12389" y="17560"/>
                  <a:pt x="12382" y="17511"/>
                </a:cubicBezTo>
                <a:cubicBezTo>
                  <a:pt x="12377" y="17457"/>
                  <a:pt x="12302" y="17365"/>
                  <a:pt x="12273" y="17365"/>
                </a:cubicBezTo>
                <a:close/>
                <a:moveTo>
                  <a:pt x="14793" y="17460"/>
                </a:moveTo>
                <a:cubicBezTo>
                  <a:pt x="14789" y="17460"/>
                  <a:pt x="14785" y="17460"/>
                  <a:pt x="14782" y="17460"/>
                </a:cubicBezTo>
                <a:cubicBezTo>
                  <a:pt x="14460" y="17469"/>
                  <a:pt x="14242" y="17657"/>
                  <a:pt x="14251" y="17930"/>
                </a:cubicBezTo>
                <a:cubicBezTo>
                  <a:pt x="14260" y="18173"/>
                  <a:pt x="14531" y="18515"/>
                  <a:pt x="14753" y="18515"/>
                </a:cubicBezTo>
                <a:cubicBezTo>
                  <a:pt x="14766" y="18515"/>
                  <a:pt x="14778" y="18514"/>
                  <a:pt x="14791" y="18512"/>
                </a:cubicBezTo>
                <a:cubicBezTo>
                  <a:pt x="15053" y="18509"/>
                  <a:pt x="15333" y="18285"/>
                  <a:pt x="15335" y="18078"/>
                </a:cubicBezTo>
                <a:cubicBezTo>
                  <a:pt x="15340" y="17781"/>
                  <a:pt x="15054" y="17460"/>
                  <a:pt x="14793" y="17460"/>
                </a:cubicBezTo>
                <a:close/>
                <a:moveTo>
                  <a:pt x="13623" y="18340"/>
                </a:moveTo>
                <a:cubicBezTo>
                  <a:pt x="13622" y="18340"/>
                  <a:pt x="13620" y="18340"/>
                  <a:pt x="13619" y="18340"/>
                </a:cubicBezTo>
                <a:cubicBezTo>
                  <a:pt x="13538" y="18352"/>
                  <a:pt x="13434" y="18447"/>
                  <a:pt x="13408" y="18525"/>
                </a:cubicBezTo>
                <a:cubicBezTo>
                  <a:pt x="13390" y="18588"/>
                  <a:pt x="13480" y="18683"/>
                  <a:pt x="13524" y="18762"/>
                </a:cubicBezTo>
                <a:lnTo>
                  <a:pt x="13630" y="18771"/>
                </a:lnTo>
                <a:cubicBezTo>
                  <a:pt x="13691" y="18690"/>
                  <a:pt x="13793" y="18611"/>
                  <a:pt x="13797" y="18528"/>
                </a:cubicBezTo>
                <a:cubicBezTo>
                  <a:pt x="13802" y="18467"/>
                  <a:pt x="13681" y="18340"/>
                  <a:pt x="13623" y="18340"/>
                </a:cubicBezTo>
                <a:close/>
                <a:moveTo>
                  <a:pt x="10486" y="19293"/>
                </a:moveTo>
                <a:cubicBezTo>
                  <a:pt x="10473" y="19293"/>
                  <a:pt x="10459" y="19295"/>
                  <a:pt x="10445" y="19297"/>
                </a:cubicBezTo>
                <a:cubicBezTo>
                  <a:pt x="10346" y="19313"/>
                  <a:pt x="10260" y="19431"/>
                  <a:pt x="10123" y="19538"/>
                </a:cubicBezTo>
                <a:cubicBezTo>
                  <a:pt x="10248" y="19663"/>
                  <a:pt x="10313" y="19786"/>
                  <a:pt x="10404" y="19809"/>
                </a:cubicBezTo>
                <a:cubicBezTo>
                  <a:pt x="10420" y="19813"/>
                  <a:pt x="10437" y="19815"/>
                  <a:pt x="10454" y="19815"/>
                </a:cubicBezTo>
                <a:cubicBezTo>
                  <a:pt x="10591" y="19815"/>
                  <a:pt x="10715" y="19680"/>
                  <a:pt x="10705" y="19552"/>
                </a:cubicBezTo>
                <a:cubicBezTo>
                  <a:pt x="10696" y="19406"/>
                  <a:pt x="10617" y="19293"/>
                  <a:pt x="10486" y="19293"/>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1" name="Google Shape;101;p6"/>
          <p:cNvSpPr/>
          <p:nvPr/>
        </p:nvSpPr>
        <p:spPr>
          <a:xfrm rot="10800000" flipH="1">
            <a:off x="8576476" y="-195511"/>
            <a:ext cx="725425" cy="2141360"/>
          </a:xfrm>
          <a:custGeom>
            <a:avLst/>
            <a:gdLst/>
            <a:ahLst/>
            <a:cxnLst/>
            <a:rect l="l" t="t" r="r" b="b"/>
            <a:pathLst>
              <a:path w="5396" h="15928" extrusionOk="0">
                <a:moveTo>
                  <a:pt x="4106" y="1"/>
                </a:moveTo>
                <a:cubicBezTo>
                  <a:pt x="3916" y="1"/>
                  <a:pt x="3718" y="150"/>
                  <a:pt x="3756" y="333"/>
                </a:cubicBezTo>
                <a:lnTo>
                  <a:pt x="4360" y="98"/>
                </a:lnTo>
                <a:lnTo>
                  <a:pt x="4360" y="98"/>
                </a:lnTo>
                <a:cubicBezTo>
                  <a:pt x="4361" y="99"/>
                  <a:pt x="4362" y="100"/>
                  <a:pt x="4364" y="101"/>
                </a:cubicBezTo>
                <a:lnTo>
                  <a:pt x="4364" y="101"/>
                </a:lnTo>
                <a:cubicBezTo>
                  <a:pt x="4413" y="80"/>
                  <a:pt x="4462" y="59"/>
                  <a:pt x="4511" y="39"/>
                </a:cubicBezTo>
                <a:lnTo>
                  <a:pt x="4511" y="39"/>
                </a:lnTo>
                <a:lnTo>
                  <a:pt x="4360" y="98"/>
                </a:lnTo>
                <a:lnTo>
                  <a:pt x="4360" y="98"/>
                </a:lnTo>
                <a:cubicBezTo>
                  <a:pt x="4313" y="62"/>
                  <a:pt x="4262" y="34"/>
                  <a:pt x="4205" y="16"/>
                </a:cubicBezTo>
                <a:cubicBezTo>
                  <a:pt x="4173" y="6"/>
                  <a:pt x="4140" y="1"/>
                  <a:pt x="4106" y="1"/>
                </a:cubicBezTo>
                <a:close/>
                <a:moveTo>
                  <a:pt x="4364" y="101"/>
                </a:moveTo>
                <a:lnTo>
                  <a:pt x="4364" y="101"/>
                </a:lnTo>
                <a:cubicBezTo>
                  <a:pt x="3355" y="531"/>
                  <a:pt x="2269" y="1119"/>
                  <a:pt x="2049" y="2177"/>
                </a:cubicBezTo>
                <a:cubicBezTo>
                  <a:pt x="1942" y="2687"/>
                  <a:pt x="2065" y="3224"/>
                  <a:pt x="1963" y="3734"/>
                </a:cubicBezTo>
                <a:cubicBezTo>
                  <a:pt x="1810" y="4484"/>
                  <a:pt x="1210" y="5047"/>
                  <a:pt x="705" y="5624"/>
                </a:cubicBezTo>
                <a:cubicBezTo>
                  <a:pt x="344" y="6034"/>
                  <a:pt x="1" y="6560"/>
                  <a:pt x="133" y="7090"/>
                </a:cubicBezTo>
                <a:cubicBezTo>
                  <a:pt x="276" y="7665"/>
                  <a:pt x="902" y="7966"/>
                  <a:pt x="1222" y="8464"/>
                </a:cubicBezTo>
                <a:cubicBezTo>
                  <a:pt x="1625" y="9094"/>
                  <a:pt x="1474" y="9916"/>
                  <a:pt x="1275" y="10637"/>
                </a:cubicBezTo>
                <a:cubicBezTo>
                  <a:pt x="1076" y="11355"/>
                  <a:pt x="842" y="12133"/>
                  <a:pt x="1108" y="12830"/>
                </a:cubicBezTo>
                <a:cubicBezTo>
                  <a:pt x="1437" y="13687"/>
                  <a:pt x="2410" y="14128"/>
                  <a:pt x="2857" y="14927"/>
                </a:cubicBezTo>
                <a:cubicBezTo>
                  <a:pt x="3063" y="15295"/>
                  <a:pt x="3202" y="15782"/>
                  <a:pt x="3608" y="15902"/>
                </a:cubicBezTo>
                <a:cubicBezTo>
                  <a:pt x="3665" y="15919"/>
                  <a:pt x="3723" y="15928"/>
                  <a:pt x="3779" y="15928"/>
                </a:cubicBezTo>
                <a:cubicBezTo>
                  <a:pt x="4191" y="15928"/>
                  <a:pt x="4542" y="15486"/>
                  <a:pt x="4701" y="15070"/>
                </a:cubicBezTo>
                <a:cubicBezTo>
                  <a:pt x="4956" y="14410"/>
                  <a:pt x="5032" y="13697"/>
                  <a:pt x="5092" y="12992"/>
                </a:cubicBezTo>
                <a:cubicBezTo>
                  <a:pt x="5396" y="9504"/>
                  <a:pt x="5387" y="5995"/>
                  <a:pt x="5071" y="2508"/>
                </a:cubicBezTo>
                <a:cubicBezTo>
                  <a:pt x="5009" y="1818"/>
                  <a:pt x="4930" y="1118"/>
                  <a:pt x="4641" y="491"/>
                </a:cubicBezTo>
                <a:cubicBezTo>
                  <a:pt x="4574" y="345"/>
                  <a:pt x="4486" y="197"/>
                  <a:pt x="4364" y="10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 name="Google Shape;102;p6"/>
          <p:cNvSpPr/>
          <p:nvPr/>
        </p:nvSpPr>
        <p:spPr>
          <a:xfrm rot="-2498769">
            <a:off x="-708667" y="-232350"/>
            <a:ext cx="2847534" cy="1151156"/>
          </a:xfrm>
          <a:custGeom>
            <a:avLst/>
            <a:gdLst/>
            <a:ahLst/>
            <a:cxnLst/>
            <a:rect l="l" t="t" r="r" b="b"/>
            <a:pathLst>
              <a:path w="31433" h="12707" fill="none" extrusionOk="0">
                <a:moveTo>
                  <a:pt x="31433" y="11416"/>
                </a:moveTo>
                <a:cubicBezTo>
                  <a:pt x="28345" y="12706"/>
                  <a:pt x="24513" y="12049"/>
                  <a:pt x="22063" y="9758"/>
                </a:cubicBezTo>
                <a:cubicBezTo>
                  <a:pt x="21465" y="9197"/>
                  <a:pt x="20934" y="8544"/>
                  <a:pt x="20230" y="8124"/>
                </a:cubicBezTo>
                <a:cubicBezTo>
                  <a:pt x="18926" y="7353"/>
                  <a:pt x="17265" y="7522"/>
                  <a:pt x="15824" y="7986"/>
                </a:cubicBezTo>
                <a:cubicBezTo>
                  <a:pt x="14381" y="8449"/>
                  <a:pt x="13021" y="9176"/>
                  <a:pt x="11537" y="9480"/>
                </a:cubicBezTo>
                <a:cubicBezTo>
                  <a:pt x="8766" y="10043"/>
                  <a:pt x="5803" y="8998"/>
                  <a:pt x="3730" y="7075"/>
                </a:cubicBezTo>
                <a:cubicBezTo>
                  <a:pt x="1743" y="5234"/>
                  <a:pt x="524" y="2665"/>
                  <a:pt x="1" y="1"/>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3" name="Google Shape;103;p6"/>
          <p:cNvSpPr/>
          <p:nvPr/>
        </p:nvSpPr>
        <p:spPr>
          <a:xfrm flipH="1">
            <a:off x="-726125" y="4564911"/>
            <a:ext cx="10532289" cy="1659580"/>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4" name="Google Shape;104;p6"/>
          <p:cNvSpPr txBox="1">
            <a:spLocks noGrp="1"/>
          </p:cNvSpPr>
          <p:nvPr>
            <p:ph type="title"/>
          </p:nvPr>
        </p:nvSpPr>
        <p:spPr>
          <a:xfrm>
            <a:off x="720000" y="535000"/>
            <a:ext cx="7704000" cy="4827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0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grpSp>
        <p:nvGrpSpPr>
          <p:cNvPr id="105" name="Google Shape;105;p6"/>
          <p:cNvGrpSpPr/>
          <p:nvPr/>
        </p:nvGrpSpPr>
        <p:grpSpPr>
          <a:xfrm>
            <a:off x="8512379" y="3650730"/>
            <a:ext cx="631620" cy="1553456"/>
            <a:chOff x="889085" y="3601710"/>
            <a:chExt cx="597164" cy="1468850"/>
          </a:xfrm>
        </p:grpSpPr>
        <p:sp>
          <p:nvSpPr>
            <p:cNvPr id="106" name="Google Shape;106;p6"/>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 name="Google Shape;107;p6"/>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08" name="Google Shape;108;p6"/>
          <p:cNvSpPr/>
          <p:nvPr/>
        </p:nvSpPr>
        <p:spPr>
          <a:xfrm rot="-1887889">
            <a:off x="7404115" y="-925149"/>
            <a:ext cx="1827819" cy="3132794"/>
          </a:xfrm>
          <a:custGeom>
            <a:avLst/>
            <a:gdLst/>
            <a:ahLst/>
            <a:cxnLst/>
            <a:rect l="l" t="t" r="r" b="b"/>
            <a:pathLst>
              <a:path w="26957" h="46203" fill="none" extrusionOk="0">
                <a:moveTo>
                  <a:pt x="3072" y="1"/>
                </a:moveTo>
                <a:cubicBezTo>
                  <a:pt x="695" y="2859"/>
                  <a:pt x="0" y="7022"/>
                  <a:pt x="1318" y="10497"/>
                </a:cubicBezTo>
                <a:cubicBezTo>
                  <a:pt x="2639" y="13971"/>
                  <a:pt x="5919" y="16624"/>
                  <a:pt x="9595" y="17184"/>
                </a:cubicBezTo>
                <a:cubicBezTo>
                  <a:pt x="11242" y="17437"/>
                  <a:pt x="12921" y="17295"/>
                  <a:pt x="14589" y="17265"/>
                </a:cubicBezTo>
                <a:cubicBezTo>
                  <a:pt x="16257" y="17235"/>
                  <a:pt x="17974" y="17330"/>
                  <a:pt x="19493" y="18016"/>
                </a:cubicBezTo>
                <a:cubicBezTo>
                  <a:pt x="21015" y="18699"/>
                  <a:pt x="22312" y="20087"/>
                  <a:pt x="22472" y="21748"/>
                </a:cubicBezTo>
                <a:cubicBezTo>
                  <a:pt x="22634" y="23406"/>
                  <a:pt x="21344" y="25192"/>
                  <a:pt x="19676" y="25201"/>
                </a:cubicBezTo>
                <a:cubicBezTo>
                  <a:pt x="18346" y="25211"/>
                  <a:pt x="17130" y="24015"/>
                  <a:pt x="17114" y="22688"/>
                </a:cubicBezTo>
                <a:cubicBezTo>
                  <a:pt x="17098" y="21361"/>
                  <a:pt x="18286" y="20135"/>
                  <a:pt x="19616" y="20114"/>
                </a:cubicBezTo>
                <a:cubicBezTo>
                  <a:pt x="20943" y="20091"/>
                  <a:pt x="22173" y="21273"/>
                  <a:pt x="22203" y="22600"/>
                </a:cubicBezTo>
                <a:cubicBezTo>
                  <a:pt x="22233" y="24008"/>
                  <a:pt x="21126" y="25174"/>
                  <a:pt x="19977" y="25989"/>
                </a:cubicBezTo>
                <a:cubicBezTo>
                  <a:pt x="18828" y="26804"/>
                  <a:pt x="17520" y="27495"/>
                  <a:pt x="16769" y="28683"/>
                </a:cubicBezTo>
                <a:cubicBezTo>
                  <a:pt x="15395" y="30863"/>
                  <a:pt x="16901" y="34226"/>
                  <a:pt x="19442" y="34655"/>
                </a:cubicBezTo>
                <a:cubicBezTo>
                  <a:pt x="21552" y="35009"/>
                  <a:pt x="24089" y="33728"/>
                  <a:pt x="25671" y="35169"/>
                </a:cubicBezTo>
                <a:cubicBezTo>
                  <a:pt x="26957" y="36341"/>
                  <a:pt x="26486" y="38584"/>
                  <a:pt x="25266" y="39820"/>
                </a:cubicBezTo>
                <a:cubicBezTo>
                  <a:pt x="24043" y="41057"/>
                  <a:pt x="22319" y="41625"/>
                  <a:pt x="20772" y="42422"/>
                </a:cubicBezTo>
                <a:cubicBezTo>
                  <a:pt x="19224" y="43219"/>
                  <a:pt x="17689" y="44474"/>
                  <a:pt x="17487" y="46202"/>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One column text">
  <p:cSld name="ONE_COLUMN_TEXT">
    <p:spTree>
      <p:nvGrpSpPr>
        <p:cNvPr id="1" name="Shape 109"/>
        <p:cNvGrpSpPr/>
        <p:nvPr/>
      </p:nvGrpSpPr>
      <p:grpSpPr>
        <a:xfrm>
          <a:off x="0" y="0"/>
          <a:ext cx="0" cy="0"/>
          <a:chOff x="0" y="0"/>
          <a:chExt cx="0" cy="0"/>
        </a:xfrm>
      </p:grpSpPr>
      <p:sp>
        <p:nvSpPr>
          <p:cNvPr id="110" name="Google Shape;110;p7"/>
          <p:cNvSpPr/>
          <p:nvPr/>
        </p:nvSpPr>
        <p:spPr>
          <a:xfrm>
            <a:off x="-465550" y="417195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11" name="Google Shape;111;p7"/>
          <p:cNvGrpSpPr/>
          <p:nvPr/>
        </p:nvGrpSpPr>
        <p:grpSpPr>
          <a:xfrm>
            <a:off x="7556898" y="3437342"/>
            <a:ext cx="1628207" cy="1523816"/>
            <a:chOff x="7333669" y="3382992"/>
            <a:chExt cx="1628207" cy="1523816"/>
          </a:xfrm>
        </p:grpSpPr>
        <p:sp>
          <p:nvSpPr>
            <p:cNvPr id="112" name="Google Shape;112;p7"/>
            <p:cNvSpPr/>
            <p:nvPr/>
          </p:nvSpPr>
          <p:spPr>
            <a:xfrm>
              <a:off x="7386839" y="3429718"/>
              <a:ext cx="1575037" cy="1477090"/>
            </a:xfrm>
            <a:custGeom>
              <a:avLst/>
              <a:gdLst/>
              <a:ahLst/>
              <a:cxnLst/>
              <a:rect l="l" t="t" r="r" b="b"/>
              <a:pathLst>
                <a:path w="18573" h="17418" extrusionOk="0">
                  <a:moveTo>
                    <a:pt x="7935" y="1"/>
                  </a:moveTo>
                  <a:cubicBezTo>
                    <a:pt x="6571" y="1"/>
                    <a:pt x="7145" y="2623"/>
                    <a:pt x="7145" y="3563"/>
                  </a:cubicBezTo>
                  <a:cubicBezTo>
                    <a:pt x="7145" y="4423"/>
                    <a:pt x="7590" y="6558"/>
                    <a:pt x="6351" y="6558"/>
                  </a:cubicBezTo>
                  <a:cubicBezTo>
                    <a:pt x="5937" y="6558"/>
                    <a:pt x="4512" y="6456"/>
                    <a:pt x="3143" y="6456"/>
                  </a:cubicBezTo>
                  <a:cubicBezTo>
                    <a:pt x="1663" y="6456"/>
                    <a:pt x="249" y="6576"/>
                    <a:pt x="249" y="7075"/>
                  </a:cubicBezTo>
                  <a:cubicBezTo>
                    <a:pt x="249" y="7822"/>
                    <a:pt x="0" y="8863"/>
                    <a:pt x="1063" y="8863"/>
                  </a:cubicBezTo>
                  <a:cubicBezTo>
                    <a:pt x="1071" y="8863"/>
                    <a:pt x="1079" y="8863"/>
                    <a:pt x="1088" y="8863"/>
                  </a:cubicBezTo>
                  <a:cubicBezTo>
                    <a:pt x="1674" y="8854"/>
                    <a:pt x="2248" y="8833"/>
                    <a:pt x="2834" y="8833"/>
                  </a:cubicBezTo>
                  <a:cubicBezTo>
                    <a:pt x="3768" y="8835"/>
                    <a:pt x="3351" y="11578"/>
                    <a:pt x="3351" y="12199"/>
                  </a:cubicBezTo>
                  <a:lnTo>
                    <a:pt x="3348" y="16415"/>
                  </a:lnTo>
                  <a:cubicBezTo>
                    <a:pt x="3346" y="16533"/>
                    <a:pt x="3351" y="16651"/>
                    <a:pt x="3367" y="16767"/>
                  </a:cubicBezTo>
                  <a:cubicBezTo>
                    <a:pt x="3379" y="16869"/>
                    <a:pt x="3413" y="16969"/>
                    <a:pt x="3462" y="17059"/>
                  </a:cubicBezTo>
                  <a:cubicBezTo>
                    <a:pt x="3529" y="17170"/>
                    <a:pt x="3629" y="17233"/>
                    <a:pt x="3745" y="17279"/>
                  </a:cubicBezTo>
                  <a:cubicBezTo>
                    <a:pt x="4004" y="17383"/>
                    <a:pt x="4353" y="17418"/>
                    <a:pt x="4734" y="17418"/>
                  </a:cubicBezTo>
                  <a:cubicBezTo>
                    <a:pt x="5477" y="17418"/>
                    <a:pt x="6339" y="17286"/>
                    <a:pt x="6879" y="17286"/>
                  </a:cubicBezTo>
                  <a:lnTo>
                    <a:pt x="15663" y="17286"/>
                  </a:lnTo>
                  <a:cubicBezTo>
                    <a:pt x="16069" y="17286"/>
                    <a:pt x="16503" y="17345"/>
                    <a:pt x="16888" y="17345"/>
                  </a:cubicBezTo>
                  <a:cubicBezTo>
                    <a:pt x="17538" y="17345"/>
                    <a:pt x="18049" y="17176"/>
                    <a:pt x="18049" y="16269"/>
                  </a:cubicBezTo>
                  <a:cubicBezTo>
                    <a:pt x="18046" y="12806"/>
                    <a:pt x="18044" y="9345"/>
                    <a:pt x="18042" y="5882"/>
                  </a:cubicBezTo>
                  <a:cubicBezTo>
                    <a:pt x="18042" y="4680"/>
                    <a:pt x="18572" y="3021"/>
                    <a:pt x="17092" y="2785"/>
                  </a:cubicBezTo>
                  <a:cubicBezTo>
                    <a:pt x="16854" y="2747"/>
                    <a:pt x="16616" y="2733"/>
                    <a:pt x="16377" y="2733"/>
                  </a:cubicBezTo>
                  <a:cubicBezTo>
                    <a:pt x="15715" y="2733"/>
                    <a:pt x="15049" y="2841"/>
                    <a:pt x="14389" y="2841"/>
                  </a:cubicBezTo>
                  <a:cubicBezTo>
                    <a:pt x="14138" y="2841"/>
                    <a:pt x="13847" y="2817"/>
                    <a:pt x="13710" y="2607"/>
                  </a:cubicBezTo>
                  <a:cubicBezTo>
                    <a:pt x="13633" y="2486"/>
                    <a:pt x="13631" y="2336"/>
                    <a:pt x="13631" y="2194"/>
                  </a:cubicBezTo>
                  <a:cubicBezTo>
                    <a:pt x="13629" y="1696"/>
                    <a:pt x="13629" y="1200"/>
                    <a:pt x="13629" y="702"/>
                  </a:cubicBezTo>
                  <a:cubicBezTo>
                    <a:pt x="13629" y="510"/>
                    <a:pt x="13620" y="299"/>
                    <a:pt x="13487" y="160"/>
                  </a:cubicBezTo>
                  <a:cubicBezTo>
                    <a:pt x="13349" y="17"/>
                    <a:pt x="13124" y="5"/>
                    <a:pt x="12920" y="5"/>
                  </a:cubicBezTo>
                  <a:lnTo>
                    <a:pt x="7935"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3" name="Google Shape;113;p7"/>
            <p:cNvSpPr/>
            <p:nvPr/>
          </p:nvSpPr>
          <p:spPr>
            <a:xfrm>
              <a:off x="7333669" y="3382992"/>
              <a:ext cx="1575291" cy="1502276"/>
            </a:xfrm>
            <a:custGeom>
              <a:avLst/>
              <a:gdLst/>
              <a:ahLst/>
              <a:cxnLst/>
              <a:rect l="l" t="t" r="r" b="b"/>
              <a:pathLst>
                <a:path w="18576" h="17715" fill="none" extrusionOk="0">
                  <a:moveTo>
                    <a:pt x="3368" y="16767"/>
                  </a:moveTo>
                  <a:cubicBezTo>
                    <a:pt x="3355" y="16649"/>
                    <a:pt x="3348" y="16530"/>
                    <a:pt x="3350" y="16415"/>
                  </a:cubicBezTo>
                  <a:lnTo>
                    <a:pt x="3352" y="12199"/>
                  </a:lnTo>
                  <a:cubicBezTo>
                    <a:pt x="3352" y="11578"/>
                    <a:pt x="3769" y="8835"/>
                    <a:pt x="2838" y="8833"/>
                  </a:cubicBezTo>
                  <a:cubicBezTo>
                    <a:pt x="2252" y="8833"/>
                    <a:pt x="1675" y="8854"/>
                    <a:pt x="1091" y="8863"/>
                  </a:cubicBezTo>
                  <a:cubicBezTo>
                    <a:pt x="0" y="8879"/>
                    <a:pt x="251" y="7828"/>
                    <a:pt x="251" y="7072"/>
                  </a:cubicBezTo>
                  <a:cubicBezTo>
                    <a:pt x="251" y="6111"/>
                    <a:pt x="5495" y="6558"/>
                    <a:pt x="6352" y="6558"/>
                  </a:cubicBezTo>
                  <a:cubicBezTo>
                    <a:pt x="7591" y="6558"/>
                    <a:pt x="7149" y="4420"/>
                    <a:pt x="7149" y="3563"/>
                  </a:cubicBezTo>
                  <a:cubicBezTo>
                    <a:pt x="7149" y="2622"/>
                    <a:pt x="6572" y="0"/>
                    <a:pt x="7937" y="0"/>
                  </a:cubicBezTo>
                  <a:lnTo>
                    <a:pt x="12924" y="5"/>
                  </a:lnTo>
                  <a:cubicBezTo>
                    <a:pt x="13125" y="5"/>
                    <a:pt x="13350" y="14"/>
                    <a:pt x="13489" y="160"/>
                  </a:cubicBezTo>
                  <a:cubicBezTo>
                    <a:pt x="13623" y="299"/>
                    <a:pt x="13630" y="510"/>
                    <a:pt x="13630" y="702"/>
                  </a:cubicBezTo>
                  <a:cubicBezTo>
                    <a:pt x="13630" y="1200"/>
                    <a:pt x="13633" y="1696"/>
                    <a:pt x="13633" y="2194"/>
                  </a:cubicBezTo>
                  <a:cubicBezTo>
                    <a:pt x="13633" y="2335"/>
                    <a:pt x="13637" y="2486"/>
                    <a:pt x="13714" y="2606"/>
                  </a:cubicBezTo>
                  <a:cubicBezTo>
                    <a:pt x="13848" y="2817"/>
                    <a:pt x="14140" y="2840"/>
                    <a:pt x="14390" y="2840"/>
                  </a:cubicBezTo>
                  <a:cubicBezTo>
                    <a:pt x="15289" y="2840"/>
                    <a:pt x="16197" y="2639"/>
                    <a:pt x="17093" y="2782"/>
                  </a:cubicBezTo>
                  <a:cubicBezTo>
                    <a:pt x="18576" y="3021"/>
                    <a:pt x="18043" y="4679"/>
                    <a:pt x="18043" y="5882"/>
                  </a:cubicBezTo>
                  <a:lnTo>
                    <a:pt x="18052" y="16269"/>
                  </a:lnTo>
                  <a:cubicBezTo>
                    <a:pt x="18052" y="17714"/>
                    <a:pt x="16758" y="17286"/>
                    <a:pt x="15664" y="17286"/>
                  </a:cubicBezTo>
                  <a:lnTo>
                    <a:pt x="6880" y="17286"/>
                  </a:lnTo>
                  <a:cubicBezTo>
                    <a:pt x="6065" y="17286"/>
                    <a:pt x="4515" y="17587"/>
                    <a:pt x="3748" y="17279"/>
                  </a:cubicBezTo>
                  <a:cubicBezTo>
                    <a:pt x="3633" y="17232"/>
                    <a:pt x="3531" y="17170"/>
                    <a:pt x="3466" y="17059"/>
                  </a:cubicBezTo>
                  <a:cubicBezTo>
                    <a:pt x="3415" y="16968"/>
                    <a:pt x="3382" y="16869"/>
                    <a:pt x="3368" y="16767"/>
                  </a:cubicBezTo>
                  <a:close/>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14" name="Google Shape;114;p7"/>
          <p:cNvSpPr/>
          <p:nvPr/>
        </p:nvSpPr>
        <p:spPr>
          <a:xfrm rot="-1704600">
            <a:off x="7369070" y="-65111"/>
            <a:ext cx="1745082" cy="1096151"/>
          </a:xfrm>
          <a:custGeom>
            <a:avLst/>
            <a:gdLst/>
            <a:ahLst/>
            <a:cxnLst/>
            <a:rect l="l" t="t" r="r" b="b"/>
            <a:pathLst>
              <a:path w="19417" h="12197" fill="none" extrusionOk="0">
                <a:moveTo>
                  <a:pt x="17936" y="4902"/>
                </a:moveTo>
                <a:cubicBezTo>
                  <a:pt x="19037" y="5896"/>
                  <a:pt x="19417" y="7605"/>
                  <a:pt x="18842" y="8972"/>
                </a:cubicBezTo>
                <a:cubicBezTo>
                  <a:pt x="18265" y="10337"/>
                  <a:pt x="16776" y="11258"/>
                  <a:pt x="15298" y="11166"/>
                </a:cubicBezTo>
                <a:cubicBezTo>
                  <a:pt x="13987" y="11082"/>
                  <a:pt x="12838" y="10304"/>
                  <a:pt x="11765" y="9551"/>
                </a:cubicBezTo>
                <a:cubicBezTo>
                  <a:pt x="10691" y="8796"/>
                  <a:pt x="9546" y="8013"/>
                  <a:pt x="8237" y="7920"/>
                </a:cubicBezTo>
                <a:cubicBezTo>
                  <a:pt x="6929" y="7826"/>
                  <a:pt x="5453" y="8731"/>
                  <a:pt x="5439" y="10042"/>
                </a:cubicBezTo>
                <a:cubicBezTo>
                  <a:pt x="5425" y="11247"/>
                  <a:pt x="6741" y="12197"/>
                  <a:pt x="7934" y="12021"/>
                </a:cubicBezTo>
                <a:cubicBezTo>
                  <a:pt x="9127" y="11842"/>
                  <a:pt x="10058" y="10777"/>
                  <a:pt x="10336" y="9602"/>
                </a:cubicBezTo>
                <a:cubicBezTo>
                  <a:pt x="10616" y="8430"/>
                  <a:pt x="10341" y="7184"/>
                  <a:pt x="9852" y="6081"/>
                </a:cubicBezTo>
                <a:cubicBezTo>
                  <a:pt x="8214" y="2384"/>
                  <a:pt x="4015" y="1"/>
                  <a:pt x="0" y="494"/>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5" name="Google Shape;115;p7"/>
          <p:cNvSpPr/>
          <p:nvPr/>
        </p:nvSpPr>
        <p:spPr>
          <a:xfrm rot="8451184" flipH="1">
            <a:off x="57293" y="-475690"/>
            <a:ext cx="1749996" cy="1703552"/>
          </a:xfrm>
          <a:custGeom>
            <a:avLst/>
            <a:gdLst/>
            <a:ahLst/>
            <a:cxnLst/>
            <a:rect l="l" t="t" r="r" b="b"/>
            <a:pathLst>
              <a:path w="21289" h="20724" extrusionOk="0">
                <a:moveTo>
                  <a:pt x="20365" y="374"/>
                </a:moveTo>
                <a:lnTo>
                  <a:pt x="20365" y="374"/>
                </a:lnTo>
                <a:cubicBezTo>
                  <a:pt x="20342" y="389"/>
                  <a:pt x="20327" y="404"/>
                  <a:pt x="20316" y="420"/>
                </a:cubicBezTo>
                <a:lnTo>
                  <a:pt x="20316" y="420"/>
                </a:lnTo>
                <a:cubicBezTo>
                  <a:pt x="20330" y="408"/>
                  <a:pt x="20346" y="393"/>
                  <a:pt x="20365" y="374"/>
                </a:cubicBezTo>
                <a:close/>
                <a:moveTo>
                  <a:pt x="19935" y="1563"/>
                </a:moveTo>
                <a:lnTo>
                  <a:pt x="19885" y="1573"/>
                </a:lnTo>
                <a:cubicBezTo>
                  <a:pt x="19908" y="1570"/>
                  <a:pt x="19924" y="1567"/>
                  <a:pt x="19935" y="1563"/>
                </a:cubicBezTo>
                <a:close/>
                <a:moveTo>
                  <a:pt x="15250" y="4613"/>
                </a:moveTo>
                <a:cubicBezTo>
                  <a:pt x="15242" y="4619"/>
                  <a:pt x="15234" y="4626"/>
                  <a:pt x="15224" y="4633"/>
                </a:cubicBezTo>
                <a:cubicBezTo>
                  <a:pt x="15233" y="4627"/>
                  <a:pt x="15242" y="4620"/>
                  <a:pt x="15250" y="4613"/>
                </a:cubicBezTo>
                <a:close/>
                <a:moveTo>
                  <a:pt x="7965" y="7978"/>
                </a:moveTo>
                <a:cubicBezTo>
                  <a:pt x="7964" y="7979"/>
                  <a:pt x="7964" y="7979"/>
                  <a:pt x="7963" y="7980"/>
                </a:cubicBezTo>
                <a:lnTo>
                  <a:pt x="7963" y="7980"/>
                </a:lnTo>
                <a:cubicBezTo>
                  <a:pt x="7964" y="7979"/>
                  <a:pt x="7964" y="7979"/>
                  <a:pt x="7965" y="7978"/>
                </a:cubicBezTo>
                <a:close/>
                <a:moveTo>
                  <a:pt x="9581" y="9757"/>
                </a:moveTo>
                <a:lnTo>
                  <a:pt x="9581" y="9757"/>
                </a:lnTo>
                <a:cubicBezTo>
                  <a:pt x="9581" y="9757"/>
                  <a:pt x="9581" y="9757"/>
                  <a:pt x="9582" y="9757"/>
                </a:cubicBezTo>
                <a:cubicBezTo>
                  <a:pt x="9581" y="9757"/>
                  <a:pt x="9581" y="9757"/>
                  <a:pt x="9581" y="9757"/>
                </a:cubicBezTo>
                <a:close/>
                <a:moveTo>
                  <a:pt x="7361" y="11539"/>
                </a:moveTo>
                <a:cubicBezTo>
                  <a:pt x="7358" y="11548"/>
                  <a:pt x="7357" y="11555"/>
                  <a:pt x="7358" y="11560"/>
                </a:cubicBezTo>
                <a:cubicBezTo>
                  <a:pt x="7359" y="11552"/>
                  <a:pt x="7360" y="11545"/>
                  <a:pt x="7361" y="11539"/>
                </a:cubicBezTo>
                <a:close/>
                <a:moveTo>
                  <a:pt x="4935" y="15872"/>
                </a:moveTo>
                <a:lnTo>
                  <a:pt x="4960" y="15972"/>
                </a:lnTo>
                <a:lnTo>
                  <a:pt x="4988" y="15970"/>
                </a:lnTo>
                <a:lnTo>
                  <a:pt x="4988" y="15970"/>
                </a:lnTo>
                <a:cubicBezTo>
                  <a:pt x="4976" y="15943"/>
                  <a:pt x="4959" y="15905"/>
                  <a:pt x="4935" y="15872"/>
                </a:cubicBezTo>
                <a:close/>
                <a:moveTo>
                  <a:pt x="5020" y="15968"/>
                </a:moveTo>
                <a:lnTo>
                  <a:pt x="4988" y="15970"/>
                </a:lnTo>
                <a:lnTo>
                  <a:pt x="4988" y="15970"/>
                </a:lnTo>
                <a:cubicBezTo>
                  <a:pt x="4998" y="15993"/>
                  <a:pt x="5005" y="16009"/>
                  <a:pt x="5010" y="16009"/>
                </a:cubicBezTo>
                <a:cubicBezTo>
                  <a:pt x="5015" y="16009"/>
                  <a:pt x="5018" y="15997"/>
                  <a:pt x="5020" y="15968"/>
                </a:cubicBezTo>
                <a:close/>
                <a:moveTo>
                  <a:pt x="3369" y="17894"/>
                </a:moveTo>
                <a:cubicBezTo>
                  <a:pt x="3370" y="17895"/>
                  <a:pt x="3372" y="17896"/>
                  <a:pt x="3373" y="17897"/>
                </a:cubicBezTo>
                <a:cubicBezTo>
                  <a:pt x="3372" y="17896"/>
                  <a:pt x="3370" y="17895"/>
                  <a:pt x="3369" y="17894"/>
                </a:cubicBezTo>
                <a:close/>
                <a:moveTo>
                  <a:pt x="2647" y="18829"/>
                </a:moveTo>
                <a:lnTo>
                  <a:pt x="2681" y="18847"/>
                </a:lnTo>
                <a:cubicBezTo>
                  <a:pt x="2669" y="18840"/>
                  <a:pt x="2658" y="18834"/>
                  <a:pt x="2647" y="18829"/>
                </a:cubicBezTo>
                <a:close/>
                <a:moveTo>
                  <a:pt x="2354" y="19693"/>
                </a:moveTo>
                <a:lnTo>
                  <a:pt x="2354" y="19693"/>
                </a:lnTo>
                <a:cubicBezTo>
                  <a:pt x="2354" y="19694"/>
                  <a:pt x="2354" y="19696"/>
                  <a:pt x="2354" y="19697"/>
                </a:cubicBezTo>
                <a:cubicBezTo>
                  <a:pt x="2354" y="19696"/>
                  <a:pt x="2354" y="19694"/>
                  <a:pt x="2354" y="19693"/>
                </a:cubicBezTo>
                <a:close/>
                <a:moveTo>
                  <a:pt x="1474" y="20091"/>
                </a:moveTo>
                <a:lnTo>
                  <a:pt x="1474" y="20091"/>
                </a:lnTo>
                <a:cubicBezTo>
                  <a:pt x="1467" y="20098"/>
                  <a:pt x="1460" y="20105"/>
                  <a:pt x="1453" y="20114"/>
                </a:cubicBezTo>
                <a:lnTo>
                  <a:pt x="1453" y="20114"/>
                </a:lnTo>
                <a:cubicBezTo>
                  <a:pt x="1460" y="20108"/>
                  <a:pt x="1467" y="20100"/>
                  <a:pt x="1474" y="20091"/>
                </a:cubicBezTo>
                <a:close/>
                <a:moveTo>
                  <a:pt x="21000" y="0"/>
                </a:moveTo>
                <a:cubicBezTo>
                  <a:pt x="20863" y="0"/>
                  <a:pt x="20696" y="159"/>
                  <a:pt x="20513" y="225"/>
                </a:cubicBezTo>
                <a:cubicBezTo>
                  <a:pt x="20550" y="292"/>
                  <a:pt x="20413" y="486"/>
                  <a:pt x="20545" y="486"/>
                </a:cubicBezTo>
                <a:cubicBezTo>
                  <a:pt x="20561" y="486"/>
                  <a:pt x="20580" y="484"/>
                  <a:pt x="20603" y="478"/>
                </a:cubicBezTo>
                <a:lnTo>
                  <a:pt x="20603" y="478"/>
                </a:lnTo>
                <a:cubicBezTo>
                  <a:pt x="20629" y="568"/>
                  <a:pt x="20513" y="656"/>
                  <a:pt x="20425" y="684"/>
                </a:cubicBezTo>
                <a:cubicBezTo>
                  <a:pt x="20453" y="633"/>
                  <a:pt x="20242" y="530"/>
                  <a:pt x="20316" y="420"/>
                </a:cubicBezTo>
                <a:lnTo>
                  <a:pt x="20316" y="420"/>
                </a:lnTo>
                <a:cubicBezTo>
                  <a:pt x="20214" y="510"/>
                  <a:pt x="20253" y="418"/>
                  <a:pt x="20075" y="524"/>
                </a:cubicBezTo>
                <a:cubicBezTo>
                  <a:pt x="20076" y="513"/>
                  <a:pt x="20068" y="509"/>
                  <a:pt x="20053" y="509"/>
                </a:cubicBezTo>
                <a:cubicBezTo>
                  <a:pt x="20004" y="509"/>
                  <a:pt x="19886" y="551"/>
                  <a:pt x="19791" y="551"/>
                </a:cubicBezTo>
                <a:cubicBezTo>
                  <a:pt x="19725" y="551"/>
                  <a:pt x="19671" y="531"/>
                  <a:pt x="19658" y="464"/>
                </a:cubicBezTo>
                <a:lnTo>
                  <a:pt x="19658" y="464"/>
                </a:lnTo>
                <a:cubicBezTo>
                  <a:pt x="19614" y="566"/>
                  <a:pt x="19755" y="735"/>
                  <a:pt x="19505" y="830"/>
                </a:cubicBezTo>
                <a:cubicBezTo>
                  <a:pt x="19612" y="936"/>
                  <a:pt x="19897" y="860"/>
                  <a:pt x="19758" y="1062"/>
                </a:cubicBezTo>
                <a:lnTo>
                  <a:pt x="19850" y="934"/>
                </a:lnTo>
                <a:cubicBezTo>
                  <a:pt x="20027" y="934"/>
                  <a:pt x="19876" y="1060"/>
                  <a:pt x="20041" y="1060"/>
                </a:cubicBezTo>
                <a:cubicBezTo>
                  <a:pt x="20055" y="1060"/>
                  <a:pt x="20072" y="1059"/>
                  <a:pt x="20091" y="1057"/>
                </a:cubicBezTo>
                <a:lnTo>
                  <a:pt x="20091" y="1057"/>
                </a:lnTo>
                <a:cubicBezTo>
                  <a:pt x="20039" y="1069"/>
                  <a:pt x="19966" y="1136"/>
                  <a:pt x="19906" y="1136"/>
                </a:cubicBezTo>
                <a:cubicBezTo>
                  <a:pt x="19885" y="1136"/>
                  <a:pt x="19866" y="1128"/>
                  <a:pt x="19850" y="1108"/>
                </a:cubicBezTo>
                <a:lnTo>
                  <a:pt x="19850" y="1108"/>
                </a:lnTo>
                <a:cubicBezTo>
                  <a:pt x="20001" y="1360"/>
                  <a:pt x="19561" y="1356"/>
                  <a:pt x="19621" y="1560"/>
                </a:cubicBezTo>
                <a:cubicBezTo>
                  <a:pt x="19588" y="1531"/>
                  <a:pt x="19556" y="1518"/>
                  <a:pt x="19522" y="1518"/>
                </a:cubicBezTo>
                <a:cubicBezTo>
                  <a:pt x="19477" y="1518"/>
                  <a:pt x="19427" y="1540"/>
                  <a:pt x="19362" y="1578"/>
                </a:cubicBezTo>
                <a:cubicBezTo>
                  <a:pt x="19352" y="1499"/>
                  <a:pt x="19257" y="1453"/>
                  <a:pt x="19334" y="1367"/>
                </a:cubicBezTo>
                <a:cubicBezTo>
                  <a:pt x="19402" y="1362"/>
                  <a:pt x="19445" y="1330"/>
                  <a:pt x="19512" y="1330"/>
                </a:cubicBezTo>
                <a:cubicBezTo>
                  <a:pt x="19531" y="1330"/>
                  <a:pt x="19553" y="1333"/>
                  <a:pt x="19577" y="1339"/>
                </a:cubicBezTo>
                <a:cubicBezTo>
                  <a:pt x="19533" y="1263"/>
                  <a:pt x="19483" y="1236"/>
                  <a:pt x="19429" y="1236"/>
                </a:cubicBezTo>
                <a:cubicBezTo>
                  <a:pt x="19305" y="1236"/>
                  <a:pt x="19159" y="1378"/>
                  <a:pt x="19003" y="1390"/>
                </a:cubicBezTo>
                <a:cubicBezTo>
                  <a:pt x="19040" y="1402"/>
                  <a:pt x="19058" y="1425"/>
                  <a:pt x="19014" y="1483"/>
                </a:cubicBezTo>
                <a:cubicBezTo>
                  <a:pt x="18953" y="1486"/>
                  <a:pt x="18863" y="1498"/>
                  <a:pt x="18784" y="1498"/>
                </a:cubicBezTo>
                <a:cubicBezTo>
                  <a:pt x="18681" y="1498"/>
                  <a:pt x="18595" y="1478"/>
                  <a:pt x="18613" y="1390"/>
                </a:cubicBezTo>
                <a:lnTo>
                  <a:pt x="18613" y="1390"/>
                </a:lnTo>
                <a:cubicBezTo>
                  <a:pt x="18407" y="1483"/>
                  <a:pt x="18203" y="1580"/>
                  <a:pt x="17999" y="1673"/>
                </a:cubicBezTo>
                <a:cubicBezTo>
                  <a:pt x="17972" y="1613"/>
                  <a:pt x="18078" y="1613"/>
                  <a:pt x="18108" y="1576"/>
                </a:cubicBezTo>
                <a:lnTo>
                  <a:pt x="18108" y="1576"/>
                </a:lnTo>
                <a:lnTo>
                  <a:pt x="17756" y="1712"/>
                </a:lnTo>
                <a:cubicBezTo>
                  <a:pt x="17640" y="1661"/>
                  <a:pt x="17842" y="1580"/>
                  <a:pt x="17844" y="1483"/>
                </a:cubicBezTo>
                <a:lnTo>
                  <a:pt x="17844" y="1483"/>
                </a:lnTo>
                <a:cubicBezTo>
                  <a:pt x="17761" y="1520"/>
                  <a:pt x="17675" y="1555"/>
                  <a:pt x="17592" y="1592"/>
                </a:cubicBezTo>
                <a:lnTo>
                  <a:pt x="17592" y="1497"/>
                </a:lnTo>
                <a:cubicBezTo>
                  <a:pt x="17562" y="1557"/>
                  <a:pt x="17394" y="1661"/>
                  <a:pt x="17259" y="1661"/>
                </a:cubicBezTo>
                <a:cubicBezTo>
                  <a:pt x="17218" y="1661"/>
                  <a:pt x="17179" y="1651"/>
                  <a:pt x="17149" y="1627"/>
                </a:cubicBezTo>
                <a:cubicBezTo>
                  <a:pt x="17020" y="1705"/>
                  <a:pt x="16987" y="1812"/>
                  <a:pt x="16932" y="1905"/>
                </a:cubicBezTo>
                <a:cubicBezTo>
                  <a:pt x="16878" y="1995"/>
                  <a:pt x="16804" y="2071"/>
                  <a:pt x="16593" y="2099"/>
                </a:cubicBezTo>
                <a:cubicBezTo>
                  <a:pt x="16547" y="1963"/>
                  <a:pt x="16779" y="1953"/>
                  <a:pt x="16827" y="1833"/>
                </a:cubicBezTo>
                <a:cubicBezTo>
                  <a:pt x="16824" y="1832"/>
                  <a:pt x="16820" y="1832"/>
                  <a:pt x="16816" y="1832"/>
                </a:cubicBezTo>
                <a:cubicBezTo>
                  <a:pt x="16742" y="1832"/>
                  <a:pt x="16627" y="1938"/>
                  <a:pt x="16536" y="1938"/>
                </a:cubicBezTo>
                <a:cubicBezTo>
                  <a:pt x="16509" y="1938"/>
                  <a:pt x="16484" y="1928"/>
                  <a:pt x="16464" y="1905"/>
                </a:cubicBezTo>
                <a:cubicBezTo>
                  <a:pt x="16234" y="2106"/>
                  <a:pt x="16371" y="2324"/>
                  <a:pt x="16306" y="2512"/>
                </a:cubicBezTo>
                <a:cubicBezTo>
                  <a:pt x="16264" y="2534"/>
                  <a:pt x="16235" y="2543"/>
                  <a:pt x="16217" y="2543"/>
                </a:cubicBezTo>
                <a:cubicBezTo>
                  <a:pt x="16145" y="2543"/>
                  <a:pt x="16225" y="2405"/>
                  <a:pt x="16204" y="2377"/>
                </a:cubicBezTo>
                <a:lnTo>
                  <a:pt x="16204" y="2377"/>
                </a:lnTo>
                <a:cubicBezTo>
                  <a:pt x="16151" y="2396"/>
                  <a:pt x="16147" y="2582"/>
                  <a:pt x="16077" y="2582"/>
                </a:cubicBezTo>
                <a:cubicBezTo>
                  <a:pt x="16059" y="2582"/>
                  <a:pt x="16036" y="2570"/>
                  <a:pt x="16007" y="2539"/>
                </a:cubicBezTo>
                <a:lnTo>
                  <a:pt x="16007" y="2539"/>
                </a:lnTo>
                <a:cubicBezTo>
                  <a:pt x="15955" y="2672"/>
                  <a:pt x="15950" y="2798"/>
                  <a:pt x="16076" y="2798"/>
                </a:cubicBezTo>
                <a:cubicBezTo>
                  <a:pt x="16088" y="2798"/>
                  <a:pt x="16103" y="2797"/>
                  <a:pt x="16119" y="2794"/>
                </a:cubicBezTo>
                <a:lnTo>
                  <a:pt x="16119" y="2794"/>
                </a:lnTo>
                <a:cubicBezTo>
                  <a:pt x="16007" y="2847"/>
                  <a:pt x="15880" y="2991"/>
                  <a:pt x="15880" y="3061"/>
                </a:cubicBezTo>
                <a:cubicBezTo>
                  <a:pt x="15878" y="2964"/>
                  <a:pt x="15850" y="2944"/>
                  <a:pt x="15812" y="2944"/>
                </a:cubicBezTo>
                <a:cubicBezTo>
                  <a:pt x="15785" y="2944"/>
                  <a:pt x="15752" y="2954"/>
                  <a:pt x="15720" y="2954"/>
                </a:cubicBezTo>
                <a:cubicBezTo>
                  <a:pt x="15686" y="2954"/>
                  <a:pt x="15652" y="2943"/>
                  <a:pt x="15625" y="2898"/>
                </a:cubicBezTo>
                <a:cubicBezTo>
                  <a:pt x="15498" y="2933"/>
                  <a:pt x="15373" y="2984"/>
                  <a:pt x="15257" y="3049"/>
                </a:cubicBezTo>
                <a:cubicBezTo>
                  <a:pt x="15129" y="3128"/>
                  <a:pt x="15018" y="3239"/>
                  <a:pt x="14995" y="3383"/>
                </a:cubicBezTo>
                <a:lnTo>
                  <a:pt x="14933" y="3151"/>
                </a:lnTo>
                <a:lnTo>
                  <a:pt x="14750" y="3278"/>
                </a:lnTo>
                <a:cubicBezTo>
                  <a:pt x="14536" y="3232"/>
                  <a:pt x="14851" y="3056"/>
                  <a:pt x="14944" y="2991"/>
                </a:cubicBezTo>
                <a:lnTo>
                  <a:pt x="14944" y="2991"/>
                </a:lnTo>
                <a:cubicBezTo>
                  <a:pt x="14666" y="3112"/>
                  <a:pt x="14495" y="3220"/>
                  <a:pt x="14261" y="3355"/>
                </a:cubicBezTo>
                <a:cubicBezTo>
                  <a:pt x="14353" y="3359"/>
                  <a:pt x="14335" y="3424"/>
                  <a:pt x="14402" y="3468"/>
                </a:cubicBezTo>
                <a:cubicBezTo>
                  <a:pt x="14365" y="3596"/>
                  <a:pt x="14221" y="3598"/>
                  <a:pt x="14152" y="3670"/>
                </a:cubicBezTo>
                <a:cubicBezTo>
                  <a:pt x="14106" y="3633"/>
                  <a:pt x="14089" y="3584"/>
                  <a:pt x="14147" y="3531"/>
                </a:cubicBezTo>
                <a:lnTo>
                  <a:pt x="14147" y="3531"/>
                </a:lnTo>
                <a:lnTo>
                  <a:pt x="13999" y="3649"/>
                </a:lnTo>
                <a:cubicBezTo>
                  <a:pt x="13941" y="3515"/>
                  <a:pt x="13862" y="3561"/>
                  <a:pt x="13976" y="3387"/>
                </a:cubicBezTo>
                <a:lnTo>
                  <a:pt x="13976" y="3387"/>
                </a:lnTo>
                <a:lnTo>
                  <a:pt x="13848" y="3512"/>
                </a:lnTo>
                <a:cubicBezTo>
                  <a:pt x="13821" y="3522"/>
                  <a:pt x="13800" y="3526"/>
                  <a:pt x="13785" y="3526"/>
                </a:cubicBezTo>
                <a:cubicBezTo>
                  <a:pt x="13703" y="3526"/>
                  <a:pt x="13800" y="3396"/>
                  <a:pt x="13816" y="3341"/>
                </a:cubicBezTo>
                <a:lnTo>
                  <a:pt x="13816" y="3341"/>
                </a:lnTo>
                <a:lnTo>
                  <a:pt x="13540" y="3471"/>
                </a:lnTo>
                <a:cubicBezTo>
                  <a:pt x="13485" y="3591"/>
                  <a:pt x="13656" y="3549"/>
                  <a:pt x="13496" y="3688"/>
                </a:cubicBezTo>
                <a:cubicBezTo>
                  <a:pt x="13420" y="3695"/>
                  <a:pt x="13343" y="3714"/>
                  <a:pt x="13272" y="3742"/>
                </a:cubicBezTo>
                <a:cubicBezTo>
                  <a:pt x="13197" y="3772"/>
                  <a:pt x="13126" y="3807"/>
                  <a:pt x="13054" y="3844"/>
                </a:cubicBezTo>
                <a:cubicBezTo>
                  <a:pt x="12910" y="3922"/>
                  <a:pt x="12769" y="4010"/>
                  <a:pt x="12623" y="4075"/>
                </a:cubicBezTo>
                <a:lnTo>
                  <a:pt x="12882" y="4075"/>
                </a:lnTo>
                <a:cubicBezTo>
                  <a:pt x="12699" y="4142"/>
                  <a:pt x="12855" y="4321"/>
                  <a:pt x="12857" y="4434"/>
                </a:cubicBezTo>
                <a:cubicBezTo>
                  <a:pt x="12776" y="4469"/>
                  <a:pt x="12688" y="4522"/>
                  <a:pt x="12600" y="4571"/>
                </a:cubicBezTo>
                <a:cubicBezTo>
                  <a:pt x="12521" y="4617"/>
                  <a:pt x="12438" y="4652"/>
                  <a:pt x="12350" y="4675"/>
                </a:cubicBezTo>
                <a:cubicBezTo>
                  <a:pt x="12431" y="4490"/>
                  <a:pt x="12282" y="4386"/>
                  <a:pt x="12095" y="4386"/>
                </a:cubicBezTo>
                <a:cubicBezTo>
                  <a:pt x="11784" y="4566"/>
                  <a:pt x="11993" y="4726"/>
                  <a:pt x="11872" y="4902"/>
                </a:cubicBezTo>
                <a:cubicBezTo>
                  <a:pt x="11864" y="4799"/>
                  <a:pt x="11834" y="4767"/>
                  <a:pt x="11796" y="4767"/>
                </a:cubicBezTo>
                <a:cubicBezTo>
                  <a:pt x="11736" y="4767"/>
                  <a:pt x="11655" y="4848"/>
                  <a:pt x="11601" y="4848"/>
                </a:cubicBezTo>
                <a:cubicBezTo>
                  <a:pt x="11582" y="4848"/>
                  <a:pt x="11567" y="4838"/>
                  <a:pt x="11557" y="4812"/>
                </a:cubicBezTo>
                <a:cubicBezTo>
                  <a:pt x="11372" y="4944"/>
                  <a:pt x="11198" y="5097"/>
                  <a:pt x="11025" y="5247"/>
                </a:cubicBezTo>
                <a:cubicBezTo>
                  <a:pt x="10856" y="5407"/>
                  <a:pt x="10675" y="5555"/>
                  <a:pt x="10487" y="5692"/>
                </a:cubicBezTo>
                <a:cubicBezTo>
                  <a:pt x="10520" y="5720"/>
                  <a:pt x="10654" y="5676"/>
                  <a:pt x="10612" y="5759"/>
                </a:cubicBezTo>
                <a:cubicBezTo>
                  <a:pt x="10569" y="5819"/>
                  <a:pt x="10500" y="5851"/>
                  <a:pt x="10430" y="5851"/>
                </a:cubicBezTo>
                <a:cubicBezTo>
                  <a:pt x="10389" y="5851"/>
                  <a:pt x="10348" y="5840"/>
                  <a:pt x="10311" y="5817"/>
                </a:cubicBezTo>
                <a:cubicBezTo>
                  <a:pt x="10149" y="5970"/>
                  <a:pt x="10103" y="6121"/>
                  <a:pt x="10093" y="6232"/>
                </a:cubicBezTo>
                <a:cubicBezTo>
                  <a:pt x="10119" y="6197"/>
                  <a:pt x="10140" y="6183"/>
                  <a:pt x="10157" y="6183"/>
                </a:cubicBezTo>
                <a:cubicBezTo>
                  <a:pt x="10181" y="6183"/>
                  <a:pt x="10200" y="6210"/>
                  <a:pt x="10219" y="6253"/>
                </a:cubicBezTo>
                <a:cubicBezTo>
                  <a:pt x="10151" y="6316"/>
                  <a:pt x="10100" y="6321"/>
                  <a:pt x="10058" y="6321"/>
                </a:cubicBezTo>
                <a:cubicBezTo>
                  <a:pt x="10051" y="6321"/>
                  <a:pt x="10044" y="6320"/>
                  <a:pt x="10037" y="6320"/>
                </a:cubicBezTo>
                <a:cubicBezTo>
                  <a:pt x="9987" y="6320"/>
                  <a:pt x="9948" y="6327"/>
                  <a:pt x="9904" y="6447"/>
                </a:cubicBezTo>
                <a:cubicBezTo>
                  <a:pt x="9767" y="6362"/>
                  <a:pt x="10042" y="6246"/>
                  <a:pt x="9936" y="6139"/>
                </a:cubicBezTo>
                <a:lnTo>
                  <a:pt x="9936" y="6139"/>
                </a:lnTo>
                <a:cubicBezTo>
                  <a:pt x="9774" y="6248"/>
                  <a:pt x="9716" y="6373"/>
                  <a:pt x="9646" y="6519"/>
                </a:cubicBezTo>
                <a:cubicBezTo>
                  <a:pt x="9565" y="6463"/>
                  <a:pt x="9727" y="6424"/>
                  <a:pt x="9613" y="6424"/>
                </a:cubicBezTo>
                <a:cubicBezTo>
                  <a:pt x="9610" y="6424"/>
                  <a:pt x="9606" y="6424"/>
                  <a:pt x="9602" y="6424"/>
                </a:cubicBezTo>
                <a:cubicBezTo>
                  <a:pt x="9405" y="6667"/>
                  <a:pt x="9185" y="6973"/>
                  <a:pt x="9042" y="7154"/>
                </a:cubicBezTo>
                <a:lnTo>
                  <a:pt x="8914" y="7094"/>
                </a:lnTo>
                <a:cubicBezTo>
                  <a:pt x="8808" y="7193"/>
                  <a:pt x="8752" y="7277"/>
                  <a:pt x="8738" y="7365"/>
                </a:cubicBezTo>
                <a:cubicBezTo>
                  <a:pt x="8731" y="7365"/>
                  <a:pt x="8724" y="7366"/>
                  <a:pt x="8719" y="7366"/>
                </a:cubicBezTo>
                <a:cubicBezTo>
                  <a:pt x="8650" y="7366"/>
                  <a:pt x="8675" y="7307"/>
                  <a:pt x="8720" y="7251"/>
                </a:cubicBezTo>
                <a:lnTo>
                  <a:pt x="8720" y="7251"/>
                </a:lnTo>
                <a:cubicBezTo>
                  <a:pt x="8562" y="7367"/>
                  <a:pt x="8446" y="7601"/>
                  <a:pt x="8372" y="7680"/>
                </a:cubicBezTo>
                <a:cubicBezTo>
                  <a:pt x="8335" y="7610"/>
                  <a:pt x="8449" y="7601"/>
                  <a:pt x="8433" y="7531"/>
                </a:cubicBezTo>
                <a:lnTo>
                  <a:pt x="8433" y="7531"/>
                </a:lnTo>
                <a:cubicBezTo>
                  <a:pt x="8379" y="7568"/>
                  <a:pt x="8335" y="7615"/>
                  <a:pt x="8298" y="7670"/>
                </a:cubicBezTo>
                <a:cubicBezTo>
                  <a:pt x="8280" y="7698"/>
                  <a:pt x="8259" y="7728"/>
                  <a:pt x="8243" y="7756"/>
                </a:cubicBezTo>
                <a:lnTo>
                  <a:pt x="8189" y="7844"/>
                </a:lnTo>
                <a:cubicBezTo>
                  <a:pt x="8123" y="7952"/>
                  <a:pt x="8055" y="8042"/>
                  <a:pt x="7948" y="8042"/>
                </a:cubicBezTo>
                <a:cubicBezTo>
                  <a:pt x="7943" y="8042"/>
                  <a:pt x="7938" y="8041"/>
                  <a:pt x="7932" y="8041"/>
                </a:cubicBezTo>
                <a:cubicBezTo>
                  <a:pt x="7934" y="8018"/>
                  <a:pt x="7946" y="7996"/>
                  <a:pt x="7963" y="7980"/>
                </a:cubicBezTo>
                <a:lnTo>
                  <a:pt x="7963" y="7980"/>
                </a:lnTo>
                <a:cubicBezTo>
                  <a:pt x="7834" y="8095"/>
                  <a:pt x="7712" y="8220"/>
                  <a:pt x="7603" y="8356"/>
                </a:cubicBezTo>
                <a:cubicBezTo>
                  <a:pt x="7490" y="8488"/>
                  <a:pt x="7381" y="8632"/>
                  <a:pt x="7242" y="8768"/>
                </a:cubicBezTo>
                <a:cubicBezTo>
                  <a:pt x="6876" y="8905"/>
                  <a:pt x="7293" y="8991"/>
                  <a:pt x="7024" y="9220"/>
                </a:cubicBezTo>
                <a:cubicBezTo>
                  <a:pt x="6982" y="9177"/>
                  <a:pt x="6943" y="9159"/>
                  <a:pt x="6908" y="9159"/>
                </a:cubicBezTo>
                <a:cubicBezTo>
                  <a:pt x="6741" y="9159"/>
                  <a:pt x="6641" y="9552"/>
                  <a:pt x="6519" y="9600"/>
                </a:cubicBezTo>
                <a:lnTo>
                  <a:pt x="6589" y="9602"/>
                </a:lnTo>
                <a:cubicBezTo>
                  <a:pt x="6575" y="9713"/>
                  <a:pt x="6503" y="9788"/>
                  <a:pt x="6417" y="9836"/>
                </a:cubicBezTo>
                <a:cubicBezTo>
                  <a:pt x="6336" y="9883"/>
                  <a:pt x="6246" y="9913"/>
                  <a:pt x="6153" y="9924"/>
                </a:cubicBezTo>
                <a:cubicBezTo>
                  <a:pt x="6040" y="10026"/>
                  <a:pt x="5933" y="10137"/>
                  <a:pt x="5836" y="10255"/>
                </a:cubicBezTo>
                <a:cubicBezTo>
                  <a:pt x="5785" y="10320"/>
                  <a:pt x="5739" y="10388"/>
                  <a:pt x="5697" y="10459"/>
                </a:cubicBezTo>
                <a:cubicBezTo>
                  <a:pt x="5660" y="10527"/>
                  <a:pt x="5630" y="10598"/>
                  <a:pt x="5609" y="10675"/>
                </a:cubicBezTo>
                <a:lnTo>
                  <a:pt x="5593" y="10587"/>
                </a:lnTo>
                <a:cubicBezTo>
                  <a:pt x="5514" y="10809"/>
                  <a:pt x="5340" y="10835"/>
                  <a:pt x="5261" y="11057"/>
                </a:cubicBezTo>
                <a:cubicBezTo>
                  <a:pt x="5250" y="11040"/>
                  <a:pt x="5263" y="10979"/>
                  <a:pt x="5230" y="10979"/>
                </a:cubicBezTo>
                <a:cubicBezTo>
                  <a:pt x="5222" y="10979"/>
                  <a:pt x="5211" y="10983"/>
                  <a:pt x="5196" y="10992"/>
                </a:cubicBezTo>
                <a:cubicBezTo>
                  <a:pt x="5146" y="11036"/>
                  <a:pt x="5099" y="11080"/>
                  <a:pt x="5051" y="11126"/>
                </a:cubicBezTo>
                <a:cubicBezTo>
                  <a:pt x="5004" y="11173"/>
                  <a:pt x="4960" y="11221"/>
                  <a:pt x="4914" y="11268"/>
                </a:cubicBezTo>
                <a:cubicBezTo>
                  <a:pt x="4826" y="11365"/>
                  <a:pt x="4738" y="11465"/>
                  <a:pt x="4654" y="11567"/>
                </a:cubicBezTo>
                <a:cubicBezTo>
                  <a:pt x="4569" y="11669"/>
                  <a:pt x="4488" y="11768"/>
                  <a:pt x="4407" y="11875"/>
                </a:cubicBezTo>
                <a:cubicBezTo>
                  <a:pt x="4328" y="11984"/>
                  <a:pt x="4251" y="12090"/>
                  <a:pt x="4175" y="12199"/>
                </a:cubicBezTo>
                <a:lnTo>
                  <a:pt x="3948" y="12521"/>
                </a:lnTo>
                <a:lnTo>
                  <a:pt x="3890" y="12602"/>
                </a:lnTo>
                <a:lnTo>
                  <a:pt x="3834" y="12683"/>
                </a:lnTo>
                <a:lnTo>
                  <a:pt x="3721" y="12848"/>
                </a:lnTo>
                <a:cubicBezTo>
                  <a:pt x="3647" y="12954"/>
                  <a:pt x="3568" y="13061"/>
                  <a:pt x="3489" y="13165"/>
                </a:cubicBezTo>
                <a:cubicBezTo>
                  <a:pt x="3452" y="13218"/>
                  <a:pt x="3411" y="13269"/>
                  <a:pt x="3371" y="13320"/>
                </a:cubicBezTo>
                <a:lnTo>
                  <a:pt x="3251" y="13473"/>
                </a:lnTo>
                <a:cubicBezTo>
                  <a:pt x="3093" y="13668"/>
                  <a:pt x="2933" y="13869"/>
                  <a:pt x="2771" y="14075"/>
                </a:cubicBezTo>
                <a:cubicBezTo>
                  <a:pt x="2614" y="14286"/>
                  <a:pt x="2451" y="14502"/>
                  <a:pt x="2292" y="14722"/>
                </a:cubicBezTo>
                <a:cubicBezTo>
                  <a:pt x="1977" y="15166"/>
                  <a:pt x="1664" y="15630"/>
                  <a:pt x="1377" y="16109"/>
                </a:cubicBezTo>
                <a:cubicBezTo>
                  <a:pt x="800" y="17066"/>
                  <a:pt x="311" y="18074"/>
                  <a:pt x="1" y="19012"/>
                </a:cubicBezTo>
                <a:cubicBezTo>
                  <a:pt x="161" y="19269"/>
                  <a:pt x="334" y="19517"/>
                  <a:pt x="524" y="19755"/>
                </a:cubicBezTo>
                <a:cubicBezTo>
                  <a:pt x="821" y="20128"/>
                  <a:pt x="1198" y="20508"/>
                  <a:pt x="1490" y="20571"/>
                </a:cubicBezTo>
                <a:cubicBezTo>
                  <a:pt x="1496" y="20568"/>
                  <a:pt x="1502" y="20567"/>
                  <a:pt x="1508" y="20567"/>
                </a:cubicBezTo>
                <a:cubicBezTo>
                  <a:pt x="1545" y="20567"/>
                  <a:pt x="1567" y="20619"/>
                  <a:pt x="1587" y="20663"/>
                </a:cubicBezTo>
                <a:cubicBezTo>
                  <a:pt x="1602" y="20696"/>
                  <a:pt x="1617" y="20723"/>
                  <a:pt x="1637" y="20723"/>
                </a:cubicBezTo>
                <a:cubicBezTo>
                  <a:pt x="1649" y="20723"/>
                  <a:pt x="1663" y="20714"/>
                  <a:pt x="1680" y="20691"/>
                </a:cubicBezTo>
                <a:lnTo>
                  <a:pt x="1594" y="20485"/>
                </a:lnTo>
                <a:lnTo>
                  <a:pt x="1594" y="20485"/>
                </a:lnTo>
                <a:cubicBezTo>
                  <a:pt x="1622" y="20511"/>
                  <a:pt x="1663" y="20517"/>
                  <a:pt x="1707" y="20517"/>
                </a:cubicBezTo>
                <a:cubicBezTo>
                  <a:pt x="1739" y="20517"/>
                  <a:pt x="1771" y="20514"/>
                  <a:pt x="1801" y="20514"/>
                </a:cubicBezTo>
                <a:cubicBezTo>
                  <a:pt x="1816" y="20514"/>
                  <a:pt x="1831" y="20515"/>
                  <a:pt x="1845" y="20517"/>
                </a:cubicBezTo>
                <a:cubicBezTo>
                  <a:pt x="1808" y="20479"/>
                  <a:pt x="1762" y="20472"/>
                  <a:pt x="1713" y="20472"/>
                </a:cubicBezTo>
                <a:cubicBezTo>
                  <a:pt x="1686" y="20472"/>
                  <a:pt x="1658" y="20475"/>
                  <a:pt x="1630" y="20475"/>
                </a:cubicBezTo>
                <a:cubicBezTo>
                  <a:pt x="1552" y="20475"/>
                  <a:pt x="1473" y="20458"/>
                  <a:pt x="1416" y="20334"/>
                </a:cubicBezTo>
                <a:cubicBezTo>
                  <a:pt x="1358" y="20266"/>
                  <a:pt x="1406" y="20171"/>
                  <a:pt x="1453" y="20114"/>
                </a:cubicBezTo>
                <a:lnTo>
                  <a:pt x="1453" y="20114"/>
                </a:lnTo>
                <a:cubicBezTo>
                  <a:pt x="1440" y="20126"/>
                  <a:pt x="1428" y="20131"/>
                  <a:pt x="1417" y="20131"/>
                </a:cubicBezTo>
                <a:cubicBezTo>
                  <a:pt x="1363" y="20131"/>
                  <a:pt x="1339" y="20006"/>
                  <a:pt x="1321" y="19945"/>
                </a:cubicBezTo>
                <a:cubicBezTo>
                  <a:pt x="1416" y="19889"/>
                  <a:pt x="1456" y="19746"/>
                  <a:pt x="1557" y="19746"/>
                </a:cubicBezTo>
                <a:cubicBezTo>
                  <a:pt x="1559" y="19746"/>
                  <a:pt x="1562" y="19746"/>
                  <a:pt x="1564" y="19746"/>
                </a:cubicBezTo>
                <a:cubicBezTo>
                  <a:pt x="1539" y="19716"/>
                  <a:pt x="1553" y="19642"/>
                  <a:pt x="1590" y="19605"/>
                </a:cubicBezTo>
                <a:lnTo>
                  <a:pt x="1638" y="19623"/>
                </a:lnTo>
                <a:cubicBezTo>
                  <a:pt x="1642" y="19583"/>
                  <a:pt x="1637" y="19571"/>
                  <a:pt x="1626" y="19571"/>
                </a:cubicBezTo>
                <a:cubicBezTo>
                  <a:pt x="1611" y="19571"/>
                  <a:pt x="1585" y="19597"/>
                  <a:pt x="1562" y="19597"/>
                </a:cubicBezTo>
                <a:cubicBezTo>
                  <a:pt x="1555" y="19597"/>
                  <a:pt x="1547" y="19594"/>
                  <a:pt x="1541" y="19586"/>
                </a:cubicBezTo>
                <a:cubicBezTo>
                  <a:pt x="1564" y="19505"/>
                  <a:pt x="1719" y="19443"/>
                  <a:pt x="1773" y="19322"/>
                </a:cubicBezTo>
                <a:lnTo>
                  <a:pt x="1773" y="19322"/>
                </a:lnTo>
                <a:cubicBezTo>
                  <a:pt x="1720" y="19443"/>
                  <a:pt x="1733" y="19572"/>
                  <a:pt x="1743" y="19681"/>
                </a:cubicBezTo>
                <a:cubicBezTo>
                  <a:pt x="1781" y="19647"/>
                  <a:pt x="1812" y="19633"/>
                  <a:pt x="1839" y="19633"/>
                </a:cubicBezTo>
                <a:cubicBezTo>
                  <a:pt x="1946" y="19633"/>
                  <a:pt x="1978" y="19860"/>
                  <a:pt x="2058" y="19945"/>
                </a:cubicBezTo>
                <a:cubicBezTo>
                  <a:pt x="2085" y="19746"/>
                  <a:pt x="2035" y="19639"/>
                  <a:pt x="2028" y="19459"/>
                </a:cubicBezTo>
                <a:cubicBezTo>
                  <a:pt x="2057" y="19439"/>
                  <a:pt x="2086" y="19431"/>
                  <a:pt x="2113" y="19431"/>
                </a:cubicBezTo>
                <a:cubicBezTo>
                  <a:pt x="2250" y="19431"/>
                  <a:pt x="2353" y="19640"/>
                  <a:pt x="2354" y="19693"/>
                </a:cubicBezTo>
                <a:lnTo>
                  <a:pt x="2354" y="19693"/>
                </a:lnTo>
                <a:cubicBezTo>
                  <a:pt x="2362" y="19506"/>
                  <a:pt x="2299" y="19268"/>
                  <a:pt x="2289" y="19160"/>
                </a:cubicBezTo>
                <a:lnTo>
                  <a:pt x="2289" y="19160"/>
                </a:lnTo>
                <a:cubicBezTo>
                  <a:pt x="2412" y="19371"/>
                  <a:pt x="2479" y="19380"/>
                  <a:pt x="2572" y="19558"/>
                </a:cubicBezTo>
                <a:cubicBezTo>
                  <a:pt x="2739" y="19491"/>
                  <a:pt x="2623" y="19399"/>
                  <a:pt x="2586" y="19304"/>
                </a:cubicBezTo>
                <a:lnTo>
                  <a:pt x="2586" y="19304"/>
                </a:lnTo>
                <a:cubicBezTo>
                  <a:pt x="2586" y="19346"/>
                  <a:pt x="2571" y="19401"/>
                  <a:pt x="2533" y="19401"/>
                </a:cubicBezTo>
                <a:cubicBezTo>
                  <a:pt x="2531" y="19401"/>
                  <a:pt x="2530" y="19401"/>
                  <a:pt x="2528" y="19401"/>
                </a:cubicBezTo>
                <a:cubicBezTo>
                  <a:pt x="2618" y="19262"/>
                  <a:pt x="2326" y="19139"/>
                  <a:pt x="2248" y="19000"/>
                </a:cubicBezTo>
                <a:cubicBezTo>
                  <a:pt x="2354" y="18945"/>
                  <a:pt x="2468" y="18817"/>
                  <a:pt x="2587" y="18817"/>
                </a:cubicBezTo>
                <a:cubicBezTo>
                  <a:pt x="2606" y="18817"/>
                  <a:pt x="2627" y="18821"/>
                  <a:pt x="2647" y="18829"/>
                </a:cubicBezTo>
                <a:lnTo>
                  <a:pt x="2647" y="18829"/>
                </a:lnTo>
                <a:lnTo>
                  <a:pt x="2507" y="18755"/>
                </a:lnTo>
                <a:cubicBezTo>
                  <a:pt x="2517" y="18702"/>
                  <a:pt x="2535" y="18685"/>
                  <a:pt x="2558" y="18685"/>
                </a:cubicBezTo>
                <a:cubicBezTo>
                  <a:pt x="2600" y="18685"/>
                  <a:pt x="2656" y="18742"/>
                  <a:pt x="2699" y="18750"/>
                </a:cubicBezTo>
                <a:cubicBezTo>
                  <a:pt x="2607" y="18639"/>
                  <a:pt x="2407" y="18604"/>
                  <a:pt x="2477" y="18363"/>
                </a:cubicBezTo>
                <a:lnTo>
                  <a:pt x="2477" y="18363"/>
                </a:lnTo>
                <a:cubicBezTo>
                  <a:pt x="2533" y="18404"/>
                  <a:pt x="2571" y="18419"/>
                  <a:pt x="2598" y="18419"/>
                </a:cubicBezTo>
                <a:cubicBezTo>
                  <a:pt x="2675" y="18419"/>
                  <a:pt x="2669" y="18300"/>
                  <a:pt x="2753" y="18300"/>
                </a:cubicBezTo>
                <a:cubicBezTo>
                  <a:pt x="2777" y="18300"/>
                  <a:pt x="2810" y="18311"/>
                  <a:pt x="2855" y="18338"/>
                </a:cubicBezTo>
                <a:cubicBezTo>
                  <a:pt x="2894" y="18229"/>
                  <a:pt x="2780" y="18106"/>
                  <a:pt x="2868" y="18020"/>
                </a:cubicBezTo>
                <a:cubicBezTo>
                  <a:pt x="2876" y="18019"/>
                  <a:pt x="2884" y="18019"/>
                  <a:pt x="2891" y="18019"/>
                </a:cubicBezTo>
                <a:cubicBezTo>
                  <a:pt x="3078" y="18019"/>
                  <a:pt x="3113" y="18371"/>
                  <a:pt x="3040" y="18405"/>
                </a:cubicBezTo>
                <a:cubicBezTo>
                  <a:pt x="3021" y="18440"/>
                  <a:pt x="3006" y="18453"/>
                  <a:pt x="2992" y="18453"/>
                </a:cubicBezTo>
                <a:cubicBezTo>
                  <a:pt x="2957" y="18453"/>
                  <a:pt x="2936" y="18370"/>
                  <a:pt x="2916" y="18370"/>
                </a:cubicBezTo>
                <a:cubicBezTo>
                  <a:pt x="2913" y="18370"/>
                  <a:pt x="2909" y="18372"/>
                  <a:pt x="2906" y="18379"/>
                </a:cubicBezTo>
                <a:lnTo>
                  <a:pt x="2906" y="18558"/>
                </a:lnTo>
                <a:cubicBezTo>
                  <a:pt x="2961" y="18525"/>
                  <a:pt x="3017" y="18497"/>
                  <a:pt x="3072" y="18470"/>
                </a:cubicBezTo>
                <a:cubicBezTo>
                  <a:pt x="3102" y="18459"/>
                  <a:pt x="3131" y="18452"/>
                  <a:pt x="3160" y="18452"/>
                </a:cubicBezTo>
                <a:cubicBezTo>
                  <a:pt x="3191" y="18452"/>
                  <a:pt x="3221" y="18460"/>
                  <a:pt x="3248" y="18481"/>
                </a:cubicBezTo>
                <a:cubicBezTo>
                  <a:pt x="3258" y="18425"/>
                  <a:pt x="3240" y="18412"/>
                  <a:pt x="3212" y="18412"/>
                </a:cubicBezTo>
                <a:cubicBezTo>
                  <a:pt x="3190" y="18412"/>
                  <a:pt x="3160" y="18421"/>
                  <a:pt x="3136" y="18421"/>
                </a:cubicBezTo>
                <a:cubicBezTo>
                  <a:pt x="3104" y="18421"/>
                  <a:pt x="3081" y="18406"/>
                  <a:pt x="3089" y="18338"/>
                </a:cubicBezTo>
                <a:lnTo>
                  <a:pt x="3204" y="18284"/>
                </a:lnTo>
                <a:cubicBezTo>
                  <a:pt x="3225" y="18097"/>
                  <a:pt x="2994" y="18206"/>
                  <a:pt x="3075" y="17990"/>
                </a:cubicBezTo>
                <a:lnTo>
                  <a:pt x="3075" y="17990"/>
                </a:lnTo>
                <a:cubicBezTo>
                  <a:pt x="3083" y="18031"/>
                  <a:pt x="3094" y="18046"/>
                  <a:pt x="3106" y="18046"/>
                </a:cubicBezTo>
                <a:cubicBezTo>
                  <a:pt x="3146" y="18046"/>
                  <a:pt x="3208" y="17875"/>
                  <a:pt x="3309" y="17875"/>
                </a:cubicBezTo>
                <a:cubicBezTo>
                  <a:pt x="3328" y="17875"/>
                  <a:pt x="3348" y="17881"/>
                  <a:pt x="3369" y="17894"/>
                </a:cubicBezTo>
                <a:lnTo>
                  <a:pt x="3369" y="17894"/>
                </a:lnTo>
                <a:cubicBezTo>
                  <a:pt x="3263" y="17823"/>
                  <a:pt x="3305" y="17732"/>
                  <a:pt x="3357" y="17643"/>
                </a:cubicBezTo>
                <a:cubicBezTo>
                  <a:pt x="3411" y="17550"/>
                  <a:pt x="3473" y="17457"/>
                  <a:pt x="3394" y="17383"/>
                </a:cubicBezTo>
                <a:lnTo>
                  <a:pt x="3394" y="17383"/>
                </a:lnTo>
                <a:lnTo>
                  <a:pt x="3281" y="17453"/>
                </a:lnTo>
                <a:lnTo>
                  <a:pt x="3394" y="17492"/>
                </a:lnTo>
                <a:cubicBezTo>
                  <a:pt x="3366" y="17548"/>
                  <a:pt x="3346" y="17608"/>
                  <a:pt x="3327" y="17668"/>
                </a:cubicBezTo>
                <a:cubicBezTo>
                  <a:pt x="3311" y="17731"/>
                  <a:pt x="3278" y="17786"/>
                  <a:pt x="3230" y="17828"/>
                </a:cubicBezTo>
                <a:cubicBezTo>
                  <a:pt x="3200" y="17687"/>
                  <a:pt x="3021" y="17747"/>
                  <a:pt x="3012" y="17596"/>
                </a:cubicBezTo>
                <a:cubicBezTo>
                  <a:pt x="3006" y="17505"/>
                  <a:pt x="3019" y="17476"/>
                  <a:pt x="3042" y="17476"/>
                </a:cubicBezTo>
                <a:cubicBezTo>
                  <a:pt x="3054" y="17476"/>
                  <a:pt x="3068" y="17484"/>
                  <a:pt x="3084" y="17497"/>
                </a:cubicBezTo>
                <a:cubicBezTo>
                  <a:pt x="3122" y="17530"/>
                  <a:pt x="3162" y="17589"/>
                  <a:pt x="3175" y="17589"/>
                </a:cubicBezTo>
                <a:cubicBezTo>
                  <a:pt x="3177" y="17589"/>
                  <a:pt x="3178" y="17588"/>
                  <a:pt x="3179" y="17587"/>
                </a:cubicBezTo>
                <a:lnTo>
                  <a:pt x="3156" y="17355"/>
                </a:lnTo>
                <a:lnTo>
                  <a:pt x="2994" y="17406"/>
                </a:lnTo>
                <a:cubicBezTo>
                  <a:pt x="3028" y="17258"/>
                  <a:pt x="3126" y="17082"/>
                  <a:pt x="3244" y="16920"/>
                </a:cubicBezTo>
                <a:cubicBezTo>
                  <a:pt x="3313" y="16879"/>
                  <a:pt x="3355" y="16865"/>
                  <a:pt x="3382" y="16865"/>
                </a:cubicBezTo>
                <a:cubicBezTo>
                  <a:pt x="3448" y="16865"/>
                  <a:pt x="3424" y="16952"/>
                  <a:pt x="3498" y="16952"/>
                </a:cubicBezTo>
                <a:cubicBezTo>
                  <a:pt x="3517" y="16952"/>
                  <a:pt x="3544" y="16945"/>
                  <a:pt x="3582" y="16929"/>
                </a:cubicBezTo>
                <a:cubicBezTo>
                  <a:pt x="3582" y="16818"/>
                  <a:pt x="3517" y="16802"/>
                  <a:pt x="3605" y="16700"/>
                </a:cubicBezTo>
                <a:lnTo>
                  <a:pt x="3605" y="16700"/>
                </a:lnTo>
                <a:cubicBezTo>
                  <a:pt x="3568" y="16704"/>
                  <a:pt x="3540" y="16737"/>
                  <a:pt x="3543" y="16774"/>
                </a:cubicBezTo>
                <a:cubicBezTo>
                  <a:pt x="3540" y="16809"/>
                  <a:pt x="3547" y="16843"/>
                  <a:pt x="3529" y="16864"/>
                </a:cubicBezTo>
                <a:cubicBezTo>
                  <a:pt x="3441" y="16846"/>
                  <a:pt x="3457" y="16783"/>
                  <a:pt x="3475" y="16718"/>
                </a:cubicBezTo>
                <a:cubicBezTo>
                  <a:pt x="3496" y="16654"/>
                  <a:pt x="3524" y="16582"/>
                  <a:pt x="3455" y="16545"/>
                </a:cubicBezTo>
                <a:cubicBezTo>
                  <a:pt x="3463" y="16543"/>
                  <a:pt x="3471" y="16543"/>
                  <a:pt x="3479" y="16543"/>
                </a:cubicBezTo>
                <a:cubicBezTo>
                  <a:pt x="3546" y="16543"/>
                  <a:pt x="3590" y="16585"/>
                  <a:pt x="3619" y="16651"/>
                </a:cubicBezTo>
                <a:cubicBezTo>
                  <a:pt x="3681" y="16451"/>
                  <a:pt x="3802" y="16297"/>
                  <a:pt x="3981" y="16297"/>
                </a:cubicBezTo>
                <a:cubicBezTo>
                  <a:pt x="4003" y="16297"/>
                  <a:pt x="4026" y="16299"/>
                  <a:pt x="4050" y="16304"/>
                </a:cubicBezTo>
                <a:lnTo>
                  <a:pt x="3934" y="16109"/>
                </a:lnTo>
                <a:cubicBezTo>
                  <a:pt x="3986" y="16053"/>
                  <a:pt x="4019" y="16033"/>
                  <a:pt x="4039" y="16033"/>
                </a:cubicBezTo>
                <a:cubicBezTo>
                  <a:pt x="4045" y="16033"/>
                  <a:pt x="4050" y="16034"/>
                  <a:pt x="4054" y="16037"/>
                </a:cubicBezTo>
                <a:cubicBezTo>
                  <a:pt x="4071" y="16054"/>
                  <a:pt x="4073" y="16095"/>
                  <a:pt x="4075" y="16142"/>
                </a:cubicBezTo>
                <a:cubicBezTo>
                  <a:pt x="4077" y="16206"/>
                  <a:pt x="4081" y="16275"/>
                  <a:pt x="4133" y="16275"/>
                </a:cubicBezTo>
                <a:cubicBezTo>
                  <a:pt x="4155" y="16275"/>
                  <a:pt x="4185" y="16263"/>
                  <a:pt x="4226" y="16234"/>
                </a:cubicBezTo>
                <a:cubicBezTo>
                  <a:pt x="4314" y="16135"/>
                  <a:pt x="4383" y="16023"/>
                  <a:pt x="4351" y="15928"/>
                </a:cubicBezTo>
                <a:lnTo>
                  <a:pt x="4351" y="15928"/>
                </a:lnTo>
                <a:lnTo>
                  <a:pt x="4279" y="16021"/>
                </a:lnTo>
                <a:cubicBezTo>
                  <a:pt x="4237" y="15884"/>
                  <a:pt x="4170" y="15847"/>
                  <a:pt x="4191" y="15688"/>
                </a:cubicBezTo>
                <a:cubicBezTo>
                  <a:pt x="4212" y="15667"/>
                  <a:pt x="4234" y="15662"/>
                  <a:pt x="4253" y="15662"/>
                </a:cubicBezTo>
                <a:cubicBezTo>
                  <a:pt x="4269" y="15662"/>
                  <a:pt x="4284" y="15666"/>
                  <a:pt x="4296" y="15666"/>
                </a:cubicBezTo>
                <a:cubicBezTo>
                  <a:pt x="4320" y="15666"/>
                  <a:pt x="4333" y="15653"/>
                  <a:pt x="4323" y="15574"/>
                </a:cubicBezTo>
                <a:cubicBezTo>
                  <a:pt x="4385" y="15532"/>
                  <a:pt x="4434" y="15514"/>
                  <a:pt x="4475" y="15514"/>
                </a:cubicBezTo>
                <a:cubicBezTo>
                  <a:pt x="4578" y="15514"/>
                  <a:pt x="4628" y="15623"/>
                  <a:pt x="4687" y="15725"/>
                </a:cubicBezTo>
                <a:lnTo>
                  <a:pt x="4687" y="15725"/>
                </a:lnTo>
                <a:cubicBezTo>
                  <a:pt x="4730" y="15631"/>
                  <a:pt x="4809" y="15526"/>
                  <a:pt x="4752" y="15463"/>
                </a:cubicBezTo>
                <a:lnTo>
                  <a:pt x="4752" y="15463"/>
                </a:lnTo>
                <a:cubicBezTo>
                  <a:pt x="4791" y="15489"/>
                  <a:pt x="4856" y="15555"/>
                  <a:pt x="4866" y="15631"/>
                </a:cubicBezTo>
                <a:lnTo>
                  <a:pt x="4866" y="15631"/>
                </a:lnTo>
                <a:cubicBezTo>
                  <a:pt x="4627" y="15670"/>
                  <a:pt x="4870" y="15775"/>
                  <a:pt x="4831" y="15775"/>
                </a:cubicBezTo>
                <a:cubicBezTo>
                  <a:pt x="4823" y="15775"/>
                  <a:pt x="4803" y="15770"/>
                  <a:pt x="4763" y="15759"/>
                </a:cubicBezTo>
                <a:lnTo>
                  <a:pt x="4731" y="15795"/>
                </a:lnTo>
                <a:lnTo>
                  <a:pt x="4731" y="15795"/>
                </a:lnTo>
                <a:cubicBezTo>
                  <a:pt x="4716" y="15773"/>
                  <a:pt x="4701" y="15749"/>
                  <a:pt x="4687" y="15725"/>
                </a:cubicBezTo>
                <a:lnTo>
                  <a:pt x="4687" y="15725"/>
                </a:lnTo>
                <a:cubicBezTo>
                  <a:pt x="4664" y="15775"/>
                  <a:pt x="4651" y="15822"/>
                  <a:pt x="4675" y="15857"/>
                </a:cubicBezTo>
                <a:lnTo>
                  <a:pt x="4731" y="15795"/>
                </a:lnTo>
                <a:lnTo>
                  <a:pt x="4731" y="15795"/>
                </a:lnTo>
                <a:cubicBezTo>
                  <a:pt x="4739" y="15805"/>
                  <a:pt x="4746" y="15815"/>
                  <a:pt x="4754" y="15824"/>
                </a:cubicBezTo>
                <a:cubicBezTo>
                  <a:pt x="4780" y="15810"/>
                  <a:pt x="4804" y="15804"/>
                  <a:pt x="4825" y="15804"/>
                </a:cubicBezTo>
                <a:cubicBezTo>
                  <a:pt x="4872" y="15804"/>
                  <a:pt x="4908" y="15834"/>
                  <a:pt x="4935" y="15872"/>
                </a:cubicBezTo>
                <a:lnTo>
                  <a:pt x="4935" y="15872"/>
                </a:lnTo>
                <a:lnTo>
                  <a:pt x="4904" y="15749"/>
                </a:lnTo>
                <a:lnTo>
                  <a:pt x="4904" y="15749"/>
                </a:lnTo>
                <a:lnTo>
                  <a:pt x="5095" y="15810"/>
                </a:lnTo>
                <a:cubicBezTo>
                  <a:pt x="5151" y="15767"/>
                  <a:pt x="5075" y="15653"/>
                  <a:pt x="5141" y="15653"/>
                </a:cubicBezTo>
                <a:cubicBezTo>
                  <a:pt x="5149" y="15653"/>
                  <a:pt x="5159" y="15654"/>
                  <a:pt x="5171" y="15657"/>
                </a:cubicBezTo>
                <a:cubicBezTo>
                  <a:pt x="5319" y="15659"/>
                  <a:pt x="5305" y="15818"/>
                  <a:pt x="5381" y="15818"/>
                </a:cubicBezTo>
                <a:cubicBezTo>
                  <a:pt x="5406" y="15818"/>
                  <a:pt x="5441" y="15801"/>
                  <a:pt x="5495" y="15755"/>
                </a:cubicBezTo>
                <a:cubicBezTo>
                  <a:pt x="5715" y="15549"/>
                  <a:pt x="5458" y="15379"/>
                  <a:pt x="5611" y="15240"/>
                </a:cubicBezTo>
                <a:cubicBezTo>
                  <a:pt x="5603" y="15238"/>
                  <a:pt x="5595" y="15237"/>
                  <a:pt x="5588" y="15237"/>
                </a:cubicBezTo>
                <a:cubicBezTo>
                  <a:pt x="5546" y="15237"/>
                  <a:pt x="5524" y="15275"/>
                  <a:pt x="5486" y="15315"/>
                </a:cubicBezTo>
                <a:cubicBezTo>
                  <a:pt x="5456" y="15210"/>
                  <a:pt x="5333" y="15264"/>
                  <a:pt x="5347" y="15134"/>
                </a:cubicBezTo>
                <a:lnTo>
                  <a:pt x="5347" y="15134"/>
                </a:lnTo>
                <a:cubicBezTo>
                  <a:pt x="5368" y="15140"/>
                  <a:pt x="5388" y="15143"/>
                  <a:pt x="5407" y="15143"/>
                </a:cubicBezTo>
                <a:cubicBezTo>
                  <a:pt x="5469" y="15143"/>
                  <a:pt x="5522" y="15114"/>
                  <a:pt x="5569" y="15071"/>
                </a:cubicBezTo>
                <a:cubicBezTo>
                  <a:pt x="5632" y="15011"/>
                  <a:pt x="5690" y="14946"/>
                  <a:pt x="5739" y="14874"/>
                </a:cubicBezTo>
                <a:cubicBezTo>
                  <a:pt x="5785" y="14965"/>
                  <a:pt x="5922" y="14937"/>
                  <a:pt x="5931" y="15009"/>
                </a:cubicBezTo>
                <a:cubicBezTo>
                  <a:pt x="5963" y="14930"/>
                  <a:pt x="5989" y="14854"/>
                  <a:pt x="5952" y="14777"/>
                </a:cubicBezTo>
                <a:lnTo>
                  <a:pt x="5952" y="14777"/>
                </a:lnTo>
                <a:cubicBezTo>
                  <a:pt x="5905" y="14805"/>
                  <a:pt x="5875" y="14817"/>
                  <a:pt x="5856" y="14817"/>
                </a:cubicBezTo>
                <a:cubicBezTo>
                  <a:pt x="5760" y="14817"/>
                  <a:pt x="5946" y="14523"/>
                  <a:pt x="5810" y="14523"/>
                </a:cubicBezTo>
                <a:cubicBezTo>
                  <a:pt x="5794" y="14523"/>
                  <a:pt x="5774" y="14527"/>
                  <a:pt x="5748" y="14536"/>
                </a:cubicBezTo>
                <a:cubicBezTo>
                  <a:pt x="5917" y="14335"/>
                  <a:pt x="6067" y="14388"/>
                  <a:pt x="6237" y="14321"/>
                </a:cubicBezTo>
                <a:lnTo>
                  <a:pt x="6237" y="14321"/>
                </a:lnTo>
                <a:cubicBezTo>
                  <a:pt x="6255" y="14342"/>
                  <a:pt x="6227" y="14416"/>
                  <a:pt x="6220" y="14467"/>
                </a:cubicBezTo>
                <a:cubicBezTo>
                  <a:pt x="6218" y="14499"/>
                  <a:pt x="6221" y="14522"/>
                  <a:pt x="6247" y="14522"/>
                </a:cubicBezTo>
                <a:cubicBezTo>
                  <a:pt x="6264" y="14522"/>
                  <a:pt x="6290" y="14511"/>
                  <a:pt x="6332" y="14485"/>
                </a:cubicBezTo>
                <a:cubicBezTo>
                  <a:pt x="6362" y="14170"/>
                  <a:pt x="6109" y="14367"/>
                  <a:pt x="6077" y="14075"/>
                </a:cubicBezTo>
                <a:lnTo>
                  <a:pt x="5922" y="14166"/>
                </a:lnTo>
                <a:cubicBezTo>
                  <a:pt x="5741" y="14045"/>
                  <a:pt x="6067" y="13906"/>
                  <a:pt x="6058" y="13841"/>
                </a:cubicBezTo>
                <a:cubicBezTo>
                  <a:pt x="6069" y="13837"/>
                  <a:pt x="6077" y="13835"/>
                  <a:pt x="6083" y="13835"/>
                </a:cubicBezTo>
                <a:cubicBezTo>
                  <a:pt x="6137" y="13835"/>
                  <a:pt x="6030" y="13994"/>
                  <a:pt x="6190" y="14008"/>
                </a:cubicBezTo>
                <a:cubicBezTo>
                  <a:pt x="6325" y="13918"/>
                  <a:pt x="6269" y="13772"/>
                  <a:pt x="6394" y="13746"/>
                </a:cubicBezTo>
                <a:cubicBezTo>
                  <a:pt x="6445" y="13913"/>
                  <a:pt x="6440" y="13830"/>
                  <a:pt x="6471" y="13999"/>
                </a:cubicBezTo>
                <a:cubicBezTo>
                  <a:pt x="6532" y="13923"/>
                  <a:pt x="6569" y="13897"/>
                  <a:pt x="6596" y="13897"/>
                </a:cubicBezTo>
                <a:cubicBezTo>
                  <a:pt x="6649" y="13897"/>
                  <a:pt x="6657" y="14005"/>
                  <a:pt x="6737" y="14005"/>
                </a:cubicBezTo>
                <a:cubicBezTo>
                  <a:pt x="6762" y="14005"/>
                  <a:pt x="6793" y="13995"/>
                  <a:pt x="6834" y="13969"/>
                </a:cubicBezTo>
                <a:cubicBezTo>
                  <a:pt x="6867" y="13885"/>
                  <a:pt x="6735" y="13844"/>
                  <a:pt x="6850" y="13758"/>
                </a:cubicBezTo>
                <a:cubicBezTo>
                  <a:pt x="6776" y="13742"/>
                  <a:pt x="6728" y="13724"/>
                  <a:pt x="6685" y="13724"/>
                </a:cubicBezTo>
                <a:cubicBezTo>
                  <a:pt x="6678" y="13724"/>
                  <a:pt x="6672" y="13725"/>
                  <a:pt x="6665" y="13726"/>
                </a:cubicBezTo>
                <a:cubicBezTo>
                  <a:pt x="6614" y="13730"/>
                  <a:pt x="6570" y="13765"/>
                  <a:pt x="6496" y="13851"/>
                </a:cubicBezTo>
                <a:cubicBezTo>
                  <a:pt x="6433" y="13746"/>
                  <a:pt x="6491" y="13698"/>
                  <a:pt x="6566" y="13647"/>
                </a:cubicBezTo>
                <a:cubicBezTo>
                  <a:pt x="6640" y="13598"/>
                  <a:pt x="6730" y="13552"/>
                  <a:pt x="6730" y="13445"/>
                </a:cubicBezTo>
                <a:lnTo>
                  <a:pt x="6730" y="13445"/>
                </a:lnTo>
                <a:cubicBezTo>
                  <a:pt x="6633" y="13531"/>
                  <a:pt x="6670" y="13445"/>
                  <a:pt x="6605" y="13573"/>
                </a:cubicBezTo>
                <a:cubicBezTo>
                  <a:pt x="6447" y="13464"/>
                  <a:pt x="6392" y="13482"/>
                  <a:pt x="6338" y="13272"/>
                </a:cubicBezTo>
                <a:lnTo>
                  <a:pt x="6338" y="13272"/>
                </a:lnTo>
                <a:cubicBezTo>
                  <a:pt x="6278" y="13417"/>
                  <a:pt x="6396" y="13600"/>
                  <a:pt x="6216" y="13730"/>
                </a:cubicBezTo>
                <a:cubicBezTo>
                  <a:pt x="6030" y="13654"/>
                  <a:pt x="6269" y="13431"/>
                  <a:pt x="6079" y="13267"/>
                </a:cubicBezTo>
                <a:cubicBezTo>
                  <a:pt x="6051" y="13102"/>
                  <a:pt x="6306" y="12973"/>
                  <a:pt x="6454" y="12943"/>
                </a:cubicBezTo>
                <a:cubicBezTo>
                  <a:pt x="6466" y="12813"/>
                  <a:pt x="6512" y="12697"/>
                  <a:pt x="6549" y="12581"/>
                </a:cubicBezTo>
                <a:cubicBezTo>
                  <a:pt x="6568" y="12523"/>
                  <a:pt x="6582" y="12463"/>
                  <a:pt x="6591" y="12403"/>
                </a:cubicBezTo>
                <a:cubicBezTo>
                  <a:pt x="6600" y="12340"/>
                  <a:pt x="6598" y="12275"/>
                  <a:pt x="6586" y="12213"/>
                </a:cubicBezTo>
                <a:cubicBezTo>
                  <a:pt x="6665" y="12180"/>
                  <a:pt x="6730" y="12058"/>
                  <a:pt x="6804" y="11921"/>
                </a:cubicBezTo>
                <a:cubicBezTo>
                  <a:pt x="6843" y="11849"/>
                  <a:pt x="6885" y="11782"/>
                  <a:pt x="6929" y="11715"/>
                </a:cubicBezTo>
                <a:cubicBezTo>
                  <a:pt x="6973" y="11652"/>
                  <a:pt x="7029" y="11597"/>
                  <a:pt x="7094" y="11553"/>
                </a:cubicBezTo>
                <a:cubicBezTo>
                  <a:pt x="7103" y="11556"/>
                  <a:pt x="7113" y="11558"/>
                  <a:pt x="7123" y="11558"/>
                </a:cubicBezTo>
                <a:cubicBezTo>
                  <a:pt x="7197" y="11558"/>
                  <a:pt x="7291" y="11472"/>
                  <a:pt x="7335" y="11472"/>
                </a:cubicBezTo>
                <a:cubicBezTo>
                  <a:pt x="7356" y="11472"/>
                  <a:pt x="7366" y="11490"/>
                  <a:pt x="7361" y="11539"/>
                </a:cubicBezTo>
                <a:lnTo>
                  <a:pt x="7361" y="11539"/>
                </a:lnTo>
                <a:cubicBezTo>
                  <a:pt x="7381" y="11475"/>
                  <a:pt x="7487" y="11325"/>
                  <a:pt x="7383" y="11303"/>
                </a:cubicBezTo>
                <a:lnTo>
                  <a:pt x="7383" y="11303"/>
                </a:lnTo>
                <a:cubicBezTo>
                  <a:pt x="7392" y="11347"/>
                  <a:pt x="7353" y="11347"/>
                  <a:pt x="7321" y="11388"/>
                </a:cubicBezTo>
                <a:lnTo>
                  <a:pt x="7253" y="11256"/>
                </a:lnTo>
                <a:cubicBezTo>
                  <a:pt x="7392" y="11196"/>
                  <a:pt x="7374" y="10957"/>
                  <a:pt x="7529" y="10920"/>
                </a:cubicBezTo>
                <a:lnTo>
                  <a:pt x="7529" y="10920"/>
                </a:lnTo>
                <a:cubicBezTo>
                  <a:pt x="7638" y="10967"/>
                  <a:pt x="7404" y="11152"/>
                  <a:pt x="7562" y="11182"/>
                </a:cubicBezTo>
                <a:cubicBezTo>
                  <a:pt x="7548" y="11113"/>
                  <a:pt x="7552" y="11041"/>
                  <a:pt x="7578" y="10974"/>
                </a:cubicBezTo>
                <a:cubicBezTo>
                  <a:pt x="7606" y="10893"/>
                  <a:pt x="7643" y="10818"/>
                  <a:pt x="7689" y="10747"/>
                </a:cubicBezTo>
                <a:cubicBezTo>
                  <a:pt x="7784" y="10603"/>
                  <a:pt x="7909" y="10478"/>
                  <a:pt x="7999" y="10452"/>
                </a:cubicBezTo>
                <a:cubicBezTo>
                  <a:pt x="8020" y="10441"/>
                  <a:pt x="8041" y="10436"/>
                  <a:pt x="8063" y="10436"/>
                </a:cubicBezTo>
                <a:cubicBezTo>
                  <a:pt x="8140" y="10436"/>
                  <a:pt x="8221" y="10492"/>
                  <a:pt x="8264" y="10492"/>
                </a:cubicBezTo>
                <a:cubicBezTo>
                  <a:pt x="8269" y="10492"/>
                  <a:pt x="8273" y="10491"/>
                  <a:pt x="8277" y="10489"/>
                </a:cubicBezTo>
                <a:lnTo>
                  <a:pt x="8405" y="10350"/>
                </a:lnTo>
                <a:cubicBezTo>
                  <a:pt x="8458" y="10376"/>
                  <a:pt x="8507" y="10422"/>
                  <a:pt x="8581" y="10450"/>
                </a:cubicBezTo>
                <a:cubicBezTo>
                  <a:pt x="8676" y="10415"/>
                  <a:pt x="8680" y="10332"/>
                  <a:pt x="8701" y="10267"/>
                </a:cubicBezTo>
                <a:cubicBezTo>
                  <a:pt x="8743" y="10253"/>
                  <a:pt x="8778" y="10247"/>
                  <a:pt x="8808" y="10247"/>
                </a:cubicBezTo>
                <a:cubicBezTo>
                  <a:pt x="8956" y="10247"/>
                  <a:pt x="8954" y="10406"/>
                  <a:pt x="8944" y="10547"/>
                </a:cubicBezTo>
                <a:lnTo>
                  <a:pt x="8806" y="10598"/>
                </a:lnTo>
                <a:cubicBezTo>
                  <a:pt x="8787" y="10723"/>
                  <a:pt x="8660" y="10798"/>
                  <a:pt x="8829" y="10855"/>
                </a:cubicBezTo>
                <a:cubicBezTo>
                  <a:pt x="8868" y="10795"/>
                  <a:pt x="8822" y="10749"/>
                  <a:pt x="8812" y="10705"/>
                </a:cubicBezTo>
                <a:lnTo>
                  <a:pt x="8812" y="10705"/>
                </a:lnTo>
                <a:lnTo>
                  <a:pt x="8935" y="10716"/>
                </a:lnTo>
                <a:cubicBezTo>
                  <a:pt x="8947" y="10610"/>
                  <a:pt x="9086" y="10432"/>
                  <a:pt x="8984" y="10357"/>
                </a:cubicBezTo>
                <a:cubicBezTo>
                  <a:pt x="9074" y="10334"/>
                  <a:pt x="9137" y="10272"/>
                  <a:pt x="9197" y="10209"/>
                </a:cubicBezTo>
                <a:cubicBezTo>
                  <a:pt x="9257" y="10147"/>
                  <a:pt x="9320" y="10093"/>
                  <a:pt x="9408" y="10079"/>
                </a:cubicBezTo>
                <a:lnTo>
                  <a:pt x="9408" y="10079"/>
                </a:lnTo>
                <a:cubicBezTo>
                  <a:pt x="9404" y="10080"/>
                  <a:pt x="9401" y="10080"/>
                  <a:pt x="9398" y="10080"/>
                </a:cubicBezTo>
                <a:cubicBezTo>
                  <a:pt x="9284" y="10080"/>
                  <a:pt x="9340" y="9964"/>
                  <a:pt x="9255" y="9913"/>
                </a:cubicBezTo>
                <a:lnTo>
                  <a:pt x="9097" y="10003"/>
                </a:lnTo>
                <a:cubicBezTo>
                  <a:pt x="9181" y="9885"/>
                  <a:pt x="9271" y="9679"/>
                  <a:pt x="9429" y="9653"/>
                </a:cubicBezTo>
                <a:cubicBezTo>
                  <a:pt x="9468" y="9723"/>
                  <a:pt x="9482" y="9746"/>
                  <a:pt x="9581" y="9757"/>
                </a:cubicBezTo>
                <a:lnTo>
                  <a:pt x="9581" y="9757"/>
                </a:lnTo>
                <a:cubicBezTo>
                  <a:pt x="9450" y="9742"/>
                  <a:pt x="9644" y="9522"/>
                  <a:pt x="9474" y="9522"/>
                </a:cubicBezTo>
                <a:cubicBezTo>
                  <a:pt x="9462" y="9522"/>
                  <a:pt x="9448" y="9523"/>
                  <a:pt x="9431" y="9526"/>
                </a:cubicBezTo>
                <a:cubicBezTo>
                  <a:pt x="9405" y="9607"/>
                  <a:pt x="9352" y="9679"/>
                  <a:pt x="9278" y="9725"/>
                </a:cubicBezTo>
                <a:cubicBezTo>
                  <a:pt x="9118" y="9642"/>
                  <a:pt x="9222" y="9523"/>
                  <a:pt x="9225" y="9394"/>
                </a:cubicBezTo>
                <a:cubicBezTo>
                  <a:pt x="9283" y="9294"/>
                  <a:pt x="9408" y="9109"/>
                  <a:pt x="9487" y="8970"/>
                </a:cubicBezTo>
                <a:cubicBezTo>
                  <a:pt x="9499" y="8966"/>
                  <a:pt x="9511" y="8964"/>
                  <a:pt x="9525" y="8964"/>
                </a:cubicBezTo>
                <a:cubicBezTo>
                  <a:pt x="9570" y="8964"/>
                  <a:pt x="9620" y="8982"/>
                  <a:pt x="9665" y="8982"/>
                </a:cubicBezTo>
                <a:cubicBezTo>
                  <a:pt x="9713" y="8982"/>
                  <a:pt x="9754" y="8962"/>
                  <a:pt x="9776" y="8877"/>
                </a:cubicBezTo>
                <a:lnTo>
                  <a:pt x="9776" y="8877"/>
                </a:lnTo>
                <a:cubicBezTo>
                  <a:pt x="9773" y="8877"/>
                  <a:pt x="9769" y="8877"/>
                  <a:pt x="9766" y="8877"/>
                </a:cubicBezTo>
                <a:cubicBezTo>
                  <a:pt x="9521" y="8877"/>
                  <a:pt x="9752" y="8546"/>
                  <a:pt x="9688" y="8386"/>
                </a:cubicBezTo>
                <a:cubicBezTo>
                  <a:pt x="9771" y="8363"/>
                  <a:pt x="9797" y="8296"/>
                  <a:pt x="9827" y="8236"/>
                </a:cubicBezTo>
                <a:cubicBezTo>
                  <a:pt x="9852" y="8183"/>
                  <a:pt x="9881" y="8139"/>
                  <a:pt x="9954" y="8139"/>
                </a:cubicBezTo>
                <a:cubicBezTo>
                  <a:pt x="9962" y="8139"/>
                  <a:pt x="9971" y="8139"/>
                  <a:pt x="9980" y="8141"/>
                </a:cubicBezTo>
                <a:cubicBezTo>
                  <a:pt x="9973" y="8185"/>
                  <a:pt x="9922" y="8242"/>
                  <a:pt x="9876" y="8307"/>
                </a:cubicBezTo>
                <a:cubicBezTo>
                  <a:pt x="9832" y="8372"/>
                  <a:pt x="9795" y="8444"/>
                  <a:pt x="9811" y="8511"/>
                </a:cubicBezTo>
                <a:cubicBezTo>
                  <a:pt x="9880" y="8608"/>
                  <a:pt x="10049" y="8717"/>
                  <a:pt x="9910" y="8917"/>
                </a:cubicBezTo>
                <a:cubicBezTo>
                  <a:pt x="10163" y="8782"/>
                  <a:pt x="9973" y="8731"/>
                  <a:pt x="10040" y="8611"/>
                </a:cubicBezTo>
                <a:lnTo>
                  <a:pt x="10040" y="8611"/>
                </a:lnTo>
                <a:lnTo>
                  <a:pt x="9978" y="8685"/>
                </a:lnTo>
                <a:cubicBezTo>
                  <a:pt x="9980" y="8622"/>
                  <a:pt x="9859" y="8606"/>
                  <a:pt x="9924" y="8548"/>
                </a:cubicBezTo>
                <a:cubicBezTo>
                  <a:pt x="10026" y="8476"/>
                  <a:pt x="10144" y="8432"/>
                  <a:pt x="10270" y="8421"/>
                </a:cubicBezTo>
                <a:cubicBezTo>
                  <a:pt x="10369" y="8414"/>
                  <a:pt x="10466" y="8421"/>
                  <a:pt x="10601" y="8412"/>
                </a:cubicBezTo>
                <a:cubicBezTo>
                  <a:pt x="10508" y="8375"/>
                  <a:pt x="10538" y="8249"/>
                  <a:pt x="10575" y="8212"/>
                </a:cubicBezTo>
                <a:cubicBezTo>
                  <a:pt x="10596" y="8208"/>
                  <a:pt x="10614" y="8206"/>
                  <a:pt x="10630" y="8206"/>
                </a:cubicBezTo>
                <a:cubicBezTo>
                  <a:pt x="10798" y="8206"/>
                  <a:pt x="10749" y="8417"/>
                  <a:pt x="10941" y="8470"/>
                </a:cubicBezTo>
                <a:cubicBezTo>
                  <a:pt x="10930" y="8337"/>
                  <a:pt x="11064" y="8270"/>
                  <a:pt x="10974" y="8233"/>
                </a:cubicBezTo>
                <a:cubicBezTo>
                  <a:pt x="10993" y="8217"/>
                  <a:pt x="11006" y="8212"/>
                  <a:pt x="11017" y="8212"/>
                </a:cubicBezTo>
                <a:cubicBezTo>
                  <a:pt x="11040" y="8212"/>
                  <a:pt x="11052" y="8236"/>
                  <a:pt x="11090" y="8236"/>
                </a:cubicBezTo>
                <a:cubicBezTo>
                  <a:pt x="11094" y="8236"/>
                  <a:pt x="11099" y="8236"/>
                  <a:pt x="11103" y="8236"/>
                </a:cubicBezTo>
                <a:cubicBezTo>
                  <a:pt x="11085" y="8124"/>
                  <a:pt x="11101" y="8041"/>
                  <a:pt x="11196" y="7971"/>
                </a:cubicBezTo>
                <a:lnTo>
                  <a:pt x="11196" y="7971"/>
                </a:lnTo>
                <a:cubicBezTo>
                  <a:pt x="11219" y="8020"/>
                  <a:pt x="11252" y="8090"/>
                  <a:pt x="11145" y="8136"/>
                </a:cubicBezTo>
                <a:cubicBezTo>
                  <a:pt x="11163" y="8130"/>
                  <a:pt x="11182" y="8127"/>
                  <a:pt x="11200" y="8127"/>
                </a:cubicBezTo>
                <a:cubicBezTo>
                  <a:pt x="11311" y="8127"/>
                  <a:pt x="11419" y="8226"/>
                  <a:pt x="11435" y="8321"/>
                </a:cubicBezTo>
                <a:lnTo>
                  <a:pt x="11231" y="8391"/>
                </a:lnTo>
                <a:cubicBezTo>
                  <a:pt x="11231" y="8431"/>
                  <a:pt x="11244" y="8444"/>
                  <a:pt x="11264" y="8444"/>
                </a:cubicBezTo>
                <a:cubicBezTo>
                  <a:pt x="11305" y="8444"/>
                  <a:pt x="11376" y="8390"/>
                  <a:pt x="11430" y="8390"/>
                </a:cubicBezTo>
                <a:cubicBezTo>
                  <a:pt x="11449" y="8390"/>
                  <a:pt x="11466" y="8397"/>
                  <a:pt x="11479" y="8416"/>
                </a:cubicBezTo>
                <a:cubicBezTo>
                  <a:pt x="11425" y="8490"/>
                  <a:pt x="11326" y="8472"/>
                  <a:pt x="11300" y="8532"/>
                </a:cubicBezTo>
                <a:cubicBezTo>
                  <a:pt x="11317" y="8541"/>
                  <a:pt x="11333" y="8545"/>
                  <a:pt x="11348" y="8545"/>
                </a:cubicBezTo>
                <a:cubicBezTo>
                  <a:pt x="11441" y="8545"/>
                  <a:pt x="11498" y="8385"/>
                  <a:pt x="11562" y="8324"/>
                </a:cubicBezTo>
                <a:cubicBezTo>
                  <a:pt x="11593" y="8306"/>
                  <a:pt x="11619" y="8298"/>
                  <a:pt x="11640" y="8298"/>
                </a:cubicBezTo>
                <a:cubicBezTo>
                  <a:pt x="11716" y="8298"/>
                  <a:pt x="11741" y="8390"/>
                  <a:pt x="11775" y="8430"/>
                </a:cubicBezTo>
                <a:cubicBezTo>
                  <a:pt x="11816" y="8292"/>
                  <a:pt x="11753" y="8271"/>
                  <a:pt x="11673" y="8271"/>
                </a:cubicBezTo>
                <a:cubicBezTo>
                  <a:pt x="11640" y="8271"/>
                  <a:pt x="11604" y="8275"/>
                  <a:pt x="11571" y="8275"/>
                </a:cubicBezTo>
                <a:cubicBezTo>
                  <a:pt x="11495" y="8275"/>
                  <a:pt x="11436" y="8256"/>
                  <a:pt x="11472" y="8131"/>
                </a:cubicBezTo>
                <a:cubicBezTo>
                  <a:pt x="11467" y="8046"/>
                  <a:pt x="11516" y="7967"/>
                  <a:pt x="11583" y="7895"/>
                </a:cubicBezTo>
                <a:cubicBezTo>
                  <a:pt x="11650" y="7823"/>
                  <a:pt x="11731" y="7756"/>
                  <a:pt x="11794" y="7694"/>
                </a:cubicBezTo>
                <a:cubicBezTo>
                  <a:pt x="11574" y="7647"/>
                  <a:pt x="11669" y="7494"/>
                  <a:pt x="11784" y="7341"/>
                </a:cubicBezTo>
                <a:lnTo>
                  <a:pt x="11784" y="7341"/>
                </a:lnTo>
                <a:cubicBezTo>
                  <a:pt x="11738" y="7373"/>
                  <a:pt x="11704" y="7383"/>
                  <a:pt x="11677" y="7383"/>
                </a:cubicBezTo>
                <a:cubicBezTo>
                  <a:pt x="11633" y="7383"/>
                  <a:pt x="11609" y="7356"/>
                  <a:pt x="11579" y="7356"/>
                </a:cubicBezTo>
                <a:cubicBezTo>
                  <a:pt x="11551" y="7356"/>
                  <a:pt x="11518" y="7380"/>
                  <a:pt x="11458" y="7473"/>
                </a:cubicBezTo>
                <a:lnTo>
                  <a:pt x="11374" y="7369"/>
                </a:lnTo>
                <a:cubicBezTo>
                  <a:pt x="11472" y="7297"/>
                  <a:pt x="11622" y="7265"/>
                  <a:pt x="11720" y="7198"/>
                </a:cubicBezTo>
                <a:cubicBezTo>
                  <a:pt x="11720" y="7242"/>
                  <a:pt x="11761" y="7249"/>
                  <a:pt x="11743" y="7290"/>
                </a:cubicBezTo>
                <a:lnTo>
                  <a:pt x="11995" y="7036"/>
                </a:lnTo>
                <a:lnTo>
                  <a:pt x="12016" y="7128"/>
                </a:lnTo>
                <a:cubicBezTo>
                  <a:pt x="12116" y="7070"/>
                  <a:pt x="12220" y="7022"/>
                  <a:pt x="12327" y="6978"/>
                </a:cubicBezTo>
                <a:cubicBezTo>
                  <a:pt x="12431" y="6934"/>
                  <a:pt x="12519" y="6890"/>
                  <a:pt x="12558" y="6834"/>
                </a:cubicBezTo>
                <a:lnTo>
                  <a:pt x="12558" y="6834"/>
                </a:lnTo>
                <a:cubicBezTo>
                  <a:pt x="12534" y="6855"/>
                  <a:pt x="12503" y="6865"/>
                  <a:pt x="12474" y="6865"/>
                </a:cubicBezTo>
                <a:cubicBezTo>
                  <a:pt x="12408" y="6865"/>
                  <a:pt x="12350" y="6817"/>
                  <a:pt x="12398" y="6753"/>
                </a:cubicBezTo>
                <a:cubicBezTo>
                  <a:pt x="12419" y="6670"/>
                  <a:pt x="12479" y="6549"/>
                  <a:pt x="12570" y="6505"/>
                </a:cubicBezTo>
                <a:cubicBezTo>
                  <a:pt x="12597" y="6526"/>
                  <a:pt x="12633" y="6533"/>
                  <a:pt x="12671" y="6533"/>
                </a:cubicBezTo>
                <a:cubicBezTo>
                  <a:pt x="12735" y="6533"/>
                  <a:pt x="12807" y="6514"/>
                  <a:pt x="12856" y="6514"/>
                </a:cubicBezTo>
                <a:cubicBezTo>
                  <a:pt x="12914" y="6514"/>
                  <a:pt x="12942" y="6539"/>
                  <a:pt x="12896" y="6649"/>
                </a:cubicBezTo>
                <a:cubicBezTo>
                  <a:pt x="12933" y="6607"/>
                  <a:pt x="12970" y="6561"/>
                  <a:pt x="13003" y="6514"/>
                </a:cubicBezTo>
                <a:cubicBezTo>
                  <a:pt x="13019" y="6489"/>
                  <a:pt x="13035" y="6461"/>
                  <a:pt x="13049" y="6433"/>
                </a:cubicBezTo>
                <a:cubicBezTo>
                  <a:pt x="13084" y="6352"/>
                  <a:pt x="13133" y="6280"/>
                  <a:pt x="13191" y="6216"/>
                </a:cubicBezTo>
                <a:lnTo>
                  <a:pt x="13191" y="6216"/>
                </a:lnTo>
                <a:lnTo>
                  <a:pt x="13047" y="6355"/>
                </a:lnTo>
                <a:cubicBezTo>
                  <a:pt x="12965" y="6272"/>
                  <a:pt x="12984" y="6038"/>
                  <a:pt x="12822" y="6038"/>
                </a:cubicBezTo>
                <a:cubicBezTo>
                  <a:pt x="12811" y="6038"/>
                  <a:pt x="12798" y="6039"/>
                  <a:pt x="12785" y="6042"/>
                </a:cubicBezTo>
                <a:cubicBezTo>
                  <a:pt x="12929" y="5857"/>
                  <a:pt x="12690" y="5752"/>
                  <a:pt x="12931" y="5565"/>
                </a:cubicBezTo>
                <a:cubicBezTo>
                  <a:pt x="12932" y="5565"/>
                  <a:pt x="12933" y="5565"/>
                  <a:pt x="12933" y="5565"/>
                </a:cubicBezTo>
                <a:cubicBezTo>
                  <a:pt x="13074" y="5565"/>
                  <a:pt x="13032" y="5795"/>
                  <a:pt x="12908" y="5912"/>
                </a:cubicBezTo>
                <a:cubicBezTo>
                  <a:pt x="12984" y="5873"/>
                  <a:pt x="13086" y="5889"/>
                  <a:pt x="13114" y="5771"/>
                </a:cubicBezTo>
                <a:lnTo>
                  <a:pt x="13114" y="5771"/>
                </a:lnTo>
                <a:cubicBezTo>
                  <a:pt x="13223" y="5822"/>
                  <a:pt x="13077" y="6007"/>
                  <a:pt x="13105" y="6037"/>
                </a:cubicBezTo>
                <a:cubicBezTo>
                  <a:pt x="13239" y="5958"/>
                  <a:pt x="13068" y="5982"/>
                  <a:pt x="13172" y="5875"/>
                </a:cubicBezTo>
                <a:cubicBezTo>
                  <a:pt x="13214" y="5799"/>
                  <a:pt x="13252" y="5776"/>
                  <a:pt x="13291" y="5776"/>
                </a:cubicBezTo>
                <a:cubicBezTo>
                  <a:pt x="13347" y="5776"/>
                  <a:pt x="13403" y="5827"/>
                  <a:pt x="13464" y="5827"/>
                </a:cubicBezTo>
                <a:cubicBezTo>
                  <a:pt x="13499" y="5827"/>
                  <a:pt x="13535" y="5810"/>
                  <a:pt x="13575" y="5759"/>
                </a:cubicBezTo>
                <a:lnTo>
                  <a:pt x="13575" y="5759"/>
                </a:lnTo>
                <a:cubicBezTo>
                  <a:pt x="13556" y="5775"/>
                  <a:pt x="13524" y="5788"/>
                  <a:pt x="13498" y="5788"/>
                </a:cubicBezTo>
                <a:cubicBezTo>
                  <a:pt x="13467" y="5788"/>
                  <a:pt x="13445" y="5771"/>
                  <a:pt x="13457" y="5727"/>
                </a:cubicBezTo>
                <a:cubicBezTo>
                  <a:pt x="13506" y="5699"/>
                  <a:pt x="13552" y="5662"/>
                  <a:pt x="13589" y="5620"/>
                </a:cubicBezTo>
                <a:cubicBezTo>
                  <a:pt x="13610" y="5599"/>
                  <a:pt x="13621" y="5572"/>
                  <a:pt x="13626" y="5542"/>
                </a:cubicBezTo>
                <a:cubicBezTo>
                  <a:pt x="13635" y="5491"/>
                  <a:pt x="13631" y="5440"/>
                  <a:pt x="13716" y="5352"/>
                </a:cubicBezTo>
                <a:cubicBezTo>
                  <a:pt x="13891" y="5420"/>
                  <a:pt x="13952" y="5570"/>
                  <a:pt x="14090" y="5570"/>
                </a:cubicBezTo>
                <a:cubicBezTo>
                  <a:pt x="14116" y="5570"/>
                  <a:pt x="14143" y="5565"/>
                  <a:pt x="14175" y="5553"/>
                </a:cubicBezTo>
                <a:lnTo>
                  <a:pt x="14175" y="5553"/>
                </a:lnTo>
                <a:lnTo>
                  <a:pt x="14073" y="5611"/>
                </a:lnTo>
                <a:cubicBezTo>
                  <a:pt x="14118" y="5624"/>
                  <a:pt x="14161" y="5630"/>
                  <a:pt x="14200" y="5630"/>
                </a:cubicBezTo>
                <a:cubicBezTo>
                  <a:pt x="14263" y="5630"/>
                  <a:pt x="14318" y="5614"/>
                  <a:pt x="14363" y="5586"/>
                </a:cubicBezTo>
                <a:cubicBezTo>
                  <a:pt x="14437" y="5493"/>
                  <a:pt x="14506" y="5403"/>
                  <a:pt x="14571" y="5310"/>
                </a:cubicBezTo>
                <a:cubicBezTo>
                  <a:pt x="14636" y="5215"/>
                  <a:pt x="14699" y="5120"/>
                  <a:pt x="14761" y="5023"/>
                </a:cubicBezTo>
                <a:cubicBezTo>
                  <a:pt x="14824" y="4928"/>
                  <a:pt x="14889" y="4830"/>
                  <a:pt x="14958" y="4735"/>
                </a:cubicBezTo>
                <a:cubicBezTo>
                  <a:pt x="14977" y="4712"/>
                  <a:pt x="14993" y="4689"/>
                  <a:pt x="15011" y="4666"/>
                </a:cubicBezTo>
                <a:cubicBezTo>
                  <a:pt x="15030" y="4643"/>
                  <a:pt x="15048" y="4622"/>
                  <a:pt x="15069" y="4599"/>
                </a:cubicBezTo>
                <a:cubicBezTo>
                  <a:pt x="15109" y="4555"/>
                  <a:pt x="15148" y="4513"/>
                  <a:pt x="15192" y="4469"/>
                </a:cubicBezTo>
                <a:lnTo>
                  <a:pt x="15192" y="4469"/>
                </a:lnTo>
                <a:lnTo>
                  <a:pt x="15069" y="4583"/>
                </a:lnTo>
                <a:cubicBezTo>
                  <a:pt x="14990" y="4555"/>
                  <a:pt x="15155" y="4450"/>
                  <a:pt x="15120" y="4393"/>
                </a:cubicBezTo>
                <a:lnTo>
                  <a:pt x="15120" y="4393"/>
                </a:lnTo>
                <a:lnTo>
                  <a:pt x="15250" y="4413"/>
                </a:lnTo>
                <a:cubicBezTo>
                  <a:pt x="15213" y="4286"/>
                  <a:pt x="14986" y="4416"/>
                  <a:pt x="14979" y="4277"/>
                </a:cubicBezTo>
                <a:lnTo>
                  <a:pt x="14979" y="4277"/>
                </a:lnTo>
                <a:cubicBezTo>
                  <a:pt x="14983" y="4278"/>
                  <a:pt x="14988" y="4278"/>
                  <a:pt x="14992" y="4278"/>
                </a:cubicBezTo>
                <a:cubicBezTo>
                  <a:pt x="15013" y="4278"/>
                  <a:pt x="15032" y="4269"/>
                  <a:pt x="15044" y="4254"/>
                </a:cubicBezTo>
                <a:lnTo>
                  <a:pt x="15044" y="4254"/>
                </a:lnTo>
                <a:lnTo>
                  <a:pt x="14939" y="4265"/>
                </a:lnTo>
                <a:cubicBezTo>
                  <a:pt x="15120" y="4208"/>
                  <a:pt x="15179" y="3995"/>
                  <a:pt x="15340" y="3995"/>
                </a:cubicBezTo>
                <a:cubicBezTo>
                  <a:pt x="15369" y="3995"/>
                  <a:pt x="15401" y="4001"/>
                  <a:pt x="15438" y="4017"/>
                </a:cubicBezTo>
                <a:cubicBezTo>
                  <a:pt x="15086" y="4234"/>
                  <a:pt x="15530" y="4375"/>
                  <a:pt x="15250" y="4613"/>
                </a:cubicBezTo>
                <a:lnTo>
                  <a:pt x="15250" y="4613"/>
                </a:lnTo>
                <a:cubicBezTo>
                  <a:pt x="15274" y="4596"/>
                  <a:pt x="15292" y="4588"/>
                  <a:pt x="15306" y="4588"/>
                </a:cubicBezTo>
                <a:cubicBezTo>
                  <a:pt x="15368" y="4588"/>
                  <a:pt x="15334" y="4746"/>
                  <a:pt x="15370" y="4777"/>
                </a:cubicBezTo>
                <a:cubicBezTo>
                  <a:pt x="15484" y="4747"/>
                  <a:pt x="15373" y="4664"/>
                  <a:pt x="15505" y="4640"/>
                </a:cubicBezTo>
                <a:lnTo>
                  <a:pt x="15505" y="4640"/>
                </a:lnTo>
                <a:cubicBezTo>
                  <a:pt x="15546" y="4724"/>
                  <a:pt x="15345" y="4928"/>
                  <a:pt x="15484" y="4930"/>
                </a:cubicBezTo>
                <a:cubicBezTo>
                  <a:pt x="15428" y="4796"/>
                  <a:pt x="15542" y="4768"/>
                  <a:pt x="15544" y="4654"/>
                </a:cubicBezTo>
                <a:cubicBezTo>
                  <a:pt x="15550" y="4654"/>
                  <a:pt x="15555" y="4653"/>
                  <a:pt x="15560" y="4653"/>
                </a:cubicBezTo>
                <a:cubicBezTo>
                  <a:pt x="15639" y="4653"/>
                  <a:pt x="15589" y="4739"/>
                  <a:pt x="15644" y="4759"/>
                </a:cubicBezTo>
                <a:cubicBezTo>
                  <a:pt x="15685" y="4728"/>
                  <a:pt x="15683" y="4657"/>
                  <a:pt x="15734" y="4652"/>
                </a:cubicBezTo>
                <a:lnTo>
                  <a:pt x="15743" y="4747"/>
                </a:lnTo>
                <a:cubicBezTo>
                  <a:pt x="15889" y="4742"/>
                  <a:pt x="15892" y="4703"/>
                  <a:pt x="15892" y="4652"/>
                </a:cubicBezTo>
                <a:cubicBezTo>
                  <a:pt x="15889" y="4622"/>
                  <a:pt x="15896" y="4594"/>
                  <a:pt x="15910" y="4569"/>
                </a:cubicBezTo>
                <a:cubicBezTo>
                  <a:pt x="15922" y="4550"/>
                  <a:pt x="15936" y="4536"/>
                  <a:pt x="15952" y="4525"/>
                </a:cubicBezTo>
                <a:cubicBezTo>
                  <a:pt x="15977" y="4508"/>
                  <a:pt x="16005" y="4494"/>
                  <a:pt x="16035" y="4485"/>
                </a:cubicBezTo>
                <a:cubicBezTo>
                  <a:pt x="16018" y="4444"/>
                  <a:pt x="15997" y="4428"/>
                  <a:pt x="15972" y="4428"/>
                </a:cubicBezTo>
                <a:cubicBezTo>
                  <a:pt x="15932" y="4428"/>
                  <a:pt x="15882" y="4472"/>
                  <a:pt x="15820" y="4522"/>
                </a:cubicBezTo>
                <a:cubicBezTo>
                  <a:pt x="15732" y="4423"/>
                  <a:pt x="15783" y="4311"/>
                  <a:pt x="15841" y="4200"/>
                </a:cubicBezTo>
                <a:cubicBezTo>
                  <a:pt x="15898" y="4089"/>
                  <a:pt x="15961" y="3973"/>
                  <a:pt x="15887" y="3853"/>
                </a:cubicBezTo>
                <a:cubicBezTo>
                  <a:pt x="15939" y="3816"/>
                  <a:pt x="15968" y="3802"/>
                  <a:pt x="15983" y="3802"/>
                </a:cubicBezTo>
                <a:cubicBezTo>
                  <a:pt x="16030" y="3802"/>
                  <a:pt x="15943" y="3945"/>
                  <a:pt x="16073" y="3945"/>
                </a:cubicBezTo>
                <a:cubicBezTo>
                  <a:pt x="16086" y="3945"/>
                  <a:pt x="16101" y="3944"/>
                  <a:pt x="16119" y="3941"/>
                </a:cubicBezTo>
                <a:lnTo>
                  <a:pt x="16119" y="3941"/>
                </a:lnTo>
                <a:cubicBezTo>
                  <a:pt x="16315" y="4038"/>
                  <a:pt x="16042" y="4189"/>
                  <a:pt x="16044" y="4328"/>
                </a:cubicBezTo>
                <a:lnTo>
                  <a:pt x="16318" y="4316"/>
                </a:lnTo>
                <a:lnTo>
                  <a:pt x="16318" y="4316"/>
                </a:lnTo>
                <a:cubicBezTo>
                  <a:pt x="16348" y="4557"/>
                  <a:pt x="16174" y="4562"/>
                  <a:pt x="16232" y="4766"/>
                </a:cubicBezTo>
                <a:cubicBezTo>
                  <a:pt x="16401" y="4694"/>
                  <a:pt x="16355" y="4652"/>
                  <a:pt x="16487" y="4494"/>
                </a:cubicBezTo>
                <a:cubicBezTo>
                  <a:pt x="16139" y="4478"/>
                  <a:pt x="16542" y="4309"/>
                  <a:pt x="16288" y="4189"/>
                </a:cubicBezTo>
                <a:cubicBezTo>
                  <a:pt x="16302" y="4188"/>
                  <a:pt x="16314" y="4187"/>
                  <a:pt x="16325" y="4187"/>
                </a:cubicBezTo>
                <a:cubicBezTo>
                  <a:pt x="16383" y="4187"/>
                  <a:pt x="16411" y="4199"/>
                  <a:pt x="16447" y="4199"/>
                </a:cubicBezTo>
                <a:cubicBezTo>
                  <a:pt x="16481" y="4199"/>
                  <a:pt x="16523" y="4188"/>
                  <a:pt x="16605" y="4147"/>
                </a:cubicBezTo>
                <a:lnTo>
                  <a:pt x="16605" y="4147"/>
                </a:lnTo>
                <a:cubicBezTo>
                  <a:pt x="16510" y="4251"/>
                  <a:pt x="16681" y="4316"/>
                  <a:pt x="16531" y="4397"/>
                </a:cubicBezTo>
                <a:cubicBezTo>
                  <a:pt x="16603" y="4360"/>
                  <a:pt x="16668" y="4311"/>
                  <a:pt x="16725" y="4254"/>
                </a:cubicBezTo>
                <a:cubicBezTo>
                  <a:pt x="16746" y="4230"/>
                  <a:pt x="16769" y="4212"/>
                  <a:pt x="16793" y="4193"/>
                </a:cubicBezTo>
                <a:cubicBezTo>
                  <a:pt x="16834" y="4163"/>
                  <a:pt x="16878" y="4135"/>
                  <a:pt x="16922" y="4112"/>
                </a:cubicBezTo>
                <a:cubicBezTo>
                  <a:pt x="16932" y="3929"/>
                  <a:pt x="16580" y="4043"/>
                  <a:pt x="16832" y="3795"/>
                </a:cubicBezTo>
                <a:cubicBezTo>
                  <a:pt x="16845" y="3788"/>
                  <a:pt x="16856" y="3786"/>
                  <a:pt x="16865" y="3786"/>
                </a:cubicBezTo>
                <a:cubicBezTo>
                  <a:pt x="16900" y="3786"/>
                  <a:pt x="16903" y="3828"/>
                  <a:pt x="16871" y="3841"/>
                </a:cubicBezTo>
                <a:cubicBezTo>
                  <a:pt x="17115" y="3797"/>
                  <a:pt x="16742" y="3681"/>
                  <a:pt x="16844" y="3542"/>
                </a:cubicBezTo>
                <a:cubicBezTo>
                  <a:pt x="16874" y="3520"/>
                  <a:pt x="16902" y="3511"/>
                  <a:pt x="16924" y="3511"/>
                </a:cubicBezTo>
                <a:cubicBezTo>
                  <a:pt x="16963" y="3511"/>
                  <a:pt x="16984" y="3541"/>
                  <a:pt x="16969" y="3575"/>
                </a:cubicBezTo>
                <a:cubicBezTo>
                  <a:pt x="17073" y="3427"/>
                  <a:pt x="16948" y="3366"/>
                  <a:pt x="17029" y="3290"/>
                </a:cubicBezTo>
                <a:lnTo>
                  <a:pt x="17029" y="3290"/>
                </a:lnTo>
                <a:lnTo>
                  <a:pt x="16978" y="3292"/>
                </a:lnTo>
                <a:cubicBezTo>
                  <a:pt x="16999" y="3230"/>
                  <a:pt x="16790" y="3077"/>
                  <a:pt x="16994" y="2968"/>
                </a:cubicBezTo>
                <a:cubicBezTo>
                  <a:pt x="17031" y="2951"/>
                  <a:pt x="17058" y="2944"/>
                  <a:pt x="17079" y="2944"/>
                </a:cubicBezTo>
                <a:cubicBezTo>
                  <a:pt x="17144" y="2944"/>
                  <a:pt x="17142" y="3014"/>
                  <a:pt x="17163" y="3049"/>
                </a:cubicBezTo>
                <a:cubicBezTo>
                  <a:pt x="17200" y="3003"/>
                  <a:pt x="17256" y="2973"/>
                  <a:pt x="17314" y="2963"/>
                </a:cubicBezTo>
                <a:cubicBezTo>
                  <a:pt x="17339" y="2959"/>
                  <a:pt x="17364" y="2957"/>
                  <a:pt x="17389" y="2957"/>
                </a:cubicBezTo>
                <a:cubicBezTo>
                  <a:pt x="17417" y="2957"/>
                  <a:pt x="17446" y="2960"/>
                  <a:pt x="17474" y="2966"/>
                </a:cubicBezTo>
                <a:cubicBezTo>
                  <a:pt x="17453" y="2940"/>
                  <a:pt x="17448" y="2908"/>
                  <a:pt x="17485" y="2889"/>
                </a:cubicBezTo>
                <a:cubicBezTo>
                  <a:pt x="17530" y="2856"/>
                  <a:pt x="17563" y="2844"/>
                  <a:pt x="17589" y="2844"/>
                </a:cubicBezTo>
                <a:cubicBezTo>
                  <a:pt x="17665" y="2844"/>
                  <a:pt x="17676" y="2952"/>
                  <a:pt x="17733" y="2952"/>
                </a:cubicBezTo>
                <a:cubicBezTo>
                  <a:pt x="17736" y="2952"/>
                  <a:pt x="17738" y="2952"/>
                  <a:pt x="17740" y="2952"/>
                </a:cubicBezTo>
                <a:cubicBezTo>
                  <a:pt x="18060" y="2901"/>
                  <a:pt x="17587" y="2695"/>
                  <a:pt x="17907" y="2546"/>
                </a:cubicBezTo>
                <a:lnTo>
                  <a:pt x="17907" y="2546"/>
                </a:lnTo>
                <a:lnTo>
                  <a:pt x="17511" y="2662"/>
                </a:lnTo>
                <a:cubicBezTo>
                  <a:pt x="17497" y="2596"/>
                  <a:pt x="17465" y="2502"/>
                  <a:pt x="17405" y="2502"/>
                </a:cubicBezTo>
                <a:cubicBezTo>
                  <a:pt x="17395" y="2502"/>
                  <a:pt x="17385" y="2504"/>
                  <a:pt x="17374" y="2509"/>
                </a:cubicBezTo>
                <a:cubicBezTo>
                  <a:pt x="17413" y="2623"/>
                  <a:pt x="17321" y="2773"/>
                  <a:pt x="17189" y="2810"/>
                </a:cubicBezTo>
                <a:cubicBezTo>
                  <a:pt x="17096" y="2702"/>
                  <a:pt x="17467" y="2523"/>
                  <a:pt x="17191" y="2481"/>
                </a:cubicBezTo>
                <a:cubicBezTo>
                  <a:pt x="17279" y="2470"/>
                  <a:pt x="17369" y="2389"/>
                  <a:pt x="17469" y="2359"/>
                </a:cubicBezTo>
                <a:lnTo>
                  <a:pt x="17469" y="2359"/>
                </a:lnTo>
                <a:cubicBezTo>
                  <a:pt x="17459" y="2406"/>
                  <a:pt x="17477" y="2420"/>
                  <a:pt x="17506" y="2420"/>
                </a:cubicBezTo>
                <a:cubicBezTo>
                  <a:pt x="17553" y="2420"/>
                  <a:pt x="17628" y="2385"/>
                  <a:pt x="17671" y="2385"/>
                </a:cubicBezTo>
                <a:cubicBezTo>
                  <a:pt x="17702" y="2385"/>
                  <a:pt x="17716" y="2405"/>
                  <a:pt x="17684" y="2475"/>
                </a:cubicBezTo>
                <a:cubicBezTo>
                  <a:pt x="17766" y="2431"/>
                  <a:pt x="17849" y="2393"/>
                  <a:pt x="17935" y="2359"/>
                </a:cubicBezTo>
                <a:cubicBezTo>
                  <a:pt x="18006" y="2333"/>
                  <a:pt x="18067" y="2315"/>
                  <a:pt x="18127" y="2294"/>
                </a:cubicBezTo>
                <a:cubicBezTo>
                  <a:pt x="18271" y="2248"/>
                  <a:pt x="18407" y="2176"/>
                  <a:pt x="18525" y="2083"/>
                </a:cubicBezTo>
                <a:lnTo>
                  <a:pt x="18525" y="2083"/>
                </a:lnTo>
                <a:cubicBezTo>
                  <a:pt x="18523" y="2178"/>
                  <a:pt x="18368" y="2493"/>
                  <a:pt x="18143" y="2509"/>
                </a:cubicBezTo>
                <a:lnTo>
                  <a:pt x="18097" y="2440"/>
                </a:lnTo>
                <a:lnTo>
                  <a:pt x="18097" y="2440"/>
                </a:lnTo>
                <a:cubicBezTo>
                  <a:pt x="18006" y="2523"/>
                  <a:pt x="18036" y="2536"/>
                  <a:pt x="18100" y="2536"/>
                </a:cubicBezTo>
                <a:cubicBezTo>
                  <a:pt x="18130" y="2536"/>
                  <a:pt x="18167" y="2533"/>
                  <a:pt x="18203" y="2533"/>
                </a:cubicBezTo>
                <a:cubicBezTo>
                  <a:pt x="18269" y="2533"/>
                  <a:pt x="18330" y="2543"/>
                  <a:pt x="18333" y="2597"/>
                </a:cubicBezTo>
                <a:cubicBezTo>
                  <a:pt x="18444" y="2431"/>
                  <a:pt x="18623" y="2387"/>
                  <a:pt x="18817" y="2356"/>
                </a:cubicBezTo>
                <a:cubicBezTo>
                  <a:pt x="18914" y="2340"/>
                  <a:pt x="19014" y="2333"/>
                  <a:pt x="19114" y="2312"/>
                </a:cubicBezTo>
                <a:cubicBezTo>
                  <a:pt x="19213" y="2296"/>
                  <a:pt x="19308" y="2261"/>
                  <a:pt x="19396" y="2208"/>
                </a:cubicBezTo>
                <a:cubicBezTo>
                  <a:pt x="19304" y="2164"/>
                  <a:pt x="19362" y="2095"/>
                  <a:pt x="19352" y="2016"/>
                </a:cubicBezTo>
                <a:lnTo>
                  <a:pt x="19352" y="2016"/>
                </a:lnTo>
                <a:cubicBezTo>
                  <a:pt x="19260" y="2063"/>
                  <a:pt x="19241" y="2087"/>
                  <a:pt x="19202" y="2087"/>
                </a:cubicBezTo>
                <a:cubicBezTo>
                  <a:pt x="19180" y="2087"/>
                  <a:pt x="19151" y="2079"/>
                  <a:pt x="19097" y="2062"/>
                </a:cubicBezTo>
                <a:cubicBezTo>
                  <a:pt x="19084" y="1958"/>
                  <a:pt x="19188" y="1960"/>
                  <a:pt x="19211" y="1872"/>
                </a:cubicBezTo>
                <a:cubicBezTo>
                  <a:pt x="19211" y="1839"/>
                  <a:pt x="19202" y="1827"/>
                  <a:pt x="19187" y="1827"/>
                </a:cubicBezTo>
                <a:cubicBezTo>
                  <a:pt x="19155" y="1827"/>
                  <a:pt x="19095" y="1883"/>
                  <a:pt x="19044" y="1883"/>
                </a:cubicBezTo>
                <a:cubicBezTo>
                  <a:pt x="19036" y="1883"/>
                  <a:pt x="19027" y="1881"/>
                  <a:pt x="19019" y="1877"/>
                </a:cubicBezTo>
                <a:cubicBezTo>
                  <a:pt x="19144" y="1768"/>
                  <a:pt x="19125" y="1759"/>
                  <a:pt x="19179" y="1638"/>
                </a:cubicBezTo>
                <a:cubicBezTo>
                  <a:pt x="19290" y="1692"/>
                  <a:pt x="19297" y="1745"/>
                  <a:pt x="19394" y="1817"/>
                </a:cubicBezTo>
                <a:cubicBezTo>
                  <a:pt x="19759" y="1704"/>
                  <a:pt x="19657" y="1528"/>
                  <a:pt x="19958" y="1465"/>
                </a:cubicBezTo>
                <a:lnTo>
                  <a:pt x="19958" y="1465"/>
                </a:lnTo>
                <a:cubicBezTo>
                  <a:pt x="19814" y="1496"/>
                  <a:pt x="20012" y="1537"/>
                  <a:pt x="19935" y="1563"/>
                </a:cubicBezTo>
                <a:lnTo>
                  <a:pt x="19935" y="1563"/>
                </a:lnTo>
                <a:lnTo>
                  <a:pt x="19987" y="1553"/>
                </a:lnTo>
                <a:lnTo>
                  <a:pt x="19987" y="1553"/>
                </a:lnTo>
                <a:cubicBezTo>
                  <a:pt x="19934" y="1615"/>
                  <a:pt x="19873" y="1671"/>
                  <a:pt x="19809" y="1719"/>
                </a:cubicBezTo>
                <a:lnTo>
                  <a:pt x="19709" y="1794"/>
                </a:lnTo>
                <a:cubicBezTo>
                  <a:pt x="19674" y="1819"/>
                  <a:pt x="19644" y="1844"/>
                  <a:pt x="19616" y="1868"/>
                </a:cubicBezTo>
                <a:cubicBezTo>
                  <a:pt x="19501" y="1967"/>
                  <a:pt x="19429" y="2067"/>
                  <a:pt x="19496" y="2187"/>
                </a:cubicBezTo>
                <a:cubicBezTo>
                  <a:pt x="19591" y="2136"/>
                  <a:pt x="19663" y="2062"/>
                  <a:pt x="19744" y="1988"/>
                </a:cubicBezTo>
                <a:cubicBezTo>
                  <a:pt x="19825" y="1907"/>
                  <a:pt x="19924" y="1842"/>
                  <a:pt x="20033" y="1800"/>
                </a:cubicBezTo>
                <a:lnTo>
                  <a:pt x="20038" y="1851"/>
                </a:lnTo>
                <a:cubicBezTo>
                  <a:pt x="20223" y="1800"/>
                  <a:pt x="20015" y="1789"/>
                  <a:pt x="20040" y="1731"/>
                </a:cubicBezTo>
                <a:cubicBezTo>
                  <a:pt x="20078" y="1697"/>
                  <a:pt x="20116" y="1685"/>
                  <a:pt x="20153" y="1685"/>
                </a:cubicBezTo>
                <a:cubicBezTo>
                  <a:pt x="20235" y="1685"/>
                  <a:pt x="20313" y="1745"/>
                  <a:pt x="20374" y="1745"/>
                </a:cubicBezTo>
                <a:cubicBezTo>
                  <a:pt x="20411" y="1745"/>
                  <a:pt x="20441" y="1724"/>
                  <a:pt x="20464" y="1657"/>
                </a:cubicBezTo>
                <a:lnTo>
                  <a:pt x="20464" y="1657"/>
                </a:lnTo>
                <a:lnTo>
                  <a:pt x="20244" y="1689"/>
                </a:lnTo>
                <a:cubicBezTo>
                  <a:pt x="20367" y="1529"/>
                  <a:pt x="20193" y="1685"/>
                  <a:pt x="20172" y="1502"/>
                </a:cubicBezTo>
                <a:cubicBezTo>
                  <a:pt x="20290" y="1390"/>
                  <a:pt x="20478" y="1312"/>
                  <a:pt x="20682" y="1238"/>
                </a:cubicBezTo>
                <a:cubicBezTo>
                  <a:pt x="20888" y="1166"/>
                  <a:pt x="21106" y="1085"/>
                  <a:pt x="21289" y="960"/>
                </a:cubicBezTo>
                <a:cubicBezTo>
                  <a:pt x="21216" y="931"/>
                  <a:pt x="21172" y="919"/>
                  <a:pt x="21126" y="919"/>
                </a:cubicBezTo>
                <a:cubicBezTo>
                  <a:pt x="21081" y="919"/>
                  <a:pt x="21034" y="931"/>
                  <a:pt x="20958" y="950"/>
                </a:cubicBezTo>
                <a:cubicBezTo>
                  <a:pt x="20955" y="696"/>
                  <a:pt x="21027" y="709"/>
                  <a:pt x="20893" y="533"/>
                </a:cubicBezTo>
                <a:lnTo>
                  <a:pt x="20700" y="582"/>
                </a:lnTo>
                <a:lnTo>
                  <a:pt x="20631" y="367"/>
                </a:lnTo>
                <a:cubicBezTo>
                  <a:pt x="20669" y="353"/>
                  <a:pt x="20708" y="345"/>
                  <a:pt x="20748" y="345"/>
                </a:cubicBezTo>
                <a:cubicBezTo>
                  <a:pt x="20761" y="345"/>
                  <a:pt x="20775" y="346"/>
                  <a:pt x="20788" y="348"/>
                </a:cubicBezTo>
                <a:cubicBezTo>
                  <a:pt x="20772" y="204"/>
                  <a:pt x="21087" y="302"/>
                  <a:pt x="21062" y="167"/>
                </a:cubicBezTo>
                <a:lnTo>
                  <a:pt x="21062" y="167"/>
                </a:lnTo>
                <a:lnTo>
                  <a:pt x="20907" y="237"/>
                </a:lnTo>
                <a:cubicBezTo>
                  <a:pt x="20793" y="149"/>
                  <a:pt x="20985" y="100"/>
                  <a:pt x="21090" y="28"/>
                </a:cubicBezTo>
                <a:cubicBezTo>
                  <a:pt x="21061" y="8"/>
                  <a:pt x="21032" y="0"/>
                  <a:pt x="21000"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6" name="Google Shape;116;p7"/>
          <p:cNvSpPr/>
          <p:nvPr/>
        </p:nvSpPr>
        <p:spPr>
          <a:xfrm rot="10501061">
            <a:off x="-298525" y="4464854"/>
            <a:ext cx="2543368" cy="1172480"/>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17" name="Google Shape;117;p7"/>
          <p:cNvGrpSpPr/>
          <p:nvPr/>
        </p:nvGrpSpPr>
        <p:grpSpPr>
          <a:xfrm>
            <a:off x="185366" y="4852288"/>
            <a:ext cx="1795826" cy="893252"/>
            <a:chOff x="3339218" y="4582238"/>
            <a:chExt cx="1438041" cy="715289"/>
          </a:xfrm>
        </p:grpSpPr>
        <p:sp>
          <p:nvSpPr>
            <p:cNvPr id="118" name="Google Shape;118;p7"/>
            <p:cNvSpPr/>
            <p:nvPr/>
          </p:nvSpPr>
          <p:spPr>
            <a:xfrm rot="10800000">
              <a:off x="3339467" y="4845372"/>
              <a:ext cx="1437793" cy="452155"/>
            </a:xfrm>
            <a:custGeom>
              <a:avLst/>
              <a:gdLst/>
              <a:ahLst/>
              <a:cxnLst/>
              <a:rect l="l" t="t" r="r" b="b"/>
              <a:pathLst>
                <a:path w="23124" h="7272" extrusionOk="0">
                  <a:moveTo>
                    <a:pt x="361" y="288"/>
                  </a:moveTo>
                  <a:cubicBezTo>
                    <a:pt x="368" y="296"/>
                    <a:pt x="379" y="308"/>
                    <a:pt x="394" y="324"/>
                  </a:cubicBezTo>
                  <a:cubicBezTo>
                    <a:pt x="385" y="314"/>
                    <a:pt x="374" y="301"/>
                    <a:pt x="361" y="288"/>
                  </a:cubicBezTo>
                  <a:close/>
                  <a:moveTo>
                    <a:pt x="876" y="908"/>
                  </a:moveTo>
                  <a:lnTo>
                    <a:pt x="876" y="908"/>
                  </a:lnTo>
                  <a:cubicBezTo>
                    <a:pt x="878" y="910"/>
                    <a:pt x="882" y="913"/>
                    <a:pt x="885" y="916"/>
                  </a:cubicBezTo>
                  <a:lnTo>
                    <a:pt x="885" y="916"/>
                  </a:lnTo>
                  <a:cubicBezTo>
                    <a:pt x="882" y="913"/>
                    <a:pt x="879" y="911"/>
                    <a:pt x="876" y="908"/>
                  </a:cubicBezTo>
                  <a:close/>
                  <a:moveTo>
                    <a:pt x="22739" y="1362"/>
                  </a:moveTo>
                  <a:lnTo>
                    <a:pt x="22739" y="1362"/>
                  </a:lnTo>
                  <a:cubicBezTo>
                    <a:pt x="22727" y="1385"/>
                    <a:pt x="22719" y="1402"/>
                    <a:pt x="22714" y="1414"/>
                  </a:cubicBezTo>
                  <a:lnTo>
                    <a:pt x="22714" y="1414"/>
                  </a:lnTo>
                  <a:cubicBezTo>
                    <a:pt x="22720" y="1400"/>
                    <a:pt x="22729" y="1383"/>
                    <a:pt x="22739" y="1362"/>
                  </a:cubicBezTo>
                  <a:close/>
                  <a:moveTo>
                    <a:pt x="1550" y="1532"/>
                  </a:moveTo>
                  <a:lnTo>
                    <a:pt x="1548" y="1536"/>
                  </a:lnTo>
                  <a:cubicBezTo>
                    <a:pt x="1550" y="1535"/>
                    <a:pt x="1550" y="1534"/>
                    <a:pt x="1550" y="1532"/>
                  </a:cubicBezTo>
                  <a:close/>
                  <a:moveTo>
                    <a:pt x="2412" y="2351"/>
                  </a:moveTo>
                  <a:cubicBezTo>
                    <a:pt x="2412" y="2351"/>
                    <a:pt x="2412" y="2351"/>
                    <a:pt x="2412" y="2351"/>
                  </a:cubicBezTo>
                  <a:cubicBezTo>
                    <a:pt x="2412" y="2351"/>
                    <a:pt x="2412" y="2351"/>
                    <a:pt x="2412" y="2351"/>
                  </a:cubicBezTo>
                  <a:close/>
                  <a:moveTo>
                    <a:pt x="4332" y="3905"/>
                  </a:moveTo>
                  <a:lnTo>
                    <a:pt x="4397" y="3954"/>
                  </a:lnTo>
                  <a:lnTo>
                    <a:pt x="4397" y="3954"/>
                  </a:lnTo>
                  <a:cubicBezTo>
                    <a:pt x="4407" y="3957"/>
                    <a:pt x="4420" y="3962"/>
                    <a:pt x="4433" y="3968"/>
                  </a:cubicBezTo>
                  <a:lnTo>
                    <a:pt x="4433" y="3968"/>
                  </a:lnTo>
                  <a:cubicBezTo>
                    <a:pt x="4387" y="3936"/>
                    <a:pt x="4347" y="3910"/>
                    <a:pt x="4332" y="3905"/>
                  </a:cubicBezTo>
                  <a:close/>
                  <a:moveTo>
                    <a:pt x="4367" y="3977"/>
                  </a:moveTo>
                  <a:lnTo>
                    <a:pt x="4380" y="3991"/>
                  </a:lnTo>
                  <a:lnTo>
                    <a:pt x="4380" y="3991"/>
                  </a:lnTo>
                  <a:cubicBezTo>
                    <a:pt x="4370" y="3986"/>
                    <a:pt x="4362" y="3982"/>
                    <a:pt x="4361" y="3982"/>
                  </a:cubicBezTo>
                  <a:cubicBezTo>
                    <a:pt x="4359" y="3982"/>
                    <a:pt x="4368" y="3988"/>
                    <a:pt x="4395" y="4005"/>
                  </a:cubicBezTo>
                  <a:lnTo>
                    <a:pt x="4380" y="3991"/>
                  </a:lnTo>
                  <a:lnTo>
                    <a:pt x="4380" y="3991"/>
                  </a:lnTo>
                  <a:cubicBezTo>
                    <a:pt x="4395" y="3998"/>
                    <a:pt x="4416" y="4007"/>
                    <a:pt x="4430" y="4011"/>
                  </a:cubicBezTo>
                  <a:lnTo>
                    <a:pt x="4430" y="4011"/>
                  </a:lnTo>
                  <a:lnTo>
                    <a:pt x="4367" y="3977"/>
                  </a:lnTo>
                  <a:close/>
                  <a:moveTo>
                    <a:pt x="19849" y="5052"/>
                  </a:moveTo>
                  <a:cubicBezTo>
                    <a:pt x="19839" y="5060"/>
                    <a:pt x="19827" y="5069"/>
                    <a:pt x="19815" y="5078"/>
                  </a:cubicBezTo>
                  <a:cubicBezTo>
                    <a:pt x="19829" y="5068"/>
                    <a:pt x="19840" y="5059"/>
                    <a:pt x="19849" y="5052"/>
                  </a:cubicBezTo>
                  <a:close/>
                  <a:moveTo>
                    <a:pt x="18764" y="5700"/>
                  </a:moveTo>
                  <a:cubicBezTo>
                    <a:pt x="18759" y="5703"/>
                    <a:pt x="18753" y="5706"/>
                    <a:pt x="18747" y="5710"/>
                  </a:cubicBezTo>
                  <a:cubicBezTo>
                    <a:pt x="18753" y="5707"/>
                    <a:pt x="18758" y="5703"/>
                    <a:pt x="18764" y="5700"/>
                  </a:cubicBezTo>
                  <a:close/>
                  <a:moveTo>
                    <a:pt x="18780" y="5666"/>
                  </a:moveTo>
                  <a:lnTo>
                    <a:pt x="18684" y="5725"/>
                  </a:lnTo>
                  <a:lnTo>
                    <a:pt x="18684" y="5725"/>
                  </a:lnTo>
                  <a:cubicBezTo>
                    <a:pt x="18717" y="5706"/>
                    <a:pt x="18749" y="5687"/>
                    <a:pt x="18780" y="5666"/>
                  </a:cubicBezTo>
                  <a:close/>
                  <a:moveTo>
                    <a:pt x="8782" y="6305"/>
                  </a:moveTo>
                  <a:cubicBezTo>
                    <a:pt x="8789" y="6307"/>
                    <a:pt x="8795" y="6309"/>
                    <a:pt x="8800" y="6310"/>
                  </a:cubicBezTo>
                  <a:lnTo>
                    <a:pt x="8800" y="6310"/>
                  </a:lnTo>
                  <a:cubicBezTo>
                    <a:pt x="8791" y="6308"/>
                    <a:pt x="8785" y="6306"/>
                    <a:pt x="8782" y="6305"/>
                  </a:cubicBezTo>
                  <a:close/>
                  <a:moveTo>
                    <a:pt x="11505" y="6774"/>
                  </a:moveTo>
                  <a:cubicBezTo>
                    <a:pt x="11517" y="6776"/>
                    <a:pt x="11530" y="6778"/>
                    <a:pt x="11543" y="6780"/>
                  </a:cubicBezTo>
                  <a:cubicBezTo>
                    <a:pt x="11531" y="6777"/>
                    <a:pt x="11518" y="6775"/>
                    <a:pt x="11505" y="6774"/>
                  </a:cubicBezTo>
                  <a:close/>
                  <a:moveTo>
                    <a:pt x="14746" y="7096"/>
                  </a:moveTo>
                  <a:cubicBezTo>
                    <a:pt x="14743" y="7097"/>
                    <a:pt x="14741" y="7097"/>
                    <a:pt x="14738" y="7098"/>
                  </a:cubicBezTo>
                  <a:cubicBezTo>
                    <a:pt x="14741" y="7097"/>
                    <a:pt x="14744" y="7097"/>
                    <a:pt x="14746" y="7096"/>
                  </a:cubicBezTo>
                  <a:close/>
                  <a:moveTo>
                    <a:pt x="13767" y="7209"/>
                  </a:moveTo>
                  <a:cubicBezTo>
                    <a:pt x="13774" y="7209"/>
                    <a:pt x="13780" y="7209"/>
                    <a:pt x="13786" y="7209"/>
                  </a:cubicBezTo>
                  <a:lnTo>
                    <a:pt x="13786" y="7209"/>
                  </a:lnTo>
                  <a:cubicBezTo>
                    <a:pt x="13779" y="7209"/>
                    <a:pt x="13773" y="7209"/>
                    <a:pt x="13767" y="7209"/>
                  </a:cubicBezTo>
                  <a:close/>
                  <a:moveTo>
                    <a:pt x="4" y="1"/>
                  </a:moveTo>
                  <a:cubicBezTo>
                    <a:pt x="1" y="1"/>
                    <a:pt x="8" y="11"/>
                    <a:pt x="35" y="39"/>
                  </a:cubicBezTo>
                  <a:lnTo>
                    <a:pt x="156" y="132"/>
                  </a:lnTo>
                  <a:cubicBezTo>
                    <a:pt x="154" y="131"/>
                    <a:pt x="152" y="131"/>
                    <a:pt x="151" y="131"/>
                  </a:cubicBezTo>
                  <a:cubicBezTo>
                    <a:pt x="138" y="131"/>
                    <a:pt x="184" y="191"/>
                    <a:pt x="188" y="208"/>
                  </a:cubicBezTo>
                  <a:cubicBezTo>
                    <a:pt x="192" y="210"/>
                    <a:pt x="195" y="211"/>
                    <a:pt x="197" y="211"/>
                  </a:cubicBezTo>
                  <a:cubicBezTo>
                    <a:pt x="216" y="211"/>
                    <a:pt x="143" y="122"/>
                    <a:pt x="163" y="122"/>
                  </a:cubicBezTo>
                  <a:cubicBezTo>
                    <a:pt x="170" y="122"/>
                    <a:pt x="186" y="131"/>
                    <a:pt x="218" y="155"/>
                  </a:cubicBezTo>
                  <a:cubicBezTo>
                    <a:pt x="249" y="172"/>
                    <a:pt x="314" y="236"/>
                    <a:pt x="361" y="288"/>
                  </a:cubicBezTo>
                  <a:lnTo>
                    <a:pt x="361" y="288"/>
                  </a:lnTo>
                  <a:cubicBezTo>
                    <a:pt x="353" y="278"/>
                    <a:pt x="352" y="274"/>
                    <a:pt x="354" y="274"/>
                  </a:cubicBezTo>
                  <a:cubicBezTo>
                    <a:pt x="362" y="274"/>
                    <a:pt x="427" y="328"/>
                    <a:pt x="459" y="354"/>
                  </a:cubicBezTo>
                  <a:cubicBezTo>
                    <a:pt x="519" y="424"/>
                    <a:pt x="628" y="528"/>
                    <a:pt x="649" y="567"/>
                  </a:cubicBezTo>
                  <a:cubicBezTo>
                    <a:pt x="686" y="595"/>
                    <a:pt x="718" y="625"/>
                    <a:pt x="749" y="660"/>
                  </a:cubicBezTo>
                  <a:lnTo>
                    <a:pt x="749" y="667"/>
                  </a:lnTo>
                  <a:cubicBezTo>
                    <a:pt x="771" y="687"/>
                    <a:pt x="780" y="694"/>
                    <a:pt x="781" y="694"/>
                  </a:cubicBezTo>
                  <a:cubicBezTo>
                    <a:pt x="785" y="694"/>
                    <a:pt x="742" y="650"/>
                    <a:pt x="748" y="650"/>
                  </a:cubicBezTo>
                  <a:lnTo>
                    <a:pt x="748" y="650"/>
                  </a:lnTo>
                  <a:cubicBezTo>
                    <a:pt x="748" y="650"/>
                    <a:pt x="749" y="650"/>
                    <a:pt x="751" y="651"/>
                  </a:cubicBezTo>
                  <a:cubicBezTo>
                    <a:pt x="809" y="706"/>
                    <a:pt x="890" y="806"/>
                    <a:pt x="985" y="896"/>
                  </a:cubicBezTo>
                  <a:cubicBezTo>
                    <a:pt x="890" y="806"/>
                    <a:pt x="806" y="737"/>
                    <a:pt x="735" y="674"/>
                  </a:cubicBezTo>
                  <a:lnTo>
                    <a:pt x="735" y="674"/>
                  </a:lnTo>
                  <a:cubicBezTo>
                    <a:pt x="786" y="731"/>
                    <a:pt x="800" y="751"/>
                    <a:pt x="792" y="751"/>
                  </a:cubicBezTo>
                  <a:cubicBezTo>
                    <a:pt x="776" y="751"/>
                    <a:pt x="665" y="659"/>
                    <a:pt x="630" y="642"/>
                  </a:cubicBezTo>
                  <a:lnTo>
                    <a:pt x="630" y="642"/>
                  </a:lnTo>
                  <a:cubicBezTo>
                    <a:pt x="774" y="774"/>
                    <a:pt x="834" y="815"/>
                    <a:pt x="955" y="917"/>
                  </a:cubicBezTo>
                  <a:cubicBezTo>
                    <a:pt x="1000" y="969"/>
                    <a:pt x="1008" y="987"/>
                    <a:pt x="997" y="987"/>
                  </a:cubicBezTo>
                  <a:cubicBezTo>
                    <a:pt x="979" y="987"/>
                    <a:pt x="915" y="941"/>
                    <a:pt x="885" y="916"/>
                  </a:cubicBezTo>
                  <a:lnTo>
                    <a:pt x="885" y="916"/>
                  </a:lnTo>
                  <a:cubicBezTo>
                    <a:pt x="1015" y="1029"/>
                    <a:pt x="1156" y="1139"/>
                    <a:pt x="1226" y="1198"/>
                  </a:cubicBezTo>
                  <a:cubicBezTo>
                    <a:pt x="1115" y="1126"/>
                    <a:pt x="1126" y="1149"/>
                    <a:pt x="1027" y="1079"/>
                  </a:cubicBezTo>
                  <a:lnTo>
                    <a:pt x="1027" y="1079"/>
                  </a:lnTo>
                  <a:cubicBezTo>
                    <a:pt x="1117" y="1191"/>
                    <a:pt x="1152" y="1195"/>
                    <a:pt x="1205" y="1235"/>
                  </a:cubicBezTo>
                  <a:cubicBezTo>
                    <a:pt x="1175" y="1211"/>
                    <a:pt x="1149" y="1186"/>
                    <a:pt x="1124" y="1156"/>
                  </a:cubicBezTo>
                  <a:lnTo>
                    <a:pt x="1124" y="1156"/>
                  </a:lnTo>
                  <a:cubicBezTo>
                    <a:pt x="1244" y="1272"/>
                    <a:pt x="1249" y="1225"/>
                    <a:pt x="1325" y="1272"/>
                  </a:cubicBezTo>
                  <a:cubicBezTo>
                    <a:pt x="1401" y="1358"/>
                    <a:pt x="1549" y="1507"/>
                    <a:pt x="1550" y="1532"/>
                  </a:cubicBezTo>
                  <a:lnTo>
                    <a:pt x="1550" y="1532"/>
                  </a:lnTo>
                  <a:lnTo>
                    <a:pt x="1562" y="1517"/>
                  </a:lnTo>
                  <a:cubicBezTo>
                    <a:pt x="1673" y="1612"/>
                    <a:pt x="1608" y="1577"/>
                    <a:pt x="1620" y="1598"/>
                  </a:cubicBezTo>
                  <a:cubicBezTo>
                    <a:pt x="1633" y="1605"/>
                    <a:pt x="1640" y="1605"/>
                    <a:pt x="1647" y="1605"/>
                  </a:cubicBezTo>
                  <a:cubicBezTo>
                    <a:pt x="1649" y="1605"/>
                    <a:pt x="1651" y="1605"/>
                    <a:pt x="1652" y="1605"/>
                  </a:cubicBezTo>
                  <a:cubicBezTo>
                    <a:pt x="1671" y="1605"/>
                    <a:pt x="1696" y="1610"/>
                    <a:pt x="1823" y="1721"/>
                  </a:cubicBezTo>
                  <a:cubicBezTo>
                    <a:pt x="1768" y="1726"/>
                    <a:pt x="1981" y="1872"/>
                    <a:pt x="1951" y="1895"/>
                  </a:cubicBezTo>
                  <a:cubicBezTo>
                    <a:pt x="2039" y="1969"/>
                    <a:pt x="2090" y="1990"/>
                    <a:pt x="2176" y="2073"/>
                  </a:cubicBezTo>
                  <a:cubicBezTo>
                    <a:pt x="2193" y="2094"/>
                    <a:pt x="2196" y="2103"/>
                    <a:pt x="2189" y="2103"/>
                  </a:cubicBezTo>
                  <a:cubicBezTo>
                    <a:pt x="2164" y="2103"/>
                    <a:pt x="1999" y="1977"/>
                    <a:pt x="1960" y="1937"/>
                  </a:cubicBezTo>
                  <a:cubicBezTo>
                    <a:pt x="1917" y="1897"/>
                    <a:pt x="1907" y="1886"/>
                    <a:pt x="1911" y="1886"/>
                  </a:cubicBezTo>
                  <a:cubicBezTo>
                    <a:pt x="1917" y="1886"/>
                    <a:pt x="1945" y="1906"/>
                    <a:pt x="1949" y="1906"/>
                  </a:cubicBezTo>
                  <a:cubicBezTo>
                    <a:pt x="1950" y="1906"/>
                    <a:pt x="1948" y="1903"/>
                    <a:pt x="1939" y="1895"/>
                  </a:cubicBezTo>
                  <a:cubicBezTo>
                    <a:pt x="1898" y="1862"/>
                    <a:pt x="1856" y="1828"/>
                    <a:pt x="1814" y="1795"/>
                  </a:cubicBezTo>
                  <a:lnTo>
                    <a:pt x="1814" y="1795"/>
                  </a:lnTo>
                  <a:cubicBezTo>
                    <a:pt x="1871" y="1862"/>
                    <a:pt x="1995" y="1981"/>
                    <a:pt x="1970" y="1981"/>
                  </a:cubicBezTo>
                  <a:cubicBezTo>
                    <a:pt x="1970" y="1981"/>
                    <a:pt x="1970" y="1981"/>
                    <a:pt x="1969" y="1981"/>
                  </a:cubicBezTo>
                  <a:lnTo>
                    <a:pt x="1969" y="1981"/>
                  </a:lnTo>
                  <a:cubicBezTo>
                    <a:pt x="1996" y="2002"/>
                    <a:pt x="2008" y="2010"/>
                    <a:pt x="2011" y="2010"/>
                  </a:cubicBezTo>
                  <a:cubicBezTo>
                    <a:pt x="2018" y="2010"/>
                    <a:pt x="1967" y="1958"/>
                    <a:pt x="1975" y="1958"/>
                  </a:cubicBezTo>
                  <a:cubicBezTo>
                    <a:pt x="1978" y="1958"/>
                    <a:pt x="1991" y="1967"/>
                    <a:pt x="2023" y="1992"/>
                  </a:cubicBezTo>
                  <a:lnTo>
                    <a:pt x="2090" y="2071"/>
                  </a:lnTo>
                  <a:cubicBezTo>
                    <a:pt x="2132" y="2105"/>
                    <a:pt x="2147" y="2114"/>
                    <a:pt x="2153" y="2114"/>
                  </a:cubicBezTo>
                  <a:cubicBezTo>
                    <a:pt x="2159" y="2114"/>
                    <a:pt x="2156" y="2105"/>
                    <a:pt x="2162" y="2105"/>
                  </a:cubicBezTo>
                  <a:cubicBezTo>
                    <a:pt x="2169" y="2105"/>
                    <a:pt x="2189" y="2118"/>
                    <a:pt x="2254" y="2175"/>
                  </a:cubicBezTo>
                  <a:cubicBezTo>
                    <a:pt x="2236" y="2161"/>
                    <a:pt x="2227" y="2156"/>
                    <a:pt x="2225" y="2156"/>
                  </a:cubicBezTo>
                  <a:cubicBezTo>
                    <a:pt x="2220" y="2156"/>
                    <a:pt x="2255" y="2189"/>
                    <a:pt x="2296" y="2226"/>
                  </a:cubicBezTo>
                  <a:cubicBezTo>
                    <a:pt x="2353" y="2279"/>
                    <a:pt x="2424" y="2342"/>
                    <a:pt x="2412" y="2351"/>
                  </a:cubicBezTo>
                  <a:lnTo>
                    <a:pt x="2412" y="2351"/>
                  </a:lnTo>
                  <a:cubicBezTo>
                    <a:pt x="2413" y="2350"/>
                    <a:pt x="2414" y="2350"/>
                    <a:pt x="2416" y="2350"/>
                  </a:cubicBezTo>
                  <a:cubicBezTo>
                    <a:pt x="2461" y="2350"/>
                    <a:pt x="2724" y="2618"/>
                    <a:pt x="2778" y="2627"/>
                  </a:cubicBezTo>
                  <a:lnTo>
                    <a:pt x="2692" y="2543"/>
                  </a:lnTo>
                  <a:lnTo>
                    <a:pt x="2701" y="2571"/>
                  </a:lnTo>
                  <a:cubicBezTo>
                    <a:pt x="2602" y="2488"/>
                    <a:pt x="2514" y="2421"/>
                    <a:pt x="2414" y="2326"/>
                  </a:cubicBezTo>
                  <a:lnTo>
                    <a:pt x="2414" y="2326"/>
                  </a:lnTo>
                  <a:cubicBezTo>
                    <a:pt x="2437" y="2341"/>
                    <a:pt x="2447" y="2346"/>
                    <a:pt x="2452" y="2346"/>
                  </a:cubicBezTo>
                  <a:cubicBezTo>
                    <a:pt x="2462" y="2346"/>
                    <a:pt x="2451" y="2328"/>
                    <a:pt x="2460" y="2328"/>
                  </a:cubicBezTo>
                  <a:cubicBezTo>
                    <a:pt x="2465" y="2328"/>
                    <a:pt x="2478" y="2335"/>
                    <a:pt x="2507" y="2356"/>
                  </a:cubicBezTo>
                  <a:cubicBezTo>
                    <a:pt x="2596" y="2422"/>
                    <a:pt x="2608" y="2437"/>
                    <a:pt x="2599" y="2437"/>
                  </a:cubicBezTo>
                  <a:cubicBezTo>
                    <a:pt x="2591" y="2437"/>
                    <a:pt x="2569" y="2426"/>
                    <a:pt x="2565" y="2426"/>
                  </a:cubicBezTo>
                  <a:cubicBezTo>
                    <a:pt x="2563" y="2426"/>
                    <a:pt x="2564" y="2427"/>
                    <a:pt x="2567" y="2430"/>
                  </a:cubicBezTo>
                  <a:cubicBezTo>
                    <a:pt x="2618" y="2467"/>
                    <a:pt x="2667" y="2504"/>
                    <a:pt x="2718" y="2541"/>
                  </a:cubicBezTo>
                  <a:cubicBezTo>
                    <a:pt x="2690" y="2509"/>
                    <a:pt x="2660" y="2479"/>
                    <a:pt x="2632" y="2446"/>
                  </a:cubicBezTo>
                  <a:lnTo>
                    <a:pt x="2632" y="2446"/>
                  </a:lnTo>
                  <a:cubicBezTo>
                    <a:pt x="2743" y="2539"/>
                    <a:pt x="2896" y="2664"/>
                    <a:pt x="3046" y="2794"/>
                  </a:cubicBezTo>
                  <a:cubicBezTo>
                    <a:pt x="3129" y="2872"/>
                    <a:pt x="3142" y="2890"/>
                    <a:pt x="3136" y="2890"/>
                  </a:cubicBezTo>
                  <a:cubicBezTo>
                    <a:pt x="3131" y="2890"/>
                    <a:pt x="3113" y="2878"/>
                    <a:pt x="3108" y="2878"/>
                  </a:cubicBezTo>
                  <a:cubicBezTo>
                    <a:pt x="3103" y="2878"/>
                    <a:pt x="3111" y="2889"/>
                    <a:pt x="3158" y="2935"/>
                  </a:cubicBezTo>
                  <a:cubicBezTo>
                    <a:pt x="3236" y="2990"/>
                    <a:pt x="3225" y="2970"/>
                    <a:pt x="3327" y="3055"/>
                  </a:cubicBezTo>
                  <a:cubicBezTo>
                    <a:pt x="3276" y="3002"/>
                    <a:pt x="3225" y="2977"/>
                    <a:pt x="3185" y="2944"/>
                  </a:cubicBezTo>
                  <a:cubicBezTo>
                    <a:pt x="3181" y="2937"/>
                    <a:pt x="3180" y="2934"/>
                    <a:pt x="3183" y="2934"/>
                  </a:cubicBezTo>
                  <a:cubicBezTo>
                    <a:pt x="3202" y="2934"/>
                    <a:pt x="3357" y="3066"/>
                    <a:pt x="3378" y="3066"/>
                  </a:cubicBezTo>
                  <a:cubicBezTo>
                    <a:pt x="3379" y="3066"/>
                    <a:pt x="3380" y="3066"/>
                    <a:pt x="3380" y="3065"/>
                  </a:cubicBezTo>
                  <a:cubicBezTo>
                    <a:pt x="3402" y="3089"/>
                    <a:pt x="3406" y="3099"/>
                    <a:pt x="3398" y="3099"/>
                  </a:cubicBezTo>
                  <a:cubicBezTo>
                    <a:pt x="3393" y="3099"/>
                    <a:pt x="3382" y="3094"/>
                    <a:pt x="3366" y="3085"/>
                  </a:cubicBezTo>
                  <a:lnTo>
                    <a:pt x="3366" y="3085"/>
                  </a:lnTo>
                  <a:cubicBezTo>
                    <a:pt x="3410" y="3120"/>
                    <a:pt x="3454" y="3155"/>
                    <a:pt x="3496" y="3187"/>
                  </a:cubicBezTo>
                  <a:cubicBezTo>
                    <a:pt x="3538" y="3220"/>
                    <a:pt x="3579" y="3252"/>
                    <a:pt x="3614" y="3282"/>
                  </a:cubicBezTo>
                  <a:cubicBezTo>
                    <a:pt x="3670" y="3326"/>
                    <a:pt x="3721" y="3377"/>
                    <a:pt x="3765" y="3433"/>
                  </a:cubicBezTo>
                  <a:lnTo>
                    <a:pt x="3857" y="3472"/>
                  </a:lnTo>
                  <a:cubicBezTo>
                    <a:pt x="3935" y="3536"/>
                    <a:pt x="3958" y="3557"/>
                    <a:pt x="3953" y="3557"/>
                  </a:cubicBezTo>
                  <a:cubicBezTo>
                    <a:pt x="3948" y="3557"/>
                    <a:pt x="3920" y="3539"/>
                    <a:pt x="3890" y="3519"/>
                  </a:cubicBezTo>
                  <a:cubicBezTo>
                    <a:pt x="3856" y="3498"/>
                    <a:pt x="3821" y="3475"/>
                    <a:pt x="3814" y="3475"/>
                  </a:cubicBezTo>
                  <a:cubicBezTo>
                    <a:pt x="3808" y="3475"/>
                    <a:pt x="3824" y="3492"/>
                    <a:pt x="3883" y="3542"/>
                  </a:cubicBezTo>
                  <a:cubicBezTo>
                    <a:pt x="3966" y="3611"/>
                    <a:pt x="4054" y="3674"/>
                    <a:pt x="4147" y="3732"/>
                  </a:cubicBezTo>
                  <a:lnTo>
                    <a:pt x="4054" y="3660"/>
                  </a:lnTo>
                  <a:lnTo>
                    <a:pt x="4054" y="3660"/>
                  </a:lnTo>
                  <a:cubicBezTo>
                    <a:pt x="4135" y="3704"/>
                    <a:pt x="4135" y="3692"/>
                    <a:pt x="4253" y="3771"/>
                  </a:cubicBezTo>
                  <a:cubicBezTo>
                    <a:pt x="4332" y="3834"/>
                    <a:pt x="4279" y="3815"/>
                    <a:pt x="4388" y="3875"/>
                  </a:cubicBezTo>
                  <a:cubicBezTo>
                    <a:pt x="4500" y="3966"/>
                    <a:pt x="4519" y="3991"/>
                    <a:pt x="4502" y="3991"/>
                  </a:cubicBezTo>
                  <a:cubicBezTo>
                    <a:pt x="4490" y="3991"/>
                    <a:pt x="4461" y="3979"/>
                    <a:pt x="4433" y="3968"/>
                  </a:cubicBezTo>
                  <a:lnTo>
                    <a:pt x="4433" y="3968"/>
                  </a:lnTo>
                  <a:cubicBezTo>
                    <a:pt x="4517" y="4026"/>
                    <a:pt x="4624" y="4104"/>
                    <a:pt x="4645" y="4107"/>
                  </a:cubicBezTo>
                  <a:cubicBezTo>
                    <a:pt x="4644" y="4109"/>
                    <a:pt x="4641" y="4110"/>
                    <a:pt x="4636" y="4110"/>
                  </a:cubicBezTo>
                  <a:cubicBezTo>
                    <a:pt x="4626" y="4110"/>
                    <a:pt x="4606" y="4104"/>
                    <a:pt x="4571" y="4084"/>
                  </a:cubicBezTo>
                  <a:lnTo>
                    <a:pt x="4571" y="4084"/>
                  </a:lnTo>
                  <a:cubicBezTo>
                    <a:pt x="4502" y="4019"/>
                    <a:pt x="4478" y="4006"/>
                    <a:pt x="4469" y="4006"/>
                  </a:cubicBezTo>
                  <a:cubicBezTo>
                    <a:pt x="4463" y="4006"/>
                    <a:pt x="4462" y="4011"/>
                    <a:pt x="4459" y="4011"/>
                  </a:cubicBezTo>
                  <a:cubicBezTo>
                    <a:pt x="4456" y="4011"/>
                    <a:pt x="4452" y="4006"/>
                    <a:pt x="4436" y="3984"/>
                  </a:cubicBezTo>
                  <a:lnTo>
                    <a:pt x="4397" y="3954"/>
                  </a:lnTo>
                  <a:lnTo>
                    <a:pt x="4397" y="3954"/>
                  </a:lnTo>
                  <a:cubicBezTo>
                    <a:pt x="4393" y="3953"/>
                    <a:pt x="4390" y="3952"/>
                    <a:pt x="4388" y="3952"/>
                  </a:cubicBezTo>
                  <a:lnTo>
                    <a:pt x="4388" y="3952"/>
                  </a:lnTo>
                  <a:cubicBezTo>
                    <a:pt x="4443" y="3999"/>
                    <a:pt x="4451" y="4013"/>
                    <a:pt x="4439" y="4013"/>
                  </a:cubicBezTo>
                  <a:cubicBezTo>
                    <a:pt x="4437" y="4013"/>
                    <a:pt x="4434" y="4012"/>
                    <a:pt x="4430" y="4011"/>
                  </a:cubicBezTo>
                  <a:lnTo>
                    <a:pt x="4430" y="4011"/>
                  </a:lnTo>
                  <a:lnTo>
                    <a:pt x="4503" y="4050"/>
                  </a:lnTo>
                  <a:lnTo>
                    <a:pt x="4541" y="4107"/>
                  </a:lnTo>
                  <a:cubicBezTo>
                    <a:pt x="4603" y="4156"/>
                    <a:pt x="4656" y="4170"/>
                    <a:pt x="4684" y="4204"/>
                  </a:cubicBezTo>
                  <a:cubicBezTo>
                    <a:pt x="4706" y="4226"/>
                    <a:pt x="4706" y="4232"/>
                    <a:pt x="4699" y="4232"/>
                  </a:cubicBezTo>
                  <a:cubicBezTo>
                    <a:pt x="4689" y="4232"/>
                    <a:pt x="4663" y="4219"/>
                    <a:pt x="4656" y="4219"/>
                  </a:cubicBezTo>
                  <a:cubicBezTo>
                    <a:pt x="4648" y="4219"/>
                    <a:pt x="4665" y="4236"/>
                    <a:pt x="4758" y="4304"/>
                  </a:cubicBezTo>
                  <a:cubicBezTo>
                    <a:pt x="4835" y="4364"/>
                    <a:pt x="4916" y="4415"/>
                    <a:pt x="5002" y="4459"/>
                  </a:cubicBezTo>
                  <a:cubicBezTo>
                    <a:pt x="5029" y="4473"/>
                    <a:pt x="5055" y="4485"/>
                    <a:pt x="5083" y="4501"/>
                  </a:cubicBezTo>
                  <a:cubicBezTo>
                    <a:pt x="5117" y="4522"/>
                    <a:pt x="5152" y="4543"/>
                    <a:pt x="5187" y="4566"/>
                  </a:cubicBezTo>
                  <a:cubicBezTo>
                    <a:pt x="5152" y="4536"/>
                    <a:pt x="5115" y="4508"/>
                    <a:pt x="5076" y="4482"/>
                  </a:cubicBezTo>
                  <a:lnTo>
                    <a:pt x="5076" y="4482"/>
                  </a:lnTo>
                  <a:cubicBezTo>
                    <a:pt x="5087" y="4488"/>
                    <a:pt x="5093" y="4490"/>
                    <a:pt x="5096" y="4490"/>
                  </a:cubicBezTo>
                  <a:cubicBezTo>
                    <a:pt x="5105" y="4490"/>
                    <a:pt x="5088" y="4473"/>
                    <a:pt x="5095" y="4473"/>
                  </a:cubicBezTo>
                  <a:cubicBezTo>
                    <a:pt x="5100" y="4473"/>
                    <a:pt x="5112" y="4479"/>
                    <a:pt x="5143" y="4496"/>
                  </a:cubicBezTo>
                  <a:cubicBezTo>
                    <a:pt x="5185" y="4549"/>
                    <a:pt x="5372" y="4670"/>
                    <a:pt x="5514" y="4763"/>
                  </a:cubicBezTo>
                  <a:cubicBezTo>
                    <a:pt x="5509" y="4761"/>
                    <a:pt x="5506" y="4761"/>
                    <a:pt x="5504" y="4761"/>
                  </a:cubicBezTo>
                  <a:cubicBezTo>
                    <a:pt x="5487" y="4761"/>
                    <a:pt x="5532" y="4800"/>
                    <a:pt x="5520" y="4800"/>
                  </a:cubicBezTo>
                  <a:cubicBezTo>
                    <a:pt x="5518" y="4800"/>
                    <a:pt x="5514" y="4798"/>
                    <a:pt x="5507" y="4795"/>
                  </a:cubicBezTo>
                  <a:lnTo>
                    <a:pt x="5507" y="4795"/>
                  </a:lnTo>
                  <a:cubicBezTo>
                    <a:pt x="5564" y="4830"/>
                    <a:pt x="5625" y="4862"/>
                    <a:pt x="5687" y="4888"/>
                  </a:cubicBezTo>
                  <a:cubicBezTo>
                    <a:pt x="5623" y="4843"/>
                    <a:pt x="5602" y="4827"/>
                    <a:pt x="5607" y="4827"/>
                  </a:cubicBezTo>
                  <a:cubicBezTo>
                    <a:pt x="5619" y="4827"/>
                    <a:pt x="5795" y="4932"/>
                    <a:pt x="5812" y="4932"/>
                  </a:cubicBezTo>
                  <a:cubicBezTo>
                    <a:pt x="5817" y="4932"/>
                    <a:pt x="5805" y="4921"/>
                    <a:pt x="5764" y="4890"/>
                  </a:cubicBezTo>
                  <a:lnTo>
                    <a:pt x="5764" y="4890"/>
                  </a:lnTo>
                  <a:cubicBezTo>
                    <a:pt x="5877" y="4962"/>
                    <a:pt x="5942" y="5008"/>
                    <a:pt x="5995" y="5048"/>
                  </a:cubicBezTo>
                  <a:cubicBezTo>
                    <a:pt x="6051" y="5087"/>
                    <a:pt x="6095" y="5122"/>
                    <a:pt x="6162" y="5168"/>
                  </a:cubicBezTo>
                  <a:cubicBezTo>
                    <a:pt x="6154" y="5168"/>
                    <a:pt x="6026" y="5099"/>
                    <a:pt x="6015" y="5099"/>
                  </a:cubicBezTo>
                  <a:cubicBezTo>
                    <a:pt x="6010" y="5099"/>
                    <a:pt x="6028" y="5113"/>
                    <a:pt x="6090" y="5152"/>
                  </a:cubicBezTo>
                  <a:cubicBezTo>
                    <a:pt x="6160" y="5185"/>
                    <a:pt x="6188" y="5196"/>
                    <a:pt x="6197" y="5196"/>
                  </a:cubicBezTo>
                  <a:cubicBezTo>
                    <a:pt x="6214" y="5196"/>
                    <a:pt x="6169" y="5161"/>
                    <a:pt x="6189" y="5161"/>
                  </a:cubicBezTo>
                  <a:cubicBezTo>
                    <a:pt x="6198" y="5161"/>
                    <a:pt x="6219" y="5168"/>
                    <a:pt x="6262" y="5186"/>
                  </a:cubicBezTo>
                  <a:lnTo>
                    <a:pt x="6116" y="5092"/>
                  </a:lnTo>
                  <a:cubicBezTo>
                    <a:pt x="6115" y="5088"/>
                    <a:pt x="6117" y="5087"/>
                    <a:pt x="6120" y="5087"/>
                  </a:cubicBezTo>
                  <a:cubicBezTo>
                    <a:pt x="6156" y="5087"/>
                    <a:pt x="6381" y="5239"/>
                    <a:pt x="6417" y="5254"/>
                  </a:cubicBezTo>
                  <a:cubicBezTo>
                    <a:pt x="6435" y="5266"/>
                    <a:pt x="6440" y="5270"/>
                    <a:pt x="6438" y="5270"/>
                  </a:cubicBezTo>
                  <a:cubicBezTo>
                    <a:pt x="6431" y="5270"/>
                    <a:pt x="6362" y="5234"/>
                    <a:pt x="6350" y="5234"/>
                  </a:cubicBezTo>
                  <a:cubicBezTo>
                    <a:pt x="6345" y="5234"/>
                    <a:pt x="6348" y="5239"/>
                    <a:pt x="6366" y="5254"/>
                  </a:cubicBezTo>
                  <a:cubicBezTo>
                    <a:pt x="6419" y="5288"/>
                    <a:pt x="6475" y="5319"/>
                    <a:pt x="6533" y="5346"/>
                  </a:cubicBezTo>
                  <a:cubicBezTo>
                    <a:pt x="6579" y="5367"/>
                    <a:pt x="6621" y="5393"/>
                    <a:pt x="6662" y="5418"/>
                  </a:cubicBezTo>
                  <a:cubicBezTo>
                    <a:pt x="6567" y="5388"/>
                    <a:pt x="6625" y="5411"/>
                    <a:pt x="6521" y="5372"/>
                  </a:cubicBezTo>
                  <a:lnTo>
                    <a:pt x="6521" y="5372"/>
                  </a:lnTo>
                  <a:cubicBezTo>
                    <a:pt x="6669" y="5453"/>
                    <a:pt x="6677" y="5462"/>
                    <a:pt x="6665" y="5462"/>
                  </a:cubicBezTo>
                  <a:cubicBezTo>
                    <a:pt x="6661" y="5462"/>
                    <a:pt x="6655" y="5461"/>
                    <a:pt x="6650" y="5461"/>
                  </a:cubicBezTo>
                  <a:cubicBezTo>
                    <a:pt x="6638" y="5461"/>
                    <a:pt x="6637" y="5469"/>
                    <a:pt x="6737" y="5529"/>
                  </a:cubicBezTo>
                  <a:cubicBezTo>
                    <a:pt x="6818" y="5569"/>
                    <a:pt x="6774" y="5529"/>
                    <a:pt x="6901" y="5601"/>
                  </a:cubicBezTo>
                  <a:cubicBezTo>
                    <a:pt x="6836" y="5543"/>
                    <a:pt x="6848" y="5543"/>
                    <a:pt x="6642" y="5427"/>
                  </a:cubicBezTo>
                  <a:lnTo>
                    <a:pt x="6642" y="5427"/>
                  </a:lnTo>
                  <a:cubicBezTo>
                    <a:pt x="6683" y="5437"/>
                    <a:pt x="6750" y="5474"/>
                    <a:pt x="6827" y="5520"/>
                  </a:cubicBezTo>
                  <a:cubicBezTo>
                    <a:pt x="6901" y="5566"/>
                    <a:pt x="6982" y="5608"/>
                    <a:pt x="7063" y="5643"/>
                  </a:cubicBezTo>
                  <a:cubicBezTo>
                    <a:pt x="7012" y="5610"/>
                    <a:pt x="6957" y="5583"/>
                    <a:pt x="6901" y="5557"/>
                  </a:cubicBezTo>
                  <a:cubicBezTo>
                    <a:pt x="6898" y="5538"/>
                    <a:pt x="6878" y="5519"/>
                    <a:pt x="6897" y="5519"/>
                  </a:cubicBezTo>
                  <a:cubicBezTo>
                    <a:pt x="6908" y="5519"/>
                    <a:pt x="6931" y="5525"/>
                    <a:pt x="6975" y="5539"/>
                  </a:cubicBezTo>
                  <a:cubicBezTo>
                    <a:pt x="6906" y="5508"/>
                    <a:pt x="6855" y="5488"/>
                    <a:pt x="6797" y="5464"/>
                  </a:cubicBezTo>
                  <a:cubicBezTo>
                    <a:pt x="6723" y="5432"/>
                    <a:pt x="6649" y="5395"/>
                    <a:pt x="6579" y="5353"/>
                  </a:cubicBezTo>
                  <a:cubicBezTo>
                    <a:pt x="6574" y="5346"/>
                    <a:pt x="6574" y="5343"/>
                    <a:pt x="6579" y="5343"/>
                  </a:cubicBezTo>
                  <a:cubicBezTo>
                    <a:pt x="6609" y="5343"/>
                    <a:pt x="6789" y="5442"/>
                    <a:pt x="6832" y="5442"/>
                  </a:cubicBezTo>
                  <a:cubicBezTo>
                    <a:pt x="6837" y="5442"/>
                    <a:pt x="6840" y="5441"/>
                    <a:pt x="6841" y="5439"/>
                  </a:cubicBezTo>
                  <a:cubicBezTo>
                    <a:pt x="6866" y="5448"/>
                    <a:pt x="6899" y="5467"/>
                    <a:pt x="6936" y="5483"/>
                  </a:cubicBezTo>
                  <a:cubicBezTo>
                    <a:pt x="6975" y="5502"/>
                    <a:pt x="7017" y="5525"/>
                    <a:pt x="7056" y="5548"/>
                  </a:cubicBezTo>
                  <a:cubicBezTo>
                    <a:pt x="7140" y="5592"/>
                    <a:pt x="7223" y="5643"/>
                    <a:pt x="7274" y="5675"/>
                  </a:cubicBezTo>
                  <a:lnTo>
                    <a:pt x="7584" y="5803"/>
                  </a:lnTo>
                  <a:cubicBezTo>
                    <a:pt x="7677" y="5842"/>
                    <a:pt x="7770" y="5877"/>
                    <a:pt x="7865" y="5905"/>
                  </a:cubicBezTo>
                  <a:cubicBezTo>
                    <a:pt x="8001" y="5974"/>
                    <a:pt x="8360" y="6108"/>
                    <a:pt x="8627" y="6215"/>
                  </a:cubicBezTo>
                  <a:cubicBezTo>
                    <a:pt x="8655" y="6240"/>
                    <a:pt x="8856" y="6318"/>
                    <a:pt x="8833" y="6318"/>
                  </a:cubicBezTo>
                  <a:cubicBezTo>
                    <a:pt x="8829" y="6318"/>
                    <a:pt x="8818" y="6315"/>
                    <a:pt x="8800" y="6310"/>
                  </a:cubicBezTo>
                  <a:lnTo>
                    <a:pt x="8800" y="6310"/>
                  </a:lnTo>
                  <a:cubicBezTo>
                    <a:pt x="8847" y="6325"/>
                    <a:pt x="8964" y="6364"/>
                    <a:pt x="8983" y="6364"/>
                  </a:cubicBezTo>
                  <a:cubicBezTo>
                    <a:pt x="8987" y="6364"/>
                    <a:pt x="8986" y="6362"/>
                    <a:pt x="8977" y="6356"/>
                  </a:cubicBezTo>
                  <a:cubicBezTo>
                    <a:pt x="8944" y="6347"/>
                    <a:pt x="8912" y="6335"/>
                    <a:pt x="8879" y="6322"/>
                  </a:cubicBezTo>
                  <a:lnTo>
                    <a:pt x="8928" y="6322"/>
                  </a:lnTo>
                  <a:cubicBezTo>
                    <a:pt x="9058" y="6375"/>
                    <a:pt x="9211" y="6410"/>
                    <a:pt x="9333" y="6463"/>
                  </a:cubicBezTo>
                  <a:cubicBezTo>
                    <a:pt x="9338" y="6466"/>
                    <a:pt x="9337" y="6468"/>
                    <a:pt x="9334" y="6468"/>
                  </a:cubicBezTo>
                  <a:cubicBezTo>
                    <a:pt x="9313" y="6468"/>
                    <a:pt x="9182" y="6421"/>
                    <a:pt x="9162" y="6421"/>
                  </a:cubicBezTo>
                  <a:cubicBezTo>
                    <a:pt x="9156" y="6421"/>
                    <a:pt x="9159" y="6424"/>
                    <a:pt x="9173" y="6433"/>
                  </a:cubicBezTo>
                  <a:cubicBezTo>
                    <a:pt x="9224" y="6442"/>
                    <a:pt x="9275" y="6456"/>
                    <a:pt x="9326" y="6470"/>
                  </a:cubicBezTo>
                  <a:cubicBezTo>
                    <a:pt x="9396" y="6488"/>
                    <a:pt x="9475" y="6509"/>
                    <a:pt x="9556" y="6532"/>
                  </a:cubicBezTo>
                  <a:cubicBezTo>
                    <a:pt x="9634" y="6556"/>
                    <a:pt x="9716" y="6581"/>
                    <a:pt x="9787" y="6604"/>
                  </a:cubicBezTo>
                  <a:cubicBezTo>
                    <a:pt x="9857" y="6627"/>
                    <a:pt x="9919" y="6644"/>
                    <a:pt x="9956" y="6657"/>
                  </a:cubicBezTo>
                  <a:cubicBezTo>
                    <a:pt x="10063" y="6690"/>
                    <a:pt x="10070" y="6715"/>
                    <a:pt x="10114" y="6732"/>
                  </a:cubicBezTo>
                  <a:lnTo>
                    <a:pt x="10297" y="6780"/>
                  </a:lnTo>
                  <a:cubicBezTo>
                    <a:pt x="10311" y="6794"/>
                    <a:pt x="10329" y="6806"/>
                    <a:pt x="10348" y="6817"/>
                  </a:cubicBezTo>
                  <a:cubicBezTo>
                    <a:pt x="10415" y="6838"/>
                    <a:pt x="10485" y="6852"/>
                    <a:pt x="10556" y="6861"/>
                  </a:cubicBezTo>
                  <a:cubicBezTo>
                    <a:pt x="10693" y="6903"/>
                    <a:pt x="10706" y="6916"/>
                    <a:pt x="10667" y="6916"/>
                  </a:cubicBezTo>
                  <a:cubicBezTo>
                    <a:pt x="10639" y="6916"/>
                    <a:pt x="10586" y="6910"/>
                    <a:pt x="10533" y="6903"/>
                  </a:cubicBezTo>
                  <a:lnTo>
                    <a:pt x="10401" y="6864"/>
                  </a:lnTo>
                  <a:cubicBezTo>
                    <a:pt x="10331" y="6856"/>
                    <a:pt x="10243" y="6831"/>
                    <a:pt x="10221" y="6831"/>
                  </a:cubicBezTo>
                  <a:cubicBezTo>
                    <a:pt x="10211" y="6831"/>
                    <a:pt x="10215" y="6836"/>
                    <a:pt x="10239" y="6850"/>
                  </a:cubicBezTo>
                  <a:cubicBezTo>
                    <a:pt x="10262" y="6857"/>
                    <a:pt x="10285" y="6860"/>
                    <a:pt x="10309" y="6860"/>
                  </a:cubicBezTo>
                  <a:cubicBezTo>
                    <a:pt x="10317" y="6860"/>
                    <a:pt x="10324" y="6860"/>
                    <a:pt x="10332" y="6859"/>
                  </a:cubicBezTo>
                  <a:lnTo>
                    <a:pt x="10408" y="6887"/>
                  </a:lnTo>
                  <a:cubicBezTo>
                    <a:pt x="10477" y="6896"/>
                    <a:pt x="10640" y="6931"/>
                    <a:pt x="10683" y="6931"/>
                  </a:cubicBezTo>
                  <a:cubicBezTo>
                    <a:pt x="10692" y="6931"/>
                    <a:pt x="10696" y="6930"/>
                    <a:pt x="10693" y="6926"/>
                  </a:cubicBezTo>
                  <a:lnTo>
                    <a:pt x="10693" y="6926"/>
                  </a:lnTo>
                  <a:cubicBezTo>
                    <a:pt x="10732" y="6938"/>
                    <a:pt x="10774" y="6952"/>
                    <a:pt x="10816" y="6961"/>
                  </a:cubicBezTo>
                  <a:lnTo>
                    <a:pt x="10946" y="6986"/>
                  </a:lnTo>
                  <a:cubicBezTo>
                    <a:pt x="11031" y="7003"/>
                    <a:pt x="11115" y="7021"/>
                    <a:pt x="11184" y="7040"/>
                  </a:cubicBezTo>
                  <a:cubicBezTo>
                    <a:pt x="11087" y="7012"/>
                    <a:pt x="11214" y="7030"/>
                    <a:pt x="11189" y="7012"/>
                  </a:cubicBezTo>
                  <a:lnTo>
                    <a:pt x="11015" y="6972"/>
                  </a:lnTo>
                  <a:lnTo>
                    <a:pt x="11254" y="7012"/>
                  </a:lnTo>
                  <a:lnTo>
                    <a:pt x="11316" y="7023"/>
                  </a:lnTo>
                  <a:lnTo>
                    <a:pt x="11379" y="7033"/>
                  </a:lnTo>
                  <a:cubicBezTo>
                    <a:pt x="11418" y="7040"/>
                    <a:pt x="11455" y="7047"/>
                    <a:pt x="11488" y="7056"/>
                  </a:cubicBezTo>
                  <a:cubicBezTo>
                    <a:pt x="11469" y="7063"/>
                    <a:pt x="11464" y="7065"/>
                    <a:pt x="11529" y="7084"/>
                  </a:cubicBezTo>
                  <a:cubicBezTo>
                    <a:pt x="11507" y="7077"/>
                    <a:pt x="11510" y="7075"/>
                    <a:pt x="11525" y="7075"/>
                  </a:cubicBezTo>
                  <a:cubicBezTo>
                    <a:pt x="11548" y="7075"/>
                    <a:pt x="11600" y="7080"/>
                    <a:pt x="11625" y="7080"/>
                  </a:cubicBezTo>
                  <a:cubicBezTo>
                    <a:pt x="11651" y="7080"/>
                    <a:pt x="11651" y="7075"/>
                    <a:pt x="11576" y="7056"/>
                  </a:cubicBezTo>
                  <a:cubicBezTo>
                    <a:pt x="11499" y="7049"/>
                    <a:pt x="11427" y="7040"/>
                    <a:pt x="11332" y="7023"/>
                  </a:cubicBezTo>
                  <a:cubicBezTo>
                    <a:pt x="11308" y="7011"/>
                    <a:pt x="11319" y="7007"/>
                    <a:pt x="11347" y="7007"/>
                  </a:cubicBezTo>
                  <a:cubicBezTo>
                    <a:pt x="11387" y="7007"/>
                    <a:pt x="11461" y="7015"/>
                    <a:pt x="11513" y="7016"/>
                  </a:cubicBezTo>
                  <a:lnTo>
                    <a:pt x="11731" y="7044"/>
                  </a:lnTo>
                  <a:cubicBezTo>
                    <a:pt x="11773" y="7049"/>
                    <a:pt x="11819" y="7056"/>
                    <a:pt x="11858" y="7058"/>
                  </a:cubicBezTo>
                  <a:lnTo>
                    <a:pt x="11979" y="7067"/>
                  </a:lnTo>
                  <a:cubicBezTo>
                    <a:pt x="12069" y="7081"/>
                    <a:pt x="12095" y="7109"/>
                    <a:pt x="12252" y="7114"/>
                  </a:cubicBezTo>
                  <a:cubicBezTo>
                    <a:pt x="12168" y="7096"/>
                    <a:pt x="12190" y="7090"/>
                    <a:pt x="12247" y="7090"/>
                  </a:cubicBezTo>
                  <a:cubicBezTo>
                    <a:pt x="12257" y="7090"/>
                    <a:pt x="12268" y="7090"/>
                    <a:pt x="12280" y="7091"/>
                  </a:cubicBezTo>
                  <a:lnTo>
                    <a:pt x="12345" y="7091"/>
                  </a:lnTo>
                  <a:lnTo>
                    <a:pt x="12410" y="7088"/>
                  </a:lnTo>
                  <a:cubicBezTo>
                    <a:pt x="12437" y="7088"/>
                    <a:pt x="12467" y="7086"/>
                    <a:pt x="12498" y="7081"/>
                  </a:cubicBezTo>
                  <a:cubicBezTo>
                    <a:pt x="12648" y="7102"/>
                    <a:pt x="12743" y="7081"/>
                    <a:pt x="12864" y="7107"/>
                  </a:cubicBezTo>
                  <a:cubicBezTo>
                    <a:pt x="12856" y="7107"/>
                    <a:pt x="12847" y="7108"/>
                    <a:pt x="12836" y="7108"/>
                  </a:cubicBezTo>
                  <a:cubicBezTo>
                    <a:pt x="12774" y="7108"/>
                    <a:pt x="12659" y="7101"/>
                    <a:pt x="12580" y="7101"/>
                  </a:cubicBezTo>
                  <a:cubicBezTo>
                    <a:pt x="12549" y="7101"/>
                    <a:pt x="12524" y="7102"/>
                    <a:pt x="12509" y="7105"/>
                  </a:cubicBezTo>
                  <a:cubicBezTo>
                    <a:pt x="12501" y="7116"/>
                    <a:pt x="12543" y="7139"/>
                    <a:pt x="12407" y="7139"/>
                  </a:cubicBezTo>
                  <a:cubicBezTo>
                    <a:pt x="12385" y="7139"/>
                    <a:pt x="12358" y="7138"/>
                    <a:pt x="12326" y="7137"/>
                  </a:cubicBezTo>
                  <a:lnTo>
                    <a:pt x="12326" y="7137"/>
                  </a:lnTo>
                  <a:cubicBezTo>
                    <a:pt x="12419" y="7146"/>
                    <a:pt x="12468" y="7149"/>
                    <a:pt x="12497" y="7149"/>
                  </a:cubicBezTo>
                  <a:cubicBezTo>
                    <a:pt x="12550" y="7149"/>
                    <a:pt x="12536" y="7139"/>
                    <a:pt x="12604" y="7139"/>
                  </a:cubicBezTo>
                  <a:cubicBezTo>
                    <a:pt x="12608" y="7139"/>
                    <a:pt x="12613" y="7139"/>
                    <a:pt x="12618" y="7139"/>
                  </a:cubicBezTo>
                  <a:lnTo>
                    <a:pt x="12523" y="7135"/>
                  </a:lnTo>
                  <a:cubicBezTo>
                    <a:pt x="12560" y="7133"/>
                    <a:pt x="12508" y="7119"/>
                    <a:pt x="12541" y="7119"/>
                  </a:cubicBezTo>
                  <a:cubicBezTo>
                    <a:pt x="12547" y="7119"/>
                    <a:pt x="12556" y="7120"/>
                    <a:pt x="12569" y="7121"/>
                  </a:cubicBezTo>
                  <a:cubicBezTo>
                    <a:pt x="12655" y="7128"/>
                    <a:pt x="12715" y="7135"/>
                    <a:pt x="12771" y="7142"/>
                  </a:cubicBezTo>
                  <a:cubicBezTo>
                    <a:pt x="12824" y="7149"/>
                    <a:pt x="12868" y="7155"/>
                    <a:pt x="12910" y="7160"/>
                  </a:cubicBezTo>
                  <a:lnTo>
                    <a:pt x="13169" y="7193"/>
                  </a:lnTo>
                  <a:cubicBezTo>
                    <a:pt x="13121" y="7181"/>
                    <a:pt x="13223" y="7174"/>
                    <a:pt x="13274" y="7174"/>
                  </a:cubicBezTo>
                  <a:cubicBezTo>
                    <a:pt x="13487" y="7193"/>
                    <a:pt x="13271" y="7206"/>
                    <a:pt x="13401" y="7232"/>
                  </a:cubicBezTo>
                  <a:cubicBezTo>
                    <a:pt x="13475" y="7218"/>
                    <a:pt x="13621" y="7218"/>
                    <a:pt x="13570" y="7209"/>
                  </a:cubicBezTo>
                  <a:cubicBezTo>
                    <a:pt x="13582" y="7208"/>
                    <a:pt x="13591" y="7208"/>
                    <a:pt x="13599" y="7208"/>
                  </a:cubicBezTo>
                  <a:cubicBezTo>
                    <a:pt x="13646" y="7208"/>
                    <a:pt x="13620" y="7214"/>
                    <a:pt x="13672" y="7218"/>
                  </a:cubicBezTo>
                  <a:cubicBezTo>
                    <a:pt x="13741" y="7203"/>
                    <a:pt x="13811" y="7194"/>
                    <a:pt x="13882" y="7194"/>
                  </a:cubicBezTo>
                  <a:cubicBezTo>
                    <a:pt x="13890" y="7194"/>
                    <a:pt x="13898" y="7195"/>
                    <a:pt x="13906" y="7195"/>
                  </a:cubicBezTo>
                  <a:cubicBezTo>
                    <a:pt x="13896" y="7201"/>
                    <a:pt x="13883" y="7209"/>
                    <a:pt x="13800" y="7209"/>
                  </a:cubicBezTo>
                  <a:cubicBezTo>
                    <a:pt x="13796" y="7209"/>
                    <a:pt x="13791" y="7209"/>
                    <a:pt x="13786" y="7209"/>
                  </a:cubicBezTo>
                  <a:lnTo>
                    <a:pt x="13786" y="7209"/>
                  </a:lnTo>
                  <a:cubicBezTo>
                    <a:pt x="13823" y="7210"/>
                    <a:pt x="13859" y="7215"/>
                    <a:pt x="13894" y="7225"/>
                  </a:cubicBezTo>
                  <a:cubicBezTo>
                    <a:pt x="13915" y="7232"/>
                    <a:pt x="13913" y="7241"/>
                    <a:pt x="13885" y="7248"/>
                  </a:cubicBezTo>
                  <a:lnTo>
                    <a:pt x="13681" y="7241"/>
                  </a:lnTo>
                  <a:lnTo>
                    <a:pt x="13681" y="7241"/>
                  </a:lnTo>
                  <a:cubicBezTo>
                    <a:pt x="13589" y="7260"/>
                    <a:pt x="13871" y="7246"/>
                    <a:pt x="13864" y="7260"/>
                  </a:cubicBezTo>
                  <a:cubicBezTo>
                    <a:pt x="13839" y="7262"/>
                    <a:pt x="13815" y="7262"/>
                    <a:pt x="13793" y="7262"/>
                  </a:cubicBezTo>
                  <a:cubicBezTo>
                    <a:pt x="13746" y="7262"/>
                    <a:pt x="13706" y="7259"/>
                    <a:pt x="13669" y="7259"/>
                  </a:cubicBezTo>
                  <a:cubicBezTo>
                    <a:pt x="13662" y="7259"/>
                    <a:pt x="13656" y="7259"/>
                    <a:pt x="13649" y="7260"/>
                  </a:cubicBezTo>
                  <a:cubicBezTo>
                    <a:pt x="13677" y="7265"/>
                    <a:pt x="13707" y="7267"/>
                    <a:pt x="13738" y="7267"/>
                  </a:cubicBezTo>
                  <a:cubicBezTo>
                    <a:pt x="13759" y="7267"/>
                    <a:pt x="13781" y="7266"/>
                    <a:pt x="13802" y="7264"/>
                  </a:cubicBezTo>
                  <a:cubicBezTo>
                    <a:pt x="13834" y="7262"/>
                    <a:pt x="13867" y="7262"/>
                    <a:pt x="13899" y="7260"/>
                  </a:cubicBezTo>
                  <a:cubicBezTo>
                    <a:pt x="13931" y="7255"/>
                    <a:pt x="13962" y="7253"/>
                    <a:pt x="13987" y="7250"/>
                  </a:cubicBezTo>
                  <a:cubicBezTo>
                    <a:pt x="14012" y="7249"/>
                    <a:pt x="14032" y="7249"/>
                    <a:pt x="14048" y="7249"/>
                  </a:cubicBezTo>
                  <a:cubicBezTo>
                    <a:pt x="14135" y="7249"/>
                    <a:pt x="14094" y="7263"/>
                    <a:pt x="14096" y="7271"/>
                  </a:cubicBezTo>
                  <a:cubicBezTo>
                    <a:pt x="14374" y="7227"/>
                    <a:pt x="13772" y="7262"/>
                    <a:pt x="14031" y="7223"/>
                  </a:cubicBezTo>
                  <a:cubicBezTo>
                    <a:pt x="14108" y="7206"/>
                    <a:pt x="14184" y="7197"/>
                    <a:pt x="14263" y="7193"/>
                  </a:cubicBezTo>
                  <a:lnTo>
                    <a:pt x="14409" y="7181"/>
                  </a:lnTo>
                  <a:lnTo>
                    <a:pt x="14550" y="7165"/>
                  </a:lnTo>
                  <a:cubicBezTo>
                    <a:pt x="14399" y="7160"/>
                    <a:pt x="14564" y="7132"/>
                    <a:pt x="14742" y="7107"/>
                  </a:cubicBezTo>
                  <a:lnTo>
                    <a:pt x="14742" y="7107"/>
                  </a:lnTo>
                  <a:cubicBezTo>
                    <a:pt x="14684" y="7113"/>
                    <a:pt x="14651" y="7114"/>
                    <a:pt x="14631" y="7114"/>
                  </a:cubicBezTo>
                  <a:cubicBezTo>
                    <a:pt x="14599" y="7114"/>
                    <a:pt x="14594" y="7110"/>
                    <a:pt x="14572" y="7110"/>
                  </a:cubicBezTo>
                  <a:cubicBezTo>
                    <a:pt x="14550" y="7110"/>
                    <a:pt x="14510" y="7114"/>
                    <a:pt x="14409" y="7130"/>
                  </a:cubicBezTo>
                  <a:lnTo>
                    <a:pt x="14402" y="7114"/>
                  </a:lnTo>
                  <a:cubicBezTo>
                    <a:pt x="14518" y="7102"/>
                    <a:pt x="14657" y="7095"/>
                    <a:pt x="14772" y="7084"/>
                  </a:cubicBezTo>
                  <a:lnTo>
                    <a:pt x="14772" y="7084"/>
                  </a:lnTo>
                  <a:cubicBezTo>
                    <a:pt x="14751" y="7090"/>
                    <a:pt x="14770" y="7092"/>
                    <a:pt x="14746" y="7096"/>
                  </a:cubicBezTo>
                  <a:lnTo>
                    <a:pt x="14746" y="7096"/>
                  </a:lnTo>
                  <a:cubicBezTo>
                    <a:pt x="14859" y="7080"/>
                    <a:pt x="14970" y="7062"/>
                    <a:pt x="15083" y="7044"/>
                  </a:cubicBezTo>
                  <a:lnTo>
                    <a:pt x="15083" y="7044"/>
                  </a:lnTo>
                  <a:lnTo>
                    <a:pt x="15048" y="7060"/>
                  </a:lnTo>
                  <a:cubicBezTo>
                    <a:pt x="15261" y="7030"/>
                    <a:pt x="15523" y="6993"/>
                    <a:pt x="15648" y="6959"/>
                  </a:cubicBezTo>
                  <a:lnTo>
                    <a:pt x="15648" y="6959"/>
                  </a:lnTo>
                  <a:cubicBezTo>
                    <a:pt x="15597" y="6970"/>
                    <a:pt x="15549" y="6977"/>
                    <a:pt x="15527" y="6977"/>
                  </a:cubicBezTo>
                  <a:cubicBezTo>
                    <a:pt x="15504" y="6977"/>
                    <a:pt x="15508" y="6970"/>
                    <a:pt x="15560" y="6956"/>
                  </a:cubicBezTo>
                  <a:cubicBezTo>
                    <a:pt x="15648" y="6928"/>
                    <a:pt x="15736" y="6905"/>
                    <a:pt x="15826" y="6887"/>
                  </a:cubicBezTo>
                  <a:cubicBezTo>
                    <a:pt x="15828" y="6887"/>
                    <a:pt x="15831" y="6887"/>
                    <a:pt x="15834" y="6887"/>
                  </a:cubicBezTo>
                  <a:cubicBezTo>
                    <a:pt x="15884" y="6887"/>
                    <a:pt x="16057" y="6848"/>
                    <a:pt x="16085" y="6848"/>
                  </a:cubicBezTo>
                  <a:cubicBezTo>
                    <a:pt x="16098" y="6848"/>
                    <a:pt x="16082" y="6856"/>
                    <a:pt x="16016" y="6877"/>
                  </a:cubicBezTo>
                  <a:cubicBezTo>
                    <a:pt x="16090" y="6857"/>
                    <a:pt x="16137" y="6845"/>
                    <a:pt x="16174" y="6833"/>
                  </a:cubicBezTo>
                  <a:cubicBezTo>
                    <a:pt x="16209" y="6822"/>
                    <a:pt x="16232" y="6813"/>
                    <a:pt x="16250" y="6803"/>
                  </a:cubicBezTo>
                  <a:cubicBezTo>
                    <a:pt x="16294" y="6787"/>
                    <a:pt x="16336" y="6771"/>
                    <a:pt x="16473" y="6727"/>
                  </a:cubicBezTo>
                  <a:lnTo>
                    <a:pt x="16473" y="6727"/>
                  </a:lnTo>
                  <a:lnTo>
                    <a:pt x="16290" y="6785"/>
                  </a:lnTo>
                  <a:cubicBezTo>
                    <a:pt x="16268" y="6778"/>
                    <a:pt x="16349" y="6737"/>
                    <a:pt x="16307" y="6737"/>
                  </a:cubicBezTo>
                  <a:cubicBezTo>
                    <a:pt x="16294" y="6737"/>
                    <a:pt x="16269" y="6740"/>
                    <a:pt x="16227" y="6750"/>
                  </a:cubicBezTo>
                  <a:cubicBezTo>
                    <a:pt x="16280" y="6736"/>
                    <a:pt x="16329" y="6715"/>
                    <a:pt x="16373" y="6685"/>
                  </a:cubicBezTo>
                  <a:cubicBezTo>
                    <a:pt x="16392" y="6674"/>
                    <a:pt x="16410" y="6664"/>
                    <a:pt x="16429" y="6655"/>
                  </a:cubicBezTo>
                  <a:cubicBezTo>
                    <a:pt x="16459" y="6646"/>
                    <a:pt x="16500" y="6630"/>
                    <a:pt x="16570" y="6606"/>
                  </a:cubicBezTo>
                  <a:cubicBezTo>
                    <a:pt x="16589" y="6602"/>
                    <a:pt x="16601" y="6600"/>
                    <a:pt x="16607" y="6600"/>
                  </a:cubicBezTo>
                  <a:cubicBezTo>
                    <a:pt x="16620" y="6600"/>
                    <a:pt x="16608" y="6609"/>
                    <a:pt x="16581" y="6623"/>
                  </a:cubicBezTo>
                  <a:cubicBezTo>
                    <a:pt x="16561" y="6632"/>
                    <a:pt x="16533" y="6646"/>
                    <a:pt x="16500" y="6660"/>
                  </a:cubicBezTo>
                  <a:cubicBezTo>
                    <a:pt x="16468" y="6671"/>
                    <a:pt x="16429" y="6685"/>
                    <a:pt x="16392" y="6697"/>
                  </a:cubicBezTo>
                  <a:cubicBezTo>
                    <a:pt x="16431" y="6685"/>
                    <a:pt x="16468" y="6678"/>
                    <a:pt x="16507" y="6667"/>
                  </a:cubicBezTo>
                  <a:cubicBezTo>
                    <a:pt x="16547" y="6657"/>
                    <a:pt x="16584" y="6644"/>
                    <a:pt x="16621" y="6625"/>
                  </a:cubicBezTo>
                  <a:cubicBezTo>
                    <a:pt x="16624" y="6625"/>
                    <a:pt x="16626" y="6625"/>
                    <a:pt x="16628" y="6625"/>
                  </a:cubicBezTo>
                  <a:cubicBezTo>
                    <a:pt x="16666" y="6625"/>
                    <a:pt x="16480" y="6695"/>
                    <a:pt x="16489" y="6697"/>
                  </a:cubicBezTo>
                  <a:cubicBezTo>
                    <a:pt x="16632" y="6653"/>
                    <a:pt x="16484" y="6690"/>
                    <a:pt x="16616" y="6644"/>
                  </a:cubicBezTo>
                  <a:cubicBezTo>
                    <a:pt x="16846" y="6551"/>
                    <a:pt x="16776" y="6620"/>
                    <a:pt x="16994" y="6532"/>
                  </a:cubicBezTo>
                  <a:lnTo>
                    <a:pt x="16994" y="6532"/>
                  </a:lnTo>
                  <a:cubicBezTo>
                    <a:pt x="16960" y="6544"/>
                    <a:pt x="16907" y="6560"/>
                    <a:pt x="16897" y="6560"/>
                  </a:cubicBezTo>
                  <a:cubicBezTo>
                    <a:pt x="16892" y="6560"/>
                    <a:pt x="16896" y="6557"/>
                    <a:pt x="16913" y="6549"/>
                  </a:cubicBezTo>
                  <a:cubicBezTo>
                    <a:pt x="17212" y="6442"/>
                    <a:pt x="17075" y="6477"/>
                    <a:pt x="17286" y="6386"/>
                  </a:cubicBezTo>
                  <a:cubicBezTo>
                    <a:pt x="17325" y="6377"/>
                    <a:pt x="17362" y="6375"/>
                    <a:pt x="17402" y="6375"/>
                  </a:cubicBezTo>
                  <a:cubicBezTo>
                    <a:pt x="17422" y="6375"/>
                    <a:pt x="17441" y="6370"/>
                    <a:pt x="17459" y="6366"/>
                  </a:cubicBezTo>
                  <a:cubicBezTo>
                    <a:pt x="17488" y="6358"/>
                    <a:pt x="17516" y="6349"/>
                    <a:pt x="17543" y="6338"/>
                  </a:cubicBezTo>
                  <a:lnTo>
                    <a:pt x="17543" y="6338"/>
                  </a:lnTo>
                  <a:cubicBezTo>
                    <a:pt x="17515" y="6350"/>
                    <a:pt x="17488" y="6362"/>
                    <a:pt x="17459" y="6373"/>
                  </a:cubicBezTo>
                  <a:cubicBezTo>
                    <a:pt x="17543" y="6349"/>
                    <a:pt x="17626" y="6322"/>
                    <a:pt x="17703" y="6284"/>
                  </a:cubicBezTo>
                  <a:cubicBezTo>
                    <a:pt x="17754" y="6261"/>
                    <a:pt x="17800" y="6238"/>
                    <a:pt x="17849" y="6215"/>
                  </a:cubicBezTo>
                  <a:lnTo>
                    <a:pt x="17985" y="6141"/>
                  </a:lnTo>
                  <a:cubicBezTo>
                    <a:pt x="18073" y="6092"/>
                    <a:pt x="18161" y="6044"/>
                    <a:pt x="18247" y="5993"/>
                  </a:cubicBezTo>
                  <a:lnTo>
                    <a:pt x="18377" y="5914"/>
                  </a:lnTo>
                  <a:cubicBezTo>
                    <a:pt x="18421" y="5888"/>
                    <a:pt x="18462" y="5863"/>
                    <a:pt x="18506" y="5835"/>
                  </a:cubicBezTo>
                  <a:lnTo>
                    <a:pt x="18684" y="5725"/>
                  </a:lnTo>
                  <a:lnTo>
                    <a:pt x="18684" y="5725"/>
                  </a:lnTo>
                  <a:cubicBezTo>
                    <a:pt x="18671" y="5733"/>
                    <a:pt x="18657" y="5741"/>
                    <a:pt x="18643" y="5749"/>
                  </a:cubicBezTo>
                  <a:cubicBezTo>
                    <a:pt x="18638" y="5751"/>
                    <a:pt x="18636" y="5752"/>
                    <a:pt x="18634" y="5752"/>
                  </a:cubicBezTo>
                  <a:cubicBezTo>
                    <a:pt x="18621" y="5752"/>
                    <a:pt x="18754" y="5677"/>
                    <a:pt x="18747" y="5671"/>
                  </a:cubicBezTo>
                  <a:lnTo>
                    <a:pt x="18840" y="5629"/>
                  </a:lnTo>
                  <a:cubicBezTo>
                    <a:pt x="18841" y="5626"/>
                    <a:pt x="18841" y="5625"/>
                    <a:pt x="18838" y="5625"/>
                  </a:cubicBezTo>
                  <a:cubicBezTo>
                    <a:pt x="18827" y="5625"/>
                    <a:pt x="18787" y="5645"/>
                    <a:pt x="18750" y="5664"/>
                  </a:cubicBezTo>
                  <a:cubicBezTo>
                    <a:pt x="18718" y="5680"/>
                    <a:pt x="18686" y="5694"/>
                    <a:pt x="18677" y="5694"/>
                  </a:cubicBezTo>
                  <a:cubicBezTo>
                    <a:pt x="18674" y="5694"/>
                    <a:pt x="18674" y="5691"/>
                    <a:pt x="18680" y="5685"/>
                  </a:cubicBezTo>
                  <a:cubicBezTo>
                    <a:pt x="18701" y="5675"/>
                    <a:pt x="18720" y="5666"/>
                    <a:pt x="18738" y="5654"/>
                  </a:cubicBezTo>
                  <a:lnTo>
                    <a:pt x="18738" y="5654"/>
                  </a:lnTo>
                  <a:lnTo>
                    <a:pt x="18657" y="5694"/>
                  </a:lnTo>
                  <a:cubicBezTo>
                    <a:pt x="18740" y="5650"/>
                    <a:pt x="18821" y="5599"/>
                    <a:pt x="18898" y="5546"/>
                  </a:cubicBezTo>
                  <a:cubicBezTo>
                    <a:pt x="18965" y="5502"/>
                    <a:pt x="19037" y="5460"/>
                    <a:pt x="19111" y="5427"/>
                  </a:cubicBezTo>
                  <a:lnTo>
                    <a:pt x="19111" y="5427"/>
                  </a:lnTo>
                  <a:cubicBezTo>
                    <a:pt x="19028" y="5483"/>
                    <a:pt x="18981" y="5511"/>
                    <a:pt x="18958" y="5532"/>
                  </a:cubicBezTo>
                  <a:cubicBezTo>
                    <a:pt x="18933" y="5552"/>
                    <a:pt x="18930" y="5559"/>
                    <a:pt x="18926" y="5569"/>
                  </a:cubicBezTo>
                  <a:cubicBezTo>
                    <a:pt x="18921" y="5587"/>
                    <a:pt x="18917" y="5605"/>
                    <a:pt x="18764" y="5700"/>
                  </a:cubicBezTo>
                  <a:lnTo>
                    <a:pt x="18764" y="5700"/>
                  </a:lnTo>
                  <a:cubicBezTo>
                    <a:pt x="18813" y="5669"/>
                    <a:pt x="18833" y="5659"/>
                    <a:pt x="18838" y="5659"/>
                  </a:cubicBezTo>
                  <a:cubicBezTo>
                    <a:pt x="18849" y="5659"/>
                    <a:pt x="18798" y="5701"/>
                    <a:pt x="18809" y="5701"/>
                  </a:cubicBezTo>
                  <a:cubicBezTo>
                    <a:pt x="18809" y="5701"/>
                    <a:pt x="18809" y="5701"/>
                    <a:pt x="18810" y="5701"/>
                  </a:cubicBezTo>
                  <a:cubicBezTo>
                    <a:pt x="18907" y="5647"/>
                    <a:pt x="18849" y="5664"/>
                    <a:pt x="18960" y="5603"/>
                  </a:cubicBezTo>
                  <a:lnTo>
                    <a:pt x="18960" y="5603"/>
                  </a:lnTo>
                  <a:cubicBezTo>
                    <a:pt x="18964" y="5613"/>
                    <a:pt x="18802" y="5719"/>
                    <a:pt x="18817" y="5719"/>
                  </a:cubicBezTo>
                  <a:cubicBezTo>
                    <a:pt x="18820" y="5719"/>
                    <a:pt x="18828" y="5716"/>
                    <a:pt x="18845" y="5708"/>
                  </a:cubicBezTo>
                  <a:cubicBezTo>
                    <a:pt x="18847" y="5685"/>
                    <a:pt x="18944" y="5631"/>
                    <a:pt x="18984" y="5592"/>
                  </a:cubicBezTo>
                  <a:cubicBezTo>
                    <a:pt x="19008" y="5580"/>
                    <a:pt x="19019" y="5576"/>
                    <a:pt x="19022" y="5576"/>
                  </a:cubicBezTo>
                  <a:cubicBezTo>
                    <a:pt x="19029" y="5576"/>
                    <a:pt x="19011" y="5590"/>
                    <a:pt x="19017" y="5590"/>
                  </a:cubicBezTo>
                  <a:cubicBezTo>
                    <a:pt x="19019" y="5590"/>
                    <a:pt x="19022" y="5590"/>
                    <a:pt x="19028" y="5587"/>
                  </a:cubicBezTo>
                  <a:cubicBezTo>
                    <a:pt x="19069" y="5559"/>
                    <a:pt x="19093" y="5539"/>
                    <a:pt x="19132" y="5515"/>
                  </a:cubicBezTo>
                  <a:lnTo>
                    <a:pt x="19132" y="5515"/>
                  </a:lnTo>
                  <a:lnTo>
                    <a:pt x="19109" y="5546"/>
                  </a:lnTo>
                  <a:cubicBezTo>
                    <a:pt x="19333" y="5418"/>
                    <a:pt x="19167" y="5490"/>
                    <a:pt x="19415" y="5335"/>
                  </a:cubicBezTo>
                  <a:cubicBezTo>
                    <a:pt x="19415" y="5333"/>
                    <a:pt x="19413" y="5332"/>
                    <a:pt x="19411" y="5332"/>
                  </a:cubicBezTo>
                  <a:cubicBezTo>
                    <a:pt x="19395" y="5332"/>
                    <a:pt x="19327" y="5378"/>
                    <a:pt x="19238" y="5437"/>
                  </a:cubicBezTo>
                  <a:cubicBezTo>
                    <a:pt x="19238" y="5437"/>
                    <a:pt x="19237" y="5437"/>
                    <a:pt x="19237" y="5437"/>
                  </a:cubicBezTo>
                  <a:cubicBezTo>
                    <a:pt x="19207" y="5437"/>
                    <a:pt x="19282" y="5380"/>
                    <a:pt x="19357" y="5321"/>
                  </a:cubicBezTo>
                  <a:cubicBezTo>
                    <a:pt x="19435" y="5261"/>
                    <a:pt x="19514" y="5191"/>
                    <a:pt x="19493" y="5184"/>
                  </a:cubicBezTo>
                  <a:cubicBezTo>
                    <a:pt x="19561" y="5136"/>
                    <a:pt x="19583" y="5122"/>
                    <a:pt x="19587" y="5122"/>
                  </a:cubicBezTo>
                  <a:cubicBezTo>
                    <a:pt x="19592" y="5122"/>
                    <a:pt x="19556" y="5154"/>
                    <a:pt x="19566" y="5154"/>
                  </a:cubicBezTo>
                  <a:cubicBezTo>
                    <a:pt x="19571" y="5154"/>
                    <a:pt x="19591" y="5144"/>
                    <a:pt x="19642" y="5112"/>
                  </a:cubicBezTo>
                  <a:cubicBezTo>
                    <a:pt x="19657" y="5104"/>
                    <a:pt x="19667" y="5101"/>
                    <a:pt x="19671" y="5101"/>
                  </a:cubicBezTo>
                  <a:cubicBezTo>
                    <a:pt x="19681" y="5101"/>
                    <a:pt x="19655" y="5126"/>
                    <a:pt x="19616" y="5156"/>
                  </a:cubicBezTo>
                  <a:cubicBezTo>
                    <a:pt x="19563" y="5198"/>
                    <a:pt x="19491" y="5251"/>
                    <a:pt x="19470" y="5275"/>
                  </a:cubicBezTo>
                  <a:lnTo>
                    <a:pt x="19681" y="5149"/>
                  </a:lnTo>
                  <a:lnTo>
                    <a:pt x="19681" y="5149"/>
                  </a:lnTo>
                  <a:cubicBezTo>
                    <a:pt x="19630" y="5219"/>
                    <a:pt x="19498" y="5298"/>
                    <a:pt x="19479" y="5344"/>
                  </a:cubicBezTo>
                  <a:cubicBezTo>
                    <a:pt x="19553" y="5293"/>
                    <a:pt x="19586" y="5268"/>
                    <a:pt x="19618" y="5242"/>
                  </a:cubicBezTo>
                  <a:cubicBezTo>
                    <a:pt x="19651" y="5217"/>
                    <a:pt x="19683" y="5193"/>
                    <a:pt x="19755" y="5133"/>
                  </a:cubicBezTo>
                  <a:lnTo>
                    <a:pt x="19755" y="5133"/>
                  </a:lnTo>
                  <a:cubicBezTo>
                    <a:pt x="19725" y="5154"/>
                    <a:pt x="19692" y="5173"/>
                    <a:pt x="19658" y="5186"/>
                  </a:cubicBezTo>
                  <a:cubicBezTo>
                    <a:pt x="19653" y="5186"/>
                    <a:pt x="19669" y="5173"/>
                    <a:pt x="19688" y="5156"/>
                  </a:cubicBezTo>
                  <a:cubicBezTo>
                    <a:pt x="19714" y="5133"/>
                    <a:pt x="19746" y="5104"/>
                    <a:pt x="19733" y="5104"/>
                  </a:cubicBezTo>
                  <a:cubicBezTo>
                    <a:pt x="19728" y="5104"/>
                    <a:pt x="19716" y="5108"/>
                    <a:pt x="19695" y="5119"/>
                  </a:cubicBezTo>
                  <a:cubicBezTo>
                    <a:pt x="19781" y="5071"/>
                    <a:pt x="19864" y="5015"/>
                    <a:pt x="19943" y="4957"/>
                  </a:cubicBezTo>
                  <a:lnTo>
                    <a:pt x="19943" y="4957"/>
                  </a:lnTo>
                  <a:cubicBezTo>
                    <a:pt x="19853" y="5028"/>
                    <a:pt x="19932" y="4988"/>
                    <a:pt x="19849" y="5052"/>
                  </a:cubicBezTo>
                  <a:lnTo>
                    <a:pt x="19849" y="5052"/>
                  </a:lnTo>
                  <a:cubicBezTo>
                    <a:pt x="20027" y="4919"/>
                    <a:pt x="19982" y="4945"/>
                    <a:pt x="20184" y="4786"/>
                  </a:cubicBezTo>
                  <a:cubicBezTo>
                    <a:pt x="20191" y="4776"/>
                    <a:pt x="20192" y="4772"/>
                    <a:pt x="20188" y="4772"/>
                  </a:cubicBezTo>
                  <a:cubicBezTo>
                    <a:pt x="20175" y="4772"/>
                    <a:pt x="20107" y="4818"/>
                    <a:pt x="20098" y="4818"/>
                  </a:cubicBezTo>
                  <a:cubicBezTo>
                    <a:pt x="20092" y="4818"/>
                    <a:pt x="20114" y="4797"/>
                    <a:pt x="20200" y="4723"/>
                  </a:cubicBezTo>
                  <a:cubicBezTo>
                    <a:pt x="20226" y="4703"/>
                    <a:pt x="20238" y="4695"/>
                    <a:pt x="20241" y="4695"/>
                  </a:cubicBezTo>
                  <a:cubicBezTo>
                    <a:pt x="20243" y="4695"/>
                    <a:pt x="20233" y="4705"/>
                    <a:pt x="20216" y="4719"/>
                  </a:cubicBezTo>
                  <a:cubicBezTo>
                    <a:pt x="20283" y="4667"/>
                    <a:pt x="20295" y="4655"/>
                    <a:pt x="20288" y="4655"/>
                  </a:cubicBezTo>
                  <a:cubicBezTo>
                    <a:pt x="20281" y="4655"/>
                    <a:pt x="20256" y="4666"/>
                    <a:pt x="20246" y="4666"/>
                  </a:cubicBezTo>
                  <a:cubicBezTo>
                    <a:pt x="20237" y="4666"/>
                    <a:pt x="20239" y="4658"/>
                    <a:pt x="20269" y="4628"/>
                  </a:cubicBezTo>
                  <a:cubicBezTo>
                    <a:pt x="20322" y="4584"/>
                    <a:pt x="20355" y="4561"/>
                    <a:pt x="20360" y="4561"/>
                  </a:cubicBezTo>
                  <a:cubicBezTo>
                    <a:pt x="20363" y="4561"/>
                    <a:pt x="20360" y="4566"/>
                    <a:pt x="20350" y="4575"/>
                  </a:cubicBezTo>
                  <a:cubicBezTo>
                    <a:pt x="20459" y="4471"/>
                    <a:pt x="20387" y="4512"/>
                    <a:pt x="20462" y="4445"/>
                  </a:cubicBezTo>
                  <a:lnTo>
                    <a:pt x="20462" y="4445"/>
                  </a:lnTo>
                  <a:lnTo>
                    <a:pt x="20424" y="4475"/>
                  </a:lnTo>
                  <a:cubicBezTo>
                    <a:pt x="20438" y="4459"/>
                    <a:pt x="20420" y="4464"/>
                    <a:pt x="20418" y="4457"/>
                  </a:cubicBezTo>
                  <a:cubicBezTo>
                    <a:pt x="20413" y="4448"/>
                    <a:pt x="20429" y="4427"/>
                    <a:pt x="20510" y="4355"/>
                  </a:cubicBezTo>
                  <a:cubicBezTo>
                    <a:pt x="20575" y="4296"/>
                    <a:pt x="20595" y="4282"/>
                    <a:pt x="20601" y="4282"/>
                  </a:cubicBezTo>
                  <a:cubicBezTo>
                    <a:pt x="20606" y="4282"/>
                    <a:pt x="20602" y="4291"/>
                    <a:pt x="20605" y="4292"/>
                  </a:cubicBezTo>
                  <a:cubicBezTo>
                    <a:pt x="20649" y="4248"/>
                    <a:pt x="20691" y="4214"/>
                    <a:pt x="20728" y="4181"/>
                  </a:cubicBezTo>
                  <a:cubicBezTo>
                    <a:pt x="20767" y="4149"/>
                    <a:pt x="20800" y="4119"/>
                    <a:pt x="20834" y="4093"/>
                  </a:cubicBezTo>
                  <a:lnTo>
                    <a:pt x="20834" y="4093"/>
                  </a:lnTo>
                  <a:cubicBezTo>
                    <a:pt x="20833" y="4094"/>
                    <a:pt x="20832" y="4094"/>
                    <a:pt x="20831" y="4094"/>
                  </a:cubicBezTo>
                  <a:cubicBezTo>
                    <a:pt x="20827" y="4094"/>
                    <a:pt x="20834" y="4084"/>
                    <a:pt x="20855" y="4061"/>
                  </a:cubicBezTo>
                  <a:cubicBezTo>
                    <a:pt x="21004" y="3912"/>
                    <a:pt x="20957" y="3991"/>
                    <a:pt x="21015" y="3938"/>
                  </a:cubicBezTo>
                  <a:cubicBezTo>
                    <a:pt x="21233" y="3734"/>
                    <a:pt x="20962" y="3938"/>
                    <a:pt x="21196" y="3702"/>
                  </a:cubicBezTo>
                  <a:lnTo>
                    <a:pt x="21196" y="3702"/>
                  </a:lnTo>
                  <a:lnTo>
                    <a:pt x="21057" y="3836"/>
                  </a:lnTo>
                  <a:cubicBezTo>
                    <a:pt x="21011" y="3882"/>
                    <a:pt x="20967" y="3926"/>
                    <a:pt x="20918" y="3970"/>
                  </a:cubicBezTo>
                  <a:cubicBezTo>
                    <a:pt x="20920" y="3962"/>
                    <a:pt x="20920" y="3953"/>
                    <a:pt x="20913" y="3953"/>
                  </a:cubicBezTo>
                  <a:cubicBezTo>
                    <a:pt x="20905" y="3953"/>
                    <a:pt x="20889" y="3963"/>
                    <a:pt x="20858" y="3994"/>
                  </a:cubicBezTo>
                  <a:cubicBezTo>
                    <a:pt x="20862" y="4007"/>
                    <a:pt x="20772" y="4114"/>
                    <a:pt x="20675" y="4197"/>
                  </a:cubicBezTo>
                  <a:cubicBezTo>
                    <a:pt x="20674" y="4198"/>
                    <a:pt x="20673" y="4198"/>
                    <a:pt x="20672" y="4198"/>
                  </a:cubicBezTo>
                  <a:cubicBezTo>
                    <a:pt x="20656" y="4198"/>
                    <a:pt x="20815" y="4043"/>
                    <a:pt x="20799" y="4043"/>
                  </a:cubicBezTo>
                  <a:cubicBezTo>
                    <a:pt x="20795" y="4043"/>
                    <a:pt x="20779" y="4054"/>
                    <a:pt x="20744" y="4082"/>
                  </a:cubicBezTo>
                  <a:cubicBezTo>
                    <a:pt x="20802" y="4031"/>
                    <a:pt x="20879" y="3954"/>
                    <a:pt x="20948" y="3889"/>
                  </a:cubicBezTo>
                  <a:lnTo>
                    <a:pt x="20948" y="3889"/>
                  </a:lnTo>
                  <a:cubicBezTo>
                    <a:pt x="20941" y="3899"/>
                    <a:pt x="20939" y="3904"/>
                    <a:pt x="20941" y="3904"/>
                  </a:cubicBezTo>
                  <a:cubicBezTo>
                    <a:pt x="20951" y="3904"/>
                    <a:pt x="21077" y="3772"/>
                    <a:pt x="21086" y="3772"/>
                  </a:cubicBezTo>
                  <a:cubicBezTo>
                    <a:pt x="21089" y="3772"/>
                    <a:pt x="21083" y="3781"/>
                    <a:pt x="21064" y="3806"/>
                  </a:cubicBezTo>
                  <a:cubicBezTo>
                    <a:pt x="21212" y="3655"/>
                    <a:pt x="21293" y="3567"/>
                    <a:pt x="21372" y="3482"/>
                  </a:cubicBezTo>
                  <a:cubicBezTo>
                    <a:pt x="21453" y="3398"/>
                    <a:pt x="21525" y="3312"/>
                    <a:pt x="21648" y="3164"/>
                  </a:cubicBezTo>
                  <a:lnTo>
                    <a:pt x="21648" y="3164"/>
                  </a:lnTo>
                  <a:cubicBezTo>
                    <a:pt x="21617" y="3218"/>
                    <a:pt x="21585" y="3266"/>
                    <a:pt x="21548" y="3315"/>
                  </a:cubicBezTo>
                  <a:cubicBezTo>
                    <a:pt x="21520" y="3352"/>
                    <a:pt x="21490" y="3391"/>
                    <a:pt x="21458" y="3433"/>
                  </a:cubicBezTo>
                  <a:cubicBezTo>
                    <a:pt x="21423" y="3472"/>
                    <a:pt x="21386" y="3512"/>
                    <a:pt x="21351" y="3546"/>
                  </a:cubicBezTo>
                  <a:lnTo>
                    <a:pt x="21333" y="3551"/>
                  </a:lnTo>
                  <a:cubicBezTo>
                    <a:pt x="21295" y="3595"/>
                    <a:pt x="21282" y="3612"/>
                    <a:pt x="21284" y="3612"/>
                  </a:cubicBezTo>
                  <a:cubicBezTo>
                    <a:pt x="21291" y="3612"/>
                    <a:pt x="21440" y="3456"/>
                    <a:pt x="21455" y="3456"/>
                  </a:cubicBezTo>
                  <a:cubicBezTo>
                    <a:pt x="21456" y="3456"/>
                    <a:pt x="21457" y="3458"/>
                    <a:pt x="21455" y="3461"/>
                  </a:cubicBezTo>
                  <a:cubicBezTo>
                    <a:pt x="21643" y="3211"/>
                    <a:pt x="21919" y="2946"/>
                    <a:pt x="22139" y="2631"/>
                  </a:cubicBezTo>
                  <a:lnTo>
                    <a:pt x="22139" y="2631"/>
                  </a:lnTo>
                  <a:cubicBezTo>
                    <a:pt x="22126" y="2644"/>
                    <a:pt x="22119" y="2650"/>
                    <a:pt x="22117" y="2650"/>
                  </a:cubicBezTo>
                  <a:cubicBezTo>
                    <a:pt x="22110" y="2650"/>
                    <a:pt x="22132" y="2612"/>
                    <a:pt x="22134" y="2597"/>
                  </a:cubicBezTo>
                  <a:lnTo>
                    <a:pt x="22134" y="2597"/>
                  </a:lnTo>
                  <a:cubicBezTo>
                    <a:pt x="22044" y="2722"/>
                    <a:pt x="22062" y="2701"/>
                    <a:pt x="21983" y="2784"/>
                  </a:cubicBezTo>
                  <a:cubicBezTo>
                    <a:pt x="21988" y="2759"/>
                    <a:pt x="22046" y="2689"/>
                    <a:pt x="22069" y="2645"/>
                  </a:cubicBezTo>
                  <a:cubicBezTo>
                    <a:pt x="22071" y="2640"/>
                    <a:pt x="22071" y="2638"/>
                    <a:pt x="22069" y="2638"/>
                  </a:cubicBezTo>
                  <a:cubicBezTo>
                    <a:pt x="22060" y="2638"/>
                    <a:pt x="21993" y="2743"/>
                    <a:pt x="21960" y="2775"/>
                  </a:cubicBezTo>
                  <a:cubicBezTo>
                    <a:pt x="22002" y="2717"/>
                    <a:pt x="22041" y="2655"/>
                    <a:pt x="22076" y="2590"/>
                  </a:cubicBezTo>
                  <a:cubicBezTo>
                    <a:pt x="22109" y="2560"/>
                    <a:pt x="22141" y="2532"/>
                    <a:pt x="22176" y="2504"/>
                  </a:cubicBezTo>
                  <a:cubicBezTo>
                    <a:pt x="22229" y="2430"/>
                    <a:pt x="22266" y="2377"/>
                    <a:pt x="22292" y="2335"/>
                  </a:cubicBezTo>
                  <a:cubicBezTo>
                    <a:pt x="22319" y="2291"/>
                    <a:pt x="22338" y="2259"/>
                    <a:pt x="22356" y="2226"/>
                  </a:cubicBezTo>
                  <a:cubicBezTo>
                    <a:pt x="22395" y="2154"/>
                    <a:pt x="22438" y="2084"/>
                    <a:pt x="22483" y="2016"/>
                  </a:cubicBezTo>
                  <a:lnTo>
                    <a:pt x="22483" y="2016"/>
                  </a:lnTo>
                  <a:cubicBezTo>
                    <a:pt x="22470" y="2035"/>
                    <a:pt x="22467" y="2041"/>
                    <a:pt x="22469" y="2041"/>
                  </a:cubicBezTo>
                  <a:cubicBezTo>
                    <a:pt x="22472" y="2041"/>
                    <a:pt x="22488" y="2022"/>
                    <a:pt x="22490" y="2022"/>
                  </a:cubicBezTo>
                  <a:lnTo>
                    <a:pt x="22490" y="2022"/>
                  </a:lnTo>
                  <a:cubicBezTo>
                    <a:pt x="22492" y="2022"/>
                    <a:pt x="22485" y="2034"/>
                    <a:pt x="22454" y="2078"/>
                  </a:cubicBezTo>
                  <a:cubicBezTo>
                    <a:pt x="22472" y="2052"/>
                    <a:pt x="22491" y="2027"/>
                    <a:pt x="22509" y="1999"/>
                  </a:cubicBezTo>
                  <a:lnTo>
                    <a:pt x="22509" y="1999"/>
                  </a:lnTo>
                  <a:cubicBezTo>
                    <a:pt x="22479" y="2055"/>
                    <a:pt x="22442" y="2117"/>
                    <a:pt x="22403" y="2182"/>
                  </a:cubicBezTo>
                  <a:cubicBezTo>
                    <a:pt x="22366" y="2245"/>
                    <a:pt x="22326" y="2312"/>
                    <a:pt x="22292" y="2367"/>
                  </a:cubicBezTo>
                  <a:cubicBezTo>
                    <a:pt x="22223" y="2474"/>
                    <a:pt x="22173" y="2555"/>
                    <a:pt x="22192" y="2555"/>
                  </a:cubicBezTo>
                  <a:cubicBezTo>
                    <a:pt x="22192" y="2555"/>
                    <a:pt x="22193" y="2555"/>
                    <a:pt x="22194" y="2555"/>
                  </a:cubicBezTo>
                  <a:cubicBezTo>
                    <a:pt x="22252" y="2472"/>
                    <a:pt x="22301" y="2395"/>
                    <a:pt x="22349" y="2316"/>
                  </a:cubicBezTo>
                  <a:cubicBezTo>
                    <a:pt x="22398" y="2235"/>
                    <a:pt x="22447" y="2150"/>
                    <a:pt x="22516" y="2045"/>
                  </a:cubicBezTo>
                  <a:lnTo>
                    <a:pt x="22516" y="2057"/>
                  </a:lnTo>
                  <a:cubicBezTo>
                    <a:pt x="22551" y="2004"/>
                    <a:pt x="22560" y="1988"/>
                    <a:pt x="22558" y="1988"/>
                  </a:cubicBezTo>
                  <a:lnTo>
                    <a:pt x="22558" y="1988"/>
                  </a:lnTo>
                  <a:cubicBezTo>
                    <a:pt x="22554" y="1988"/>
                    <a:pt x="22528" y="2022"/>
                    <a:pt x="22524" y="2022"/>
                  </a:cubicBezTo>
                  <a:cubicBezTo>
                    <a:pt x="22523" y="2022"/>
                    <a:pt x="22523" y="2020"/>
                    <a:pt x="22525" y="2015"/>
                  </a:cubicBezTo>
                  <a:cubicBezTo>
                    <a:pt x="22560" y="1950"/>
                    <a:pt x="22602" y="1888"/>
                    <a:pt x="22651" y="1830"/>
                  </a:cubicBezTo>
                  <a:cubicBezTo>
                    <a:pt x="22690" y="1786"/>
                    <a:pt x="22720" y="1735"/>
                    <a:pt x="22741" y="1679"/>
                  </a:cubicBezTo>
                  <a:lnTo>
                    <a:pt x="22741" y="1679"/>
                  </a:lnTo>
                  <a:cubicBezTo>
                    <a:pt x="22706" y="1737"/>
                    <a:pt x="22667" y="1795"/>
                    <a:pt x="22630" y="1853"/>
                  </a:cubicBezTo>
                  <a:cubicBezTo>
                    <a:pt x="22650" y="1811"/>
                    <a:pt x="22656" y="1798"/>
                    <a:pt x="22655" y="1798"/>
                  </a:cubicBezTo>
                  <a:lnTo>
                    <a:pt x="22655" y="1798"/>
                  </a:lnTo>
                  <a:cubicBezTo>
                    <a:pt x="22652" y="1798"/>
                    <a:pt x="22619" y="1853"/>
                    <a:pt x="22608" y="1853"/>
                  </a:cubicBezTo>
                  <a:cubicBezTo>
                    <a:pt x="22606" y="1853"/>
                    <a:pt x="22604" y="1851"/>
                    <a:pt x="22604" y="1846"/>
                  </a:cubicBezTo>
                  <a:cubicBezTo>
                    <a:pt x="22671" y="1726"/>
                    <a:pt x="22762" y="1561"/>
                    <a:pt x="22859" y="1383"/>
                  </a:cubicBezTo>
                  <a:lnTo>
                    <a:pt x="23000" y="1107"/>
                  </a:lnTo>
                  <a:cubicBezTo>
                    <a:pt x="23044" y="1012"/>
                    <a:pt x="23086" y="920"/>
                    <a:pt x="23123" y="829"/>
                  </a:cubicBezTo>
                  <a:lnTo>
                    <a:pt x="23123" y="829"/>
                  </a:lnTo>
                  <a:cubicBezTo>
                    <a:pt x="23072" y="913"/>
                    <a:pt x="23026" y="998"/>
                    <a:pt x="22986" y="1086"/>
                  </a:cubicBezTo>
                  <a:cubicBezTo>
                    <a:pt x="22988" y="1034"/>
                    <a:pt x="23003" y="993"/>
                    <a:pt x="22992" y="993"/>
                  </a:cubicBezTo>
                  <a:cubicBezTo>
                    <a:pt x="22987" y="993"/>
                    <a:pt x="22979" y="999"/>
                    <a:pt x="22963" y="1015"/>
                  </a:cubicBezTo>
                  <a:cubicBezTo>
                    <a:pt x="22938" y="1068"/>
                    <a:pt x="22908" y="1119"/>
                    <a:pt x="22880" y="1172"/>
                  </a:cubicBezTo>
                  <a:lnTo>
                    <a:pt x="22854" y="1161"/>
                  </a:lnTo>
                  <a:cubicBezTo>
                    <a:pt x="22875" y="1119"/>
                    <a:pt x="22901" y="1077"/>
                    <a:pt x="22922" y="1040"/>
                  </a:cubicBezTo>
                  <a:cubicBezTo>
                    <a:pt x="22917" y="1010"/>
                    <a:pt x="23042" y="799"/>
                    <a:pt x="23033" y="781"/>
                  </a:cubicBezTo>
                  <a:lnTo>
                    <a:pt x="23033" y="781"/>
                  </a:lnTo>
                  <a:lnTo>
                    <a:pt x="22970" y="917"/>
                  </a:lnTo>
                  <a:cubicBezTo>
                    <a:pt x="22963" y="926"/>
                    <a:pt x="22959" y="930"/>
                    <a:pt x="22957" y="930"/>
                  </a:cubicBezTo>
                  <a:cubicBezTo>
                    <a:pt x="22947" y="930"/>
                    <a:pt x="23009" y="803"/>
                    <a:pt x="23044" y="720"/>
                  </a:cubicBezTo>
                  <a:lnTo>
                    <a:pt x="23044" y="720"/>
                  </a:lnTo>
                  <a:cubicBezTo>
                    <a:pt x="23003" y="785"/>
                    <a:pt x="22968" y="855"/>
                    <a:pt x="22940" y="924"/>
                  </a:cubicBezTo>
                  <a:cubicBezTo>
                    <a:pt x="22919" y="968"/>
                    <a:pt x="22901" y="1017"/>
                    <a:pt x="22878" y="1063"/>
                  </a:cubicBezTo>
                  <a:cubicBezTo>
                    <a:pt x="22854" y="1112"/>
                    <a:pt x="22831" y="1161"/>
                    <a:pt x="22806" y="1209"/>
                  </a:cubicBezTo>
                  <a:cubicBezTo>
                    <a:pt x="22806" y="1209"/>
                    <a:pt x="22806" y="1209"/>
                    <a:pt x="22807" y="1209"/>
                  </a:cubicBezTo>
                  <a:cubicBezTo>
                    <a:pt x="22815" y="1209"/>
                    <a:pt x="22784" y="1293"/>
                    <a:pt x="22792" y="1293"/>
                  </a:cubicBezTo>
                  <a:cubicBezTo>
                    <a:pt x="22796" y="1293"/>
                    <a:pt x="22809" y="1273"/>
                    <a:pt x="22841" y="1214"/>
                  </a:cubicBezTo>
                  <a:lnTo>
                    <a:pt x="22841" y="1214"/>
                  </a:lnTo>
                  <a:cubicBezTo>
                    <a:pt x="22850" y="1221"/>
                    <a:pt x="22799" y="1337"/>
                    <a:pt x="22759" y="1408"/>
                  </a:cubicBezTo>
                  <a:cubicBezTo>
                    <a:pt x="22761" y="1404"/>
                    <a:pt x="22761" y="1402"/>
                    <a:pt x="22759" y="1402"/>
                  </a:cubicBezTo>
                  <a:cubicBezTo>
                    <a:pt x="22753" y="1402"/>
                    <a:pt x="22719" y="1442"/>
                    <a:pt x="22709" y="1442"/>
                  </a:cubicBezTo>
                  <a:cubicBezTo>
                    <a:pt x="22705" y="1442"/>
                    <a:pt x="22705" y="1435"/>
                    <a:pt x="22714" y="1414"/>
                  </a:cubicBezTo>
                  <a:lnTo>
                    <a:pt x="22714" y="1414"/>
                  </a:lnTo>
                  <a:cubicBezTo>
                    <a:pt x="22668" y="1509"/>
                    <a:pt x="22687" y="1457"/>
                    <a:pt x="22604" y="1615"/>
                  </a:cubicBezTo>
                  <a:cubicBezTo>
                    <a:pt x="22605" y="1614"/>
                    <a:pt x="22605" y="1613"/>
                    <a:pt x="22604" y="1613"/>
                  </a:cubicBezTo>
                  <a:lnTo>
                    <a:pt x="22604" y="1613"/>
                  </a:lnTo>
                  <a:cubicBezTo>
                    <a:pt x="22600" y="1613"/>
                    <a:pt x="22434" y="1892"/>
                    <a:pt x="22412" y="1892"/>
                  </a:cubicBezTo>
                  <a:cubicBezTo>
                    <a:pt x="22411" y="1892"/>
                    <a:pt x="22410" y="1892"/>
                    <a:pt x="22410" y="1890"/>
                  </a:cubicBezTo>
                  <a:lnTo>
                    <a:pt x="22410" y="1890"/>
                  </a:lnTo>
                  <a:cubicBezTo>
                    <a:pt x="22382" y="1950"/>
                    <a:pt x="22442" y="1909"/>
                    <a:pt x="22312" y="2108"/>
                  </a:cubicBezTo>
                  <a:cubicBezTo>
                    <a:pt x="22349" y="2069"/>
                    <a:pt x="22384" y="2027"/>
                    <a:pt x="22417" y="1983"/>
                  </a:cubicBezTo>
                  <a:cubicBezTo>
                    <a:pt x="22432" y="1964"/>
                    <a:pt x="22445" y="1950"/>
                    <a:pt x="22447" y="1950"/>
                  </a:cubicBezTo>
                  <a:cubicBezTo>
                    <a:pt x="22447" y="1950"/>
                    <a:pt x="22447" y="1950"/>
                    <a:pt x="22447" y="1950"/>
                  </a:cubicBezTo>
                  <a:cubicBezTo>
                    <a:pt x="22449" y="1950"/>
                    <a:pt x="22444" y="1967"/>
                    <a:pt x="22424" y="2008"/>
                  </a:cubicBezTo>
                  <a:cubicBezTo>
                    <a:pt x="22442" y="1974"/>
                    <a:pt x="22461" y="1937"/>
                    <a:pt x="22477" y="1902"/>
                  </a:cubicBezTo>
                  <a:cubicBezTo>
                    <a:pt x="22508" y="1856"/>
                    <a:pt x="22518" y="1846"/>
                    <a:pt x="22521" y="1846"/>
                  </a:cubicBezTo>
                  <a:cubicBezTo>
                    <a:pt x="22524" y="1846"/>
                    <a:pt x="22522" y="1854"/>
                    <a:pt x="22524" y="1854"/>
                  </a:cubicBezTo>
                  <a:cubicBezTo>
                    <a:pt x="22528" y="1854"/>
                    <a:pt x="22541" y="1839"/>
                    <a:pt x="22588" y="1767"/>
                  </a:cubicBezTo>
                  <a:lnTo>
                    <a:pt x="22588" y="1767"/>
                  </a:lnTo>
                  <a:cubicBezTo>
                    <a:pt x="22553" y="1821"/>
                    <a:pt x="22493" y="1939"/>
                    <a:pt x="22468" y="1957"/>
                  </a:cubicBezTo>
                  <a:cubicBezTo>
                    <a:pt x="22470" y="1956"/>
                    <a:pt x="22472" y="1956"/>
                    <a:pt x="22474" y="1956"/>
                  </a:cubicBezTo>
                  <a:cubicBezTo>
                    <a:pt x="22511" y="1956"/>
                    <a:pt x="22304" y="2239"/>
                    <a:pt x="22319" y="2261"/>
                  </a:cubicBezTo>
                  <a:cubicBezTo>
                    <a:pt x="22268" y="2319"/>
                    <a:pt x="22220" y="2381"/>
                    <a:pt x="22178" y="2448"/>
                  </a:cubicBezTo>
                  <a:cubicBezTo>
                    <a:pt x="22179" y="2444"/>
                    <a:pt x="22177" y="2443"/>
                    <a:pt x="22174" y="2443"/>
                  </a:cubicBezTo>
                  <a:cubicBezTo>
                    <a:pt x="22171" y="2443"/>
                    <a:pt x="22166" y="2445"/>
                    <a:pt x="22163" y="2445"/>
                  </a:cubicBezTo>
                  <a:cubicBezTo>
                    <a:pt x="22158" y="2445"/>
                    <a:pt x="22158" y="2438"/>
                    <a:pt x="22183" y="2397"/>
                  </a:cubicBezTo>
                  <a:cubicBezTo>
                    <a:pt x="22229" y="2335"/>
                    <a:pt x="22261" y="2289"/>
                    <a:pt x="22312" y="2221"/>
                  </a:cubicBezTo>
                  <a:lnTo>
                    <a:pt x="22312" y="2221"/>
                  </a:lnTo>
                  <a:cubicBezTo>
                    <a:pt x="22292" y="2233"/>
                    <a:pt x="22273" y="2252"/>
                    <a:pt x="22259" y="2272"/>
                  </a:cubicBezTo>
                  <a:cubicBezTo>
                    <a:pt x="22238" y="2298"/>
                    <a:pt x="22213" y="2335"/>
                    <a:pt x="22185" y="2374"/>
                  </a:cubicBezTo>
                  <a:cubicBezTo>
                    <a:pt x="22127" y="2453"/>
                    <a:pt x="22067" y="2550"/>
                    <a:pt x="22002" y="2627"/>
                  </a:cubicBezTo>
                  <a:cubicBezTo>
                    <a:pt x="22010" y="2618"/>
                    <a:pt x="22015" y="2613"/>
                    <a:pt x="22017" y="2613"/>
                  </a:cubicBezTo>
                  <a:cubicBezTo>
                    <a:pt x="22020" y="2613"/>
                    <a:pt x="22016" y="2623"/>
                    <a:pt x="22000" y="2650"/>
                  </a:cubicBezTo>
                  <a:cubicBezTo>
                    <a:pt x="21960" y="2696"/>
                    <a:pt x="21898" y="2773"/>
                    <a:pt x="21851" y="2828"/>
                  </a:cubicBezTo>
                  <a:cubicBezTo>
                    <a:pt x="21817" y="2868"/>
                    <a:pt x="21789" y="2894"/>
                    <a:pt x="21781" y="2894"/>
                  </a:cubicBezTo>
                  <a:cubicBezTo>
                    <a:pt x="21778" y="2894"/>
                    <a:pt x="21779" y="2890"/>
                    <a:pt x="21784" y="2879"/>
                  </a:cubicBezTo>
                  <a:lnTo>
                    <a:pt x="21784" y="2879"/>
                  </a:lnTo>
                  <a:cubicBezTo>
                    <a:pt x="21719" y="2960"/>
                    <a:pt x="21657" y="3041"/>
                    <a:pt x="21590" y="3118"/>
                  </a:cubicBezTo>
                  <a:lnTo>
                    <a:pt x="21390" y="3350"/>
                  </a:lnTo>
                  <a:cubicBezTo>
                    <a:pt x="21383" y="3347"/>
                    <a:pt x="21446" y="3282"/>
                    <a:pt x="21467" y="3252"/>
                  </a:cubicBezTo>
                  <a:lnTo>
                    <a:pt x="21467" y="3252"/>
                  </a:lnTo>
                  <a:cubicBezTo>
                    <a:pt x="21430" y="3294"/>
                    <a:pt x="21393" y="3338"/>
                    <a:pt x="21353" y="3380"/>
                  </a:cubicBezTo>
                  <a:lnTo>
                    <a:pt x="21238" y="3505"/>
                  </a:lnTo>
                  <a:cubicBezTo>
                    <a:pt x="21228" y="3512"/>
                    <a:pt x="21223" y="3516"/>
                    <a:pt x="21222" y="3516"/>
                  </a:cubicBezTo>
                  <a:cubicBezTo>
                    <a:pt x="21212" y="3516"/>
                    <a:pt x="21312" y="3407"/>
                    <a:pt x="21326" y="3380"/>
                  </a:cubicBezTo>
                  <a:lnTo>
                    <a:pt x="21326" y="3380"/>
                  </a:lnTo>
                  <a:lnTo>
                    <a:pt x="21159" y="3560"/>
                  </a:lnTo>
                  <a:lnTo>
                    <a:pt x="21173" y="3528"/>
                  </a:lnTo>
                  <a:lnTo>
                    <a:pt x="21173" y="3528"/>
                  </a:lnTo>
                  <a:cubicBezTo>
                    <a:pt x="21163" y="3539"/>
                    <a:pt x="21145" y="3563"/>
                    <a:pt x="21122" y="3590"/>
                  </a:cubicBezTo>
                  <a:cubicBezTo>
                    <a:pt x="21099" y="3618"/>
                    <a:pt x="21066" y="3648"/>
                    <a:pt x="21034" y="3678"/>
                  </a:cubicBezTo>
                  <a:cubicBezTo>
                    <a:pt x="20987" y="3729"/>
                    <a:pt x="20934" y="3776"/>
                    <a:pt x="20879" y="3817"/>
                  </a:cubicBezTo>
                  <a:cubicBezTo>
                    <a:pt x="20781" y="3915"/>
                    <a:pt x="20742" y="3966"/>
                    <a:pt x="20689" y="4026"/>
                  </a:cubicBezTo>
                  <a:cubicBezTo>
                    <a:pt x="20638" y="4086"/>
                    <a:pt x="20573" y="4149"/>
                    <a:pt x="20431" y="4265"/>
                  </a:cubicBezTo>
                  <a:cubicBezTo>
                    <a:pt x="20429" y="4244"/>
                    <a:pt x="20582" y="4123"/>
                    <a:pt x="20638" y="4058"/>
                  </a:cubicBezTo>
                  <a:lnTo>
                    <a:pt x="20638" y="4058"/>
                  </a:lnTo>
                  <a:cubicBezTo>
                    <a:pt x="20580" y="4102"/>
                    <a:pt x="20424" y="4255"/>
                    <a:pt x="20385" y="4267"/>
                  </a:cubicBezTo>
                  <a:cubicBezTo>
                    <a:pt x="20193" y="4445"/>
                    <a:pt x="20235" y="4450"/>
                    <a:pt x="20147" y="4545"/>
                  </a:cubicBezTo>
                  <a:cubicBezTo>
                    <a:pt x="20090" y="4590"/>
                    <a:pt x="20069" y="4605"/>
                    <a:pt x="20065" y="4605"/>
                  </a:cubicBezTo>
                  <a:cubicBezTo>
                    <a:pt x="20057" y="4605"/>
                    <a:pt x="20114" y="4549"/>
                    <a:pt x="20110" y="4549"/>
                  </a:cubicBezTo>
                  <a:lnTo>
                    <a:pt x="20110" y="4549"/>
                  </a:lnTo>
                  <a:cubicBezTo>
                    <a:pt x="20110" y="4549"/>
                    <a:pt x="20110" y="4549"/>
                    <a:pt x="20109" y="4549"/>
                  </a:cubicBezTo>
                  <a:cubicBezTo>
                    <a:pt x="20058" y="4589"/>
                    <a:pt x="19998" y="4677"/>
                    <a:pt x="19936" y="4695"/>
                  </a:cubicBezTo>
                  <a:cubicBezTo>
                    <a:pt x="19890" y="4741"/>
                    <a:pt x="19859" y="4777"/>
                    <a:pt x="19871" y="4777"/>
                  </a:cubicBezTo>
                  <a:cubicBezTo>
                    <a:pt x="19878" y="4777"/>
                    <a:pt x="19903" y="4763"/>
                    <a:pt x="19952" y="4728"/>
                  </a:cubicBezTo>
                  <a:lnTo>
                    <a:pt x="19952" y="4728"/>
                  </a:lnTo>
                  <a:cubicBezTo>
                    <a:pt x="19862" y="4800"/>
                    <a:pt x="19734" y="4902"/>
                    <a:pt x="19716" y="4925"/>
                  </a:cubicBezTo>
                  <a:cubicBezTo>
                    <a:pt x="19728" y="4909"/>
                    <a:pt x="19730" y="4902"/>
                    <a:pt x="19725" y="4902"/>
                  </a:cubicBezTo>
                  <a:cubicBezTo>
                    <a:pt x="19708" y="4902"/>
                    <a:pt x="19606" y="4983"/>
                    <a:pt x="19582" y="4983"/>
                  </a:cubicBezTo>
                  <a:cubicBezTo>
                    <a:pt x="19581" y="4983"/>
                    <a:pt x="19580" y="4983"/>
                    <a:pt x="19579" y="4983"/>
                  </a:cubicBezTo>
                  <a:cubicBezTo>
                    <a:pt x="19507" y="5029"/>
                    <a:pt x="19389" y="5105"/>
                    <a:pt x="19278" y="5184"/>
                  </a:cubicBezTo>
                  <a:cubicBezTo>
                    <a:pt x="19176" y="5247"/>
                    <a:pt x="19079" y="5319"/>
                    <a:pt x="18988" y="5393"/>
                  </a:cubicBezTo>
                  <a:cubicBezTo>
                    <a:pt x="18995" y="5376"/>
                    <a:pt x="19004" y="5360"/>
                    <a:pt x="19014" y="5344"/>
                  </a:cubicBezTo>
                  <a:lnTo>
                    <a:pt x="19014" y="5344"/>
                  </a:lnTo>
                  <a:cubicBezTo>
                    <a:pt x="18956" y="5381"/>
                    <a:pt x="18898" y="5414"/>
                    <a:pt x="18840" y="5451"/>
                  </a:cubicBezTo>
                  <a:cubicBezTo>
                    <a:pt x="18819" y="5460"/>
                    <a:pt x="18808" y="5464"/>
                    <a:pt x="18804" y="5464"/>
                  </a:cubicBezTo>
                  <a:cubicBezTo>
                    <a:pt x="18796" y="5464"/>
                    <a:pt x="18827" y="5443"/>
                    <a:pt x="18872" y="5414"/>
                  </a:cubicBezTo>
                  <a:lnTo>
                    <a:pt x="18979" y="5346"/>
                  </a:lnTo>
                  <a:lnTo>
                    <a:pt x="19069" y="5288"/>
                  </a:lnTo>
                  <a:lnTo>
                    <a:pt x="19069" y="5288"/>
                  </a:lnTo>
                  <a:cubicBezTo>
                    <a:pt x="18954" y="5363"/>
                    <a:pt x="18854" y="5418"/>
                    <a:pt x="18759" y="5476"/>
                  </a:cubicBezTo>
                  <a:cubicBezTo>
                    <a:pt x="18664" y="5534"/>
                    <a:pt x="18569" y="5585"/>
                    <a:pt x="18460" y="5645"/>
                  </a:cubicBezTo>
                  <a:cubicBezTo>
                    <a:pt x="18487" y="5633"/>
                    <a:pt x="18497" y="5630"/>
                    <a:pt x="18503" y="5630"/>
                  </a:cubicBezTo>
                  <a:cubicBezTo>
                    <a:pt x="18509" y="5630"/>
                    <a:pt x="18508" y="5635"/>
                    <a:pt x="18517" y="5635"/>
                  </a:cubicBezTo>
                  <a:cubicBezTo>
                    <a:pt x="18519" y="5635"/>
                    <a:pt x="18523" y="5634"/>
                    <a:pt x="18527" y="5634"/>
                  </a:cubicBezTo>
                  <a:lnTo>
                    <a:pt x="18527" y="5634"/>
                  </a:lnTo>
                  <a:cubicBezTo>
                    <a:pt x="18488" y="5661"/>
                    <a:pt x="18446" y="5685"/>
                    <a:pt x="18402" y="5708"/>
                  </a:cubicBezTo>
                  <a:cubicBezTo>
                    <a:pt x="18358" y="5733"/>
                    <a:pt x="18312" y="5754"/>
                    <a:pt x="18272" y="5775"/>
                  </a:cubicBezTo>
                  <a:cubicBezTo>
                    <a:pt x="18270" y="5776"/>
                    <a:pt x="18267" y="5776"/>
                    <a:pt x="18265" y="5776"/>
                  </a:cubicBezTo>
                  <a:cubicBezTo>
                    <a:pt x="18255" y="5776"/>
                    <a:pt x="18267" y="5763"/>
                    <a:pt x="18319" y="5736"/>
                  </a:cubicBezTo>
                  <a:lnTo>
                    <a:pt x="18319" y="5736"/>
                  </a:lnTo>
                  <a:lnTo>
                    <a:pt x="18168" y="5817"/>
                  </a:lnTo>
                  <a:cubicBezTo>
                    <a:pt x="18173" y="5793"/>
                    <a:pt x="18099" y="5830"/>
                    <a:pt x="18242" y="5745"/>
                  </a:cubicBezTo>
                  <a:lnTo>
                    <a:pt x="18242" y="5745"/>
                  </a:lnTo>
                  <a:lnTo>
                    <a:pt x="18106" y="5821"/>
                  </a:lnTo>
                  <a:cubicBezTo>
                    <a:pt x="18062" y="5842"/>
                    <a:pt x="18043" y="5850"/>
                    <a:pt x="18039" y="5850"/>
                  </a:cubicBezTo>
                  <a:cubicBezTo>
                    <a:pt x="18028" y="5850"/>
                    <a:pt x="18115" y="5798"/>
                    <a:pt x="18140" y="5780"/>
                  </a:cubicBezTo>
                  <a:lnTo>
                    <a:pt x="18140" y="5780"/>
                  </a:lnTo>
                  <a:cubicBezTo>
                    <a:pt x="18101" y="5800"/>
                    <a:pt x="18059" y="5821"/>
                    <a:pt x="18018" y="5840"/>
                  </a:cubicBezTo>
                  <a:lnTo>
                    <a:pt x="17895" y="5898"/>
                  </a:lnTo>
                  <a:cubicBezTo>
                    <a:pt x="17809" y="5949"/>
                    <a:pt x="17953" y="5888"/>
                    <a:pt x="17784" y="5972"/>
                  </a:cubicBezTo>
                  <a:cubicBezTo>
                    <a:pt x="17726" y="5997"/>
                    <a:pt x="17661" y="6020"/>
                    <a:pt x="17596" y="6046"/>
                  </a:cubicBezTo>
                  <a:lnTo>
                    <a:pt x="17397" y="6129"/>
                  </a:lnTo>
                  <a:lnTo>
                    <a:pt x="17188" y="6210"/>
                  </a:lnTo>
                  <a:lnTo>
                    <a:pt x="17084" y="6250"/>
                  </a:lnTo>
                  <a:lnTo>
                    <a:pt x="16982" y="6284"/>
                  </a:lnTo>
                  <a:lnTo>
                    <a:pt x="17080" y="6259"/>
                  </a:lnTo>
                  <a:lnTo>
                    <a:pt x="17177" y="6229"/>
                  </a:lnTo>
                  <a:lnTo>
                    <a:pt x="17177" y="6229"/>
                  </a:lnTo>
                  <a:cubicBezTo>
                    <a:pt x="17147" y="6240"/>
                    <a:pt x="17119" y="6252"/>
                    <a:pt x="17089" y="6266"/>
                  </a:cubicBezTo>
                  <a:cubicBezTo>
                    <a:pt x="17075" y="6273"/>
                    <a:pt x="17063" y="6282"/>
                    <a:pt x="17052" y="6291"/>
                  </a:cubicBezTo>
                  <a:cubicBezTo>
                    <a:pt x="17036" y="6305"/>
                    <a:pt x="17033" y="6317"/>
                    <a:pt x="17012" y="6331"/>
                  </a:cubicBezTo>
                  <a:lnTo>
                    <a:pt x="16760" y="6419"/>
                  </a:lnTo>
                  <a:cubicBezTo>
                    <a:pt x="16674" y="6444"/>
                    <a:pt x="16591" y="6470"/>
                    <a:pt x="16524" y="6488"/>
                  </a:cubicBezTo>
                  <a:cubicBezTo>
                    <a:pt x="16608" y="6453"/>
                    <a:pt x="16620" y="6437"/>
                    <a:pt x="16586" y="6437"/>
                  </a:cubicBezTo>
                  <a:cubicBezTo>
                    <a:pt x="16562" y="6437"/>
                    <a:pt x="16517" y="6445"/>
                    <a:pt x="16459" y="6458"/>
                  </a:cubicBezTo>
                  <a:cubicBezTo>
                    <a:pt x="16304" y="6505"/>
                    <a:pt x="16248" y="6525"/>
                    <a:pt x="16209" y="6546"/>
                  </a:cubicBezTo>
                  <a:cubicBezTo>
                    <a:pt x="16162" y="6574"/>
                    <a:pt x="16114" y="6595"/>
                    <a:pt x="16063" y="6611"/>
                  </a:cubicBezTo>
                  <a:cubicBezTo>
                    <a:pt x="16094" y="6594"/>
                    <a:pt x="16096" y="6588"/>
                    <a:pt x="16083" y="6588"/>
                  </a:cubicBezTo>
                  <a:cubicBezTo>
                    <a:pt x="16047" y="6588"/>
                    <a:pt x="15898" y="6631"/>
                    <a:pt x="15869" y="6631"/>
                  </a:cubicBezTo>
                  <a:cubicBezTo>
                    <a:pt x="15865" y="6631"/>
                    <a:pt x="15863" y="6630"/>
                    <a:pt x="15866" y="6627"/>
                  </a:cubicBezTo>
                  <a:lnTo>
                    <a:pt x="15866" y="6627"/>
                  </a:lnTo>
                  <a:cubicBezTo>
                    <a:pt x="15463" y="6729"/>
                    <a:pt x="15053" y="6806"/>
                    <a:pt x="14638" y="6857"/>
                  </a:cubicBezTo>
                  <a:cubicBezTo>
                    <a:pt x="14647" y="6861"/>
                    <a:pt x="14770" y="6854"/>
                    <a:pt x="14696" y="6866"/>
                  </a:cubicBezTo>
                  <a:cubicBezTo>
                    <a:pt x="14611" y="6879"/>
                    <a:pt x="14550" y="6882"/>
                    <a:pt x="14509" y="6882"/>
                  </a:cubicBezTo>
                  <a:cubicBezTo>
                    <a:pt x="14474" y="6882"/>
                    <a:pt x="14453" y="6880"/>
                    <a:pt x="14443" y="6877"/>
                  </a:cubicBezTo>
                  <a:cubicBezTo>
                    <a:pt x="14395" y="6884"/>
                    <a:pt x="14348" y="6887"/>
                    <a:pt x="14309" y="6891"/>
                  </a:cubicBezTo>
                  <a:cubicBezTo>
                    <a:pt x="14270" y="6896"/>
                    <a:pt x="14233" y="6901"/>
                    <a:pt x="14203" y="6905"/>
                  </a:cubicBezTo>
                  <a:cubicBezTo>
                    <a:pt x="14140" y="6912"/>
                    <a:pt x="14094" y="6922"/>
                    <a:pt x="14061" y="6928"/>
                  </a:cubicBezTo>
                  <a:cubicBezTo>
                    <a:pt x="14093" y="6925"/>
                    <a:pt x="14114" y="6924"/>
                    <a:pt x="14127" y="6924"/>
                  </a:cubicBezTo>
                  <a:cubicBezTo>
                    <a:pt x="14151" y="6924"/>
                    <a:pt x="14151" y="6928"/>
                    <a:pt x="14142" y="6935"/>
                  </a:cubicBezTo>
                  <a:cubicBezTo>
                    <a:pt x="14106" y="6938"/>
                    <a:pt x="14071" y="6940"/>
                    <a:pt x="14035" y="6940"/>
                  </a:cubicBezTo>
                  <a:cubicBezTo>
                    <a:pt x="14013" y="6940"/>
                    <a:pt x="13991" y="6939"/>
                    <a:pt x="13969" y="6938"/>
                  </a:cubicBezTo>
                  <a:cubicBezTo>
                    <a:pt x="13913" y="6938"/>
                    <a:pt x="13857" y="6940"/>
                    <a:pt x="13802" y="6947"/>
                  </a:cubicBezTo>
                  <a:cubicBezTo>
                    <a:pt x="13776" y="6938"/>
                    <a:pt x="13832" y="6935"/>
                    <a:pt x="13887" y="6931"/>
                  </a:cubicBezTo>
                  <a:cubicBezTo>
                    <a:pt x="13943" y="6928"/>
                    <a:pt x="14006" y="6919"/>
                    <a:pt x="13996" y="6912"/>
                  </a:cubicBezTo>
                  <a:lnTo>
                    <a:pt x="13996" y="6912"/>
                  </a:lnTo>
                  <a:lnTo>
                    <a:pt x="13874" y="6919"/>
                  </a:lnTo>
                  <a:cubicBezTo>
                    <a:pt x="13837" y="6919"/>
                    <a:pt x="13802" y="6922"/>
                    <a:pt x="13767" y="6924"/>
                  </a:cubicBezTo>
                  <a:cubicBezTo>
                    <a:pt x="13702" y="6928"/>
                    <a:pt x="13642" y="6933"/>
                    <a:pt x="13577" y="6938"/>
                  </a:cubicBezTo>
                  <a:cubicBezTo>
                    <a:pt x="13547" y="6926"/>
                    <a:pt x="13695" y="6933"/>
                    <a:pt x="13598" y="6926"/>
                  </a:cubicBezTo>
                  <a:lnTo>
                    <a:pt x="13598" y="6926"/>
                  </a:lnTo>
                  <a:lnTo>
                    <a:pt x="13382" y="6935"/>
                  </a:lnTo>
                  <a:lnTo>
                    <a:pt x="12864" y="6935"/>
                  </a:lnTo>
                  <a:lnTo>
                    <a:pt x="12780" y="6931"/>
                  </a:lnTo>
                  <a:lnTo>
                    <a:pt x="12725" y="6910"/>
                  </a:lnTo>
                  <a:cubicBezTo>
                    <a:pt x="12632" y="6903"/>
                    <a:pt x="12537" y="6901"/>
                    <a:pt x="12442" y="6901"/>
                  </a:cubicBezTo>
                  <a:cubicBezTo>
                    <a:pt x="12398" y="6894"/>
                    <a:pt x="12403" y="6891"/>
                    <a:pt x="12429" y="6891"/>
                  </a:cubicBezTo>
                  <a:cubicBezTo>
                    <a:pt x="12445" y="6891"/>
                    <a:pt x="12471" y="6892"/>
                    <a:pt x="12498" y="6894"/>
                  </a:cubicBezTo>
                  <a:lnTo>
                    <a:pt x="12359" y="6882"/>
                  </a:lnTo>
                  <a:lnTo>
                    <a:pt x="12220" y="6871"/>
                  </a:lnTo>
                  <a:cubicBezTo>
                    <a:pt x="12129" y="6864"/>
                    <a:pt x="12051" y="6857"/>
                    <a:pt x="12000" y="6852"/>
                  </a:cubicBezTo>
                  <a:cubicBezTo>
                    <a:pt x="12002" y="6851"/>
                    <a:pt x="12007" y="6850"/>
                    <a:pt x="12012" y="6850"/>
                  </a:cubicBezTo>
                  <a:cubicBezTo>
                    <a:pt x="12037" y="6850"/>
                    <a:pt x="12088" y="6860"/>
                    <a:pt x="12117" y="6860"/>
                  </a:cubicBezTo>
                  <a:cubicBezTo>
                    <a:pt x="12122" y="6860"/>
                    <a:pt x="12126" y="6859"/>
                    <a:pt x="12129" y="6859"/>
                  </a:cubicBezTo>
                  <a:cubicBezTo>
                    <a:pt x="12074" y="6852"/>
                    <a:pt x="12013" y="6845"/>
                    <a:pt x="11956" y="6840"/>
                  </a:cubicBezTo>
                  <a:lnTo>
                    <a:pt x="11865" y="6833"/>
                  </a:lnTo>
                  <a:lnTo>
                    <a:pt x="11777" y="6822"/>
                  </a:lnTo>
                  <a:cubicBezTo>
                    <a:pt x="11678" y="6813"/>
                    <a:pt x="11580" y="6796"/>
                    <a:pt x="11483" y="6773"/>
                  </a:cubicBezTo>
                  <a:cubicBezTo>
                    <a:pt x="11490" y="6773"/>
                    <a:pt x="11497" y="6774"/>
                    <a:pt x="11505" y="6774"/>
                  </a:cubicBezTo>
                  <a:lnTo>
                    <a:pt x="11505" y="6774"/>
                  </a:lnTo>
                  <a:cubicBezTo>
                    <a:pt x="11355" y="6750"/>
                    <a:pt x="11216" y="6722"/>
                    <a:pt x="11071" y="6697"/>
                  </a:cubicBezTo>
                  <a:cubicBezTo>
                    <a:pt x="10992" y="6681"/>
                    <a:pt x="10913" y="6669"/>
                    <a:pt x="10832" y="6650"/>
                  </a:cubicBezTo>
                  <a:lnTo>
                    <a:pt x="10580" y="6593"/>
                  </a:lnTo>
                  <a:cubicBezTo>
                    <a:pt x="10443" y="6551"/>
                    <a:pt x="10403" y="6545"/>
                    <a:pt x="10377" y="6545"/>
                  </a:cubicBezTo>
                  <a:cubicBezTo>
                    <a:pt x="10366" y="6545"/>
                    <a:pt x="10358" y="6546"/>
                    <a:pt x="10347" y="6546"/>
                  </a:cubicBezTo>
                  <a:cubicBezTo>
                    <a:pt x="10321" y="6546"/>
                    <a:pt x="10278" y="6541"/>
                    <a:pt x="10153" y="6507"/>
                  </a:cubicBezTo>
                  <a:cubicBezTo>
                    <a:pt x="10158" y="6486"/>
                    <a:pt x="10051" y="6454"/>
                    <a:pt x="9929" y="6423"/>
                  </a:cubicBezTo>
                  <a:cubicBezTo>
                    <a:pt x="9804" y="6391"/>
                    <a:pt x="9665" y="6352"/>
                    <a:pt x="9600" y="6328"/>
                  </a:cubicBezTo>
                  <a:lnTo>
                    <a:pt x="9600" y="6328"/>
                  </a:lnTo>
                  <a:lnTo>
                    <a:pt x="9639" y="6347"/>
                  </a:lnTo>
                  <a:cubicBezTo>
                    <a:pt x="9553" y="6328"/>
                    <a:pt x="9468" y="6303"/>
                    <a:pt x="9384" y="6271"/>
                  </a:cubicBezTo>
                  <a:cubicBezTo>
                    <a:pt x="9301" y="6238"/>
                    <a:pt x="9224" y="6203"/>
                    <a:pt x="9173" y="6178"/>
                  </a:cubicBezTo>
                  <a:cubicBezTo>
                    <a:pt x="8944" y="6097"/>
                    <a:pt x="8604" y="5963"/>
                    <a:pt x="8372" y="5884"/>
                  </a:cubicBezTo>
                  <a:lnTo>
                    <a:pt x="8372" y="5884"/>
                  </a:lnTo>
                  <a:lnTo>
                    <a:pt x="8421" y="5895"/>
                  </a:lnTo>
                  <a:cubicBezTo>
                    <a:pt x="8231" y="5826"/>
                    <a:pt x="8122" y="5763"/>
                    <a:pt x="7932" y="5691"/>
                  </a:cubicBezTo>
                  <a:lnTo>
                    <a:pt x="7932" y="5691"/>
                  </a:lnTo>
                  <a:cubicBezTo>
                    <a:pt x="7936" y="5691"/>
                    <a:pt x="7963" y="5701"/>
                    <a:pt x="7968" y="5701"/>
                  </a:cubicBezTo>
                  <a:cubicBezTo>
                    <a:pt x="7972" y="5701"/>
                    <a:pt x="7967" y="5697"/>
                    <a:pt x="7939" y="5682"/>
                  </a:cubicBezTo>
                  <a:cubicBezTo>
                    <a:pt x="7721" y="5576"/>
                    <a:pt x="7501" y="5474"/>
                    <a:pt x="7283" y="5360"/>
                  </a:cubicBezTo>
                  <a:lnTo>
                    <a:pt x="7119" y="5277"/>
                  </a:lnTo>
                  <a:cubicBezTo>
                    <a:pt x="7093" y="5263"/>
                    <a:pt x="7066" y="5249"/>
                    <a:pt x="7038" y="5235"/>
                  </a:cubicBezTo>
                  <a:lnTo>
                    <a:pt x="6957" y="5191"/>
                  </a:lnTo>
                  <a:lnTo>
                    <a:pt x="6632" y="5017"/>
                  </a:lnTo>
                  <a:cubicBezTo>
                    <a:pt x="6526" y="4959"/>
                    <a:pt x="6419" y="4897"/>
                    <a:pt x="6315" y="4837"/>
                  </a:cubicBezTo>
                  <a:lnTo>
                    <a:pt x="6155" y="4744"/>
                  </a:lnTo>
                  <a:lnTo>
                    <a:pt x="6000" y="4649"/>
                  </a:lnTo>
                  <a:cubicBezTo>
                    <a:pt x="5896" y="4584"/>
                    <a:pt x="5789" y="4522"/>
                    <a:pt x="5687" y="4454"/>
                  </a:cubicBezTo>
                  <a:lnTo>
                    <a:pt x="5384" y="4253"/>
                  </a:lnTo>
                  <a:cubicBezTo>
                    <a:pt x="4552" y="3685"/>
                    <a:pt x="3755" y="3074"/>
                    <a:pt x="2993" y="2416"/>
                  </a:cubicBezTo>
                  <a:cubicBezTo>
                    <a:pt x="2599" y="2078"/>
                    <a:pt x="2210" y="1733"/>
                    <a:pt x="1840" y="1388"/>
                  </a:cubicBezTo>
                  <a:cubicBezTo>
                    <a:pt x="1469" y="1045"/>
                    <a:pt x="1108" y="709"/>
                    <a:pt x="776" y="391"/>
                  </a:cubicBezTo>
                  <a:lnTo>
                    <a:pt x="661" y="317"/>
                  </a:lnTo>
                  <a:cubicBezTo>
                    <a:pt x="593" y="273"/>
                    <a:pt x="501" y="215"/>
                    <a:pt x="410" y="162"/>
                  </a:cubicBezTo>
                  <a:cubicBezTo>
                    <a:pt x="277" y="83"/>
                    <a:pt x="145" y="13"/>
                    <a:pt x="95" y="13"/>
                  </a:cubicBezTo>
                  <a:cubicBezTo>
                    <a:pt x="78" y="13"/>
                    <a:pt x="70" y="21"/>
                    <a:pt x="74" y="39"/>
                  </a:cubicBezTo>
                  <a:cubicBezTo>
                    <a:pt x="82" y="48"/>
                    <a:pt x="83" y="52"/>
                    <a:pt x="81" y="52"/>
                  </a:cubicBezTo>
                  <a:cubicBezTo>
                    <a:pt x="73" y="52"/>
                    <a:pt x="11" y="1"/>
                    <a:pt x="4"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 name="Google Shape;119;p7"/>
            <p:cNvSpPr/>
            <p:nvPr/>
          </p:nvSpPr>
          <p:spPr>
            <a:xfrm rot="10800000">
              <a:off x="3339653" y="4724251"/>
              <a:ext cx="1437606" cy="452030"/>
            </a:xfrm>
            <a:custGeom>
              <a:avLst/>
              <a:gdLst/>
              <a:ahLst/>
              <a:cxnLst/>
              <a:rect l="l" t="t" r="r" b="b"/>
              <a:pathLst>
                <a:path w="23121" h="7270" extrusionOk="0">
                  <a:moveTo>
                    <a:pt x="361" y="288"/>
                  </a:moveTo>
                  <a:cubicBezTo>
                    <a:pt x="368" y="296"/>
                    <a:pt x="379" y="308"/>
                    <a:pt x="394" y="325"/>
                  </a:cubicBezTo>
                  <a:cubicBezTo>
                    <a:pt x="385" y="314"/>
                    <a:pt x="374" y="302"/>
                    <a:pt x="361" y="288"/>
                  </a:cubicBezTo>
                  <a:close/>
                  <a:moveTo>
                    <a:pt x="876" y="908"/>
                  </a:moveTo>
                  <a:cubicBezTo>
                    <a:pt x="878" y="911"/>
                    <a:pt x="881" y="913"/>
                    <a:pt x="884" y="916"/>
                  </a:cubicBezTo>
                  <a:lnTo>
                    <a:pt x="884" y="916"/>
                  </a:lnTo>
                  <a:cubicBezTo>
                    <a:pt x="882" y="913"/>
                    <a:pt x="879" y="911"/>
                    <a:pt x="876" y="908"/>
                  </a:cubicBezTo>
                  <a:close/>
                  <a:moveTo>
                    <a:pt x="22736" y="1360"/>
                  </a:moveTo>
                  <a:lnTo>
                    <a:pt x="22736" y="1360"/>
                  </a:lnTo>
                  <a:cubicBezTo>
                    <a:pt x="22725" y="1383"/>
                    <a:pt x="22717" y="1400"/>
                    <a:pt x="22711" y="1412"/>
                  </a:cubicBezTo>
                  <a:lnTo>
                    <a:pt x="22711" y="1412"/>
                  </a:lnTo>
                  <a:cubicBezTo>
                    <a:pt x="22718" y="1398"/>
                    <a:pt x="22726" y="1381"/>
                    <a:pt x="22736" y="1360"/>
                  </a:cubicBezTo>
                  <a:close/>
                  <a:moveTo>
                    <a:pt x="1550" y="1533"/>
                  </a:moveTo>
                  <a:lnTo>
                    <a:pt x="1548" y="1536"/>
                  </a:lnTo>
                  <a:cubicBezTo>
                    <a:pt x="1550" y="1536"/>
                    <a:pt x="1550" y="1535"/>
                    <a:pt x="1550" y="1533"/>
                  </a:cubicBezTo>
                  <a:close/>
                  <a:moveTo>
                    <a:pt x="2417" y="2349"/>
                  </a:moveTo>
                  <a:cubicBezTo>
                    <a:pt x="2417" y="2349"/>
                    <a:pt x="2417" y="2349"/>
                    <a:pt x="2416" y="2349"/>
                  </a:cubicBezTo>
                  <a:cubicBezTo>
                    <a:pt x="2417" y="2349"/>
                    <a:pt x="2417" y="2349"/>
                    <a:pt x="2417" y="2349"/>
                  </a:cubicBezTo>
                  <a:close/>
                  <a:moveTo>
                    <a:pt x="4337" y="3904"/>
                  </a:moveTo>
                  <a:lnTo>
                    <a:pt x="4408" y="3957"/>
                  </a:lnTo>
                  <a:lnTo>
                    <a:pt x="4408" y="3957"/>
                  </a:lnTo>
                  <a:cubicBezTo>
                    <a:pt x="4418" y="3961"/>
                    <a:pt x="4430" y="3965"/>
                    <a:pt x="4441" y="3970"/>
                  </a:cubicBezTo>
                  <a:lnTo>
                    <a:pt x="4441" y="3970"/>
                  </a:lnTo>
                  <a:cubicBezTo>
                    <a:pt x="4393" y="3936"/>
                    <a:pt x="4352" y="3909"/>
                    <a:pt x="4337" y="3904"/>
                  </a:cubicBezTo>
                  <a:close/>
                  <a:moveTo>
                    <a:pt x="4371" y="3975"/>
                  </a:moveTo>
                  <a:lnTo>
                    <a:pt x="4387" y="3993"/>
                  </a:lnTo>
                  <a:lnTo>
                    <a:pt x="4387" y="3993"/>
                  </a:lnTo>
                  <a:cubicBezTo>
                    <a:pt x="4376" y="3987"/>
                    <a:pt x="4367" y="3983"/>
                    <a:pt x="4365" y="3983"/>
                  </a:cubicBezTo>
                  <a:cubicBezTo>
                    <a:pt x="4364" y="3983"/>
                    <a:pt x="4372" y="3989"/>
                    <a:pt x="4399" y="4006"/>
                  </a:cubicBezTo>
                  <a:lnTo>
                    <a:pt x="4387" y="3993"/>
                  </a:lnTo>
                  <a:lnTo>
                    <a:pt x="4387" y="3993"/>
                  </a:lnTo>
                  <a:cubicBezTo>
                    <a:pt x="4406" y="4001"/>
                    <a:pt x="4432" y="4013"/>
                    <a:pt x="4442" y="4013"/>
                  </a:cubicBezTo>
                  <a:lnTo>
                    <a:pt x="4442" y="4013"/>
                  </a:lnTo>
                  <a:lnTo>
                    <a:pt x="4371" y="3975"/>
                  </a:lnTo>
                  <a:close/>
                  <a:moveTo>
                    <a:pt x="18782" y="5666"/>
                  </a:moveTo>
                  <a:lnTo>
                    <a:pt x="18724" y="5702"/>
                  </a:lnTo>
                  <a:lnTo>
                    <a:pt x="18724" y="5702"/>
                  </a:lnTo>
                  <a:cubicBezTo>
                    <a:pt x="18743" y="5691"/>
                    <a:pt x="18763" y="5679"/>
                    <a:pt x="18782" y="5666"/>
                  </a:cubicBezTo>
                  <a:close/>
                  <a:moveTo>
                    <a:pt x="18763" y="5701"/>
                  </a:moveTo>
                  <a:cubicBezTo>
                    <a:pt x="18758" y="5704"/>
                    <a:pt x="18753" y="5707"/>
                    <a:pt x="18747" y="5710"/>
                  </a:cubicBezTo>
                  <a:cubicBezTo>
                    <a:pt x="18753" y="5707"/>
                    <a:pt x="18758" y="5704"/>
                    <a:pt x="18763" y="5701"/>
                  </a:cubicBezTo>
                  <a:close/>
                  <a:moveTo>
                    <a:pt x="18317" y="5734"/>
                  </a:moveTo>
                  <a:cubicBezTo>
                    <a:pt x="18309" y="5738"/>
                    <a:pt x="18302" y="5742"/>
                    <a:pt x="18295" y="5745"/>
                  </a:cubicBezTo>
                  <a:lnTo>
                    <a:pt x="18295" y="5745"/>
                  </a:lnTo>
                  <a:lnTo>
                    <a:pt x="18317" y="5734"/>
                  </a:lnTo>
                  <a:close/>
                  <a:moveTo>
                    <a:pt x="8782" y="6301"/>
                  </a:moveTo>
                  <a:lnTo>
                    <a:pt x="8782" y="6301"/>
                  </a:lnTo>
                  <a:cubicBezTo>
                    <a:pt x="8787" y="6303"/>
                    <a:pt x="8791" y="6304"/>
                    <a:pt x="8795" y="6305"/>
                  </a:cubicBezTo>
                  <a:lnTo>
                    <a:pt x="8795" y="6305"/>
                  </a:lnTo>
                  <a:cubicBezTo>
                    <a:pt x="8789" y="6303"/>
                    <a:pt x="8785" y="6302"/>
                    <a:pt x="8782" y="6301"/>
                  </a:cubicBezTo>
                  <a:close/>
                  <a:moveTo>
                    <a:pt x="11183" y="7037"/>
                  </a:moveTo>
                  <a:cubicBezTo>
                    <a:pt x="11184" y="7037"/>
                    <a:pt x="11185" y="7037"/>
                    <a:pt x="11186" y="7038"/>
                  </a:cubicBezTo>
                  <a:cubicBezTo>
                    <a:pt x="11185" y="7037"/>
                    <a:pt x="11184" y="7037"/>
                    <a:pt x="11183" y="7037"/>
                  </a:cubicBezTo>
                  <a:close/>
                  <a:moveTo>
                    <a:pt x="13769" y="7207"/>
                  </a:moveTo>
                  <a:cubicBezTo>
                    <a:pt x="13776" y="7207"/>
                    <a:pt x="13781" y="7207"/>
                    <a:pt x="13787" y="7207"/>
                  </a:cubicBezTo>
                  <a:lnTo>
                    <a:pt x="13787" y="7207"/>
                  </a:lnTo>
                  <a:cubicBezTo>
                    <a:pt x="13781" y="7207"/>
                    <a:pt x="13775" y="7207"/>
                    <a:pt x="13769" y="7207"/>
                  </a:cubicBezTo>
                  <a:close/>
                  <a:moveTo>
                    <a:pt x="4" y="0"/>
                  </a:moveTo>
                  <a:cubicBezTo>
                    <a:pt x="1" y="0"/>
                    <a:pt x="8" y="10"/>
                    <a:pt x="35" y="40"/>
                  </a:cubicBezTo>
                  <a:lnTo>
                    <a:pt x="156" y="132"/>
                  </a:lnTo>
                  <a:cubicBezTo>
                    <a:pt x="154" y="132"/>
                    <a:pt x="152" y="131"/>
                    <a:pt x="151" y="131"/>
                  </a:cubicBezTo>
                  <a:cubicBezTo>
                    <a:pt x="138" y="131"/>
                    <a:pt x="184" y="192"/>
                    <a:pt x="188" y="209"/>
                  </a:cubicBezTo>
                  <a:cubicBezTo>
                    <a:pt x="192" y="211"/>
                    <a:pt x="195" y="212"/>
                    <a:pt x="197" y="212"/>
                  </a:cubicBezTo>
                  <a:cubicBezTo>
                    <a:pt x="216" y="212"/>
                    <a:pt x="143" y="123"/>
                    <a:pt x="163" y="123"/>
                  </a:cubicBezTo>
                  <a:cubicBezTo>
                    <a:pt x="170" y="123"/>
                    <a:pt x="186" y="132"/>
                    <a:pt x="218" y="156"/>
                  </a:cubicBezTo>
                  <a:cubicBezTo>
                    <a:pt x="249" y="172"/>
                    <a:pt x="314" y="237"/>
                    <a:pt x="361" y="288"/>
                  </a:cubicBezTo>
                  <a:lnTo>
                    <a:pt x="361" y="288"/>
                  </a:lnTo>
                  <a:cubicBezTo>
                    <a:pt x="353" y="278"/>
                    <a:pt x="352" y="274"/>
                    <a:pt x="354" y="274"/>
                  </a:cubicBezTo>
                  <a:cubicBezTo>
                    <a:pt x="362" y="274"/>
                    <a:pt x="427" y="328"/>
                    <a:pt x="459" y="353"/>
                  </a:cubicBezTo>
                  <a:cubicBezTo>
                    <a:pt x="519" y="424"/>
                    <a:pt x="628" y="526"/>
                    <a:pt x="649" y="568"/>
                  </a:cubicBezTo>
                  <a:cubicBezTo>
                    <a:pt x="686" y="593"/>
                    <a:pt x="718" y="626"/>
                    <a:pt x="749" y="658"/>
                  </a:cubicBezTo>
                  <a:lnTo>
                    <a:pt x="749" y="668"/>
                  </a:lnTo>
                  <a:cubicBezTo>
                    <a:pt x="771" y="687"/>
                    <a:pt x="779" y="694"/>
                    <a:pt x="781" y="694"/>
                  </a:cubicBezTo>
                  <a:cubicBezTo>
                    <a:pt x="785" y="694"/>
                    <a:pt x="744" y="650"/>
                    <a:pt x="748" y="650"/>
                  </a:cubicBezTo>
                  <a:cubicBezTo>
                    <a:pt x="748" y="650"/>
                    <a:pt x="749" y="650"/>
                    <a:pt x="751" y="651"/>
                  </a:cubicBezTo>
                  <a:cubicBezTo>
                    <a:pt x="809" y="707"/>
                    <a:pt x="890" y="804"/>
                    <a:pt x="985" y="897"/>
                  </a:cubicBezTo>
                  <a:cubicBezTo>
                    <a:pt x="890" y="804"/>
                    <a:pt x="806" y="735"/>
                    <a:pt x="735" y="675"/>
                  </a:cubicBezTo>
                  <a:lnTo>
                    <a:pt x="735" y="675"/>
                  </a:lnTo>
                  <a:cubicBezTo>
                    <a:pt x="786" y="730"/>
                    <a:pt x="800" y="750"/>
                    <a:pt x="792" y="750"/>
                  </a:cubicBezTo>
                  <a:cubicBezTo>
                    <a:pt x="776" y="750"/>
                    <a:pt x="665" y="659"/>
                    <a:pt x="630" y="642"/>
                  </a:cubicBezTo>
                  <a:lnTo>
                    <a:pt x="630" y="642"/>
                  </a:lnTo>
                  <a:cubicBezTo>
                    <a:pt x="774" y="772"/>
                    <a:pt x="834" y="816"/>
                    <a:pt x="955" y="918"/>
                  </a:cubicBezTo>
                  <a:cubicBezTo>
                    <a:pt x="1000" y="969"/>
                    <a:pt x="1008" y="987"/>
                    <a:pt x="997" y="987"/>
                  </a:cubicBezTo>
                  <a:cubicBezTo>
                    <a:pt x="979" y="987"/>
                    <a:pt x="914" y="940"/>
                    <a:pt x="884" y="916"/>
                  </a:cubicBezTo>
                  <a:lnTo>
                    <a:pt x="884" y="916"/>
                  </a:lnTo>
                  <a:cubicBezTo>
                    <a:pt x="1014" y="1029"/>
                    <a:pt x="1155" y="1139"/>
                    <a:pt x="1226" y="1198"/>
                  </a:cubicBezTo>
                  <a:cubicBezTo>
                    <a:pt x="1115" y="1126"/>
                    <a:pt x="1126" y="1147"/>
                    <a:pt x="1027" y="1080"/>
                  </a:cubicBezTo>
                  <a:lnTo>
                    <a:pt x="1027" y="1080"/>
                  </a:lnTo>
                  <a:cubicBezTo>
                    <a:pt x="1117" y="1189"/>
                    <a:pt x="1152" y="1196"/>
                    <a:pt x="1205" y="1235"/>
                  </a:cubicBezTo>
                  <a:cubicBezTo>
                    <a:pt x="1175" y="1212"/>
                    <a:pt x="1149" y="1184"/>
                    <a:pt x="1124" y="1156"/>
                  </a:cubicBezTo>
                  <a:lnTo>
                    <a:pt x="1124" y="1156"/>
                  </a:lnTo>
                  <a:cubicBezTo>
                    <a:pt x="1244" y="1272"/>
                    <a:pt x="1249" y="1226"/>
                    <a:pt x="1325" y="1272"/>
                  </a:cubicBezTo>
                  <a:cubicBezTo>
                    <a:pt x="1401" y="1358"/>
                    <a:pt x="1549" y="1508"/>
                    <a:pt x="1550" y="1533"/>
                  </a:cubicBezTo>
                  <a:lnTo>
                    <a:pt x="1550" y="1533"/>
                  </a:lnTo>
                  <a:lnTo>
                    <a:pt x="1562" y="1518"/>
                  </a:lnTo>
                  <a:cubicBezTo>
                    <a:pt x="1673" y="1610"/>
                    <a:pt x="1608" y="1578"/>
                    <a:pt x="1620" y="1599"/>
                  </a:cubicBezTo>
                  <a:cubicBezTo>
                    <a:pt x="1633" y="1605"/>
                    <a:pt x="1640" y="1606"/>
                    <a:pt x="1647" y="1606"/>
                  </a:cubicBezTo>
                  <a:cubicBezTo>
                    <a:pt x="1649" y="1606"/>
                    <a:pt x="1651" y="1606"/>
                    <a:pt x="1652" y="1606"/>
                  </a:cubicBezTo>
                  <a:cubicBezTo>
                    <a:pt x="1671" y="1606"/>
                    <a:pt x="1696" y="1610"/>
                    <a:pt x="1823" y="1722"/>
                  </a:cubicBezTo>
                  <a:cubicBezTo>
                    <a:pt x="1768" y="1724"/>
                    <a:pt x="1981" y="1872"/>
                    <a:pt x="1951" y="1893"/>
                  </a:cubicBezTo>
                  <a:cubicBezTo>
                    <a:pt x="2039" y="1967"/>
                    <a:pt x="2090" y="1988"/>
                    <a:pt x="2176" y="2071"/>
                  </a:cubicBezTo>
                  <a:cubicBezTo>
                    <a:pt x="2193" y="2093"/>
                    <a:pt x="2196" y="2102"/>
                    <a:pt x="2189" y="2102"/>
                  </a:cubicBezTo>
                  <a:cubicBezTo>
                    <a:pt x="2163" y="2102"/>
                    <a:pt x="1999" y="1975"/>
                    <a:pt x="1960" y="1935"/>
                  </a:cubicBezTo>
                  <a:cubicBezTo>
                    <a:pt x="1917" y="1895"/>
                    <a:pt x="1907" y="1884"/>
                    <a:pt x="1911" y="1884"/>
                  </a:cubicBezTo>
                  <a:cubicBezTo>
                    <a:pt x="1917" y="1884"/>
                    <a:pt x="1945" y="1904"/>
                    <a:pt x="1949" y="1904"/>
                  </a:cubicBezTo>
                  <a:cubicBezTo>
                    <a:pt x="1950" y="1904"/>
                    <a:pt x="1948" y="1901"/>
                    <a:pt x="1939" y="1893"/>
                  </a:cubicBezTo>
                  <a:cubicBezTo>
                    <a:pt x="1898" y="1861"/>
                    <a:pt x="1856" y="1826"/>
                    <a:pt x="1814" y="1793"/>
                  </a:cubicBezTo>
                  <a:lnTo>
                    <a:pt x="1814" y="1793"/>
                  </a:lnTo>
                  <a:cubicBezTo>
                    <a:pt x="1871" y="1860"/>
                    <a:pt x="1995" y="1979"/>
                    <a:pt x="1970" y="1979"/>
                  </a:cubicBezTo>
                  <a:cubicBezTo>
                    <a:pt x="1970" y="1979"/>
                    <a:pt x="1970" y="1979"/>
                    <a:pt x="1969" y="1979"/>
                  </a:cubicBezTo>
                  <a:lnTo>
                    <a:pt x="1969" y="1979"/>
                  </a:lnTo>
                  <a:cubicBezTo>
                    <a:pt x="1996" y="2001"/>
                    <a:pt x="2008" y="2009"/>
                    <a:pt x="2011" y="2009"/>
                  </a:cubicBezTo>
                  <a:cubicBezTo>
                    <a:pt x="2017" y="2009"/>
                    <a:pt x="1968" y="1957"/>
                    <a:pt x="1975" y="1957"/>
                  </a:cubicBezTo>
                  <a:cubicBezTo>
                    <a:pt x="1978" y="1957"/>
                    <a:pt x="1991" y="1966"/>
                    <a:pt x="2023" y="1993"/>
                  </a:cubicBezTo>
                  <a:lnTo>
                    <a:pt x="2094" y="2069"/>
                  </a:lnTo>
                  <a:cubicBezTo>
                    <a:pt x="2138" y="2104"/>
                    <a:pt x="2153" y="2113"/>
                    <a:pt x="2158" y="2113"/>
                  </a:cubicBezTo>
                  <a:cubicBezTo>
                    <a:pt x="2164" y="2113"/>
                    <a:pt x="2161" y="2105"/>
                    <a:pt x="2166" y="2105"/>
                  </a:cubicBezTo>
                  <a:cubicBezTo>
                    <a:pt x="2173" y="2105"/>
                    <a:pt x="2192" y="2118"/>
                    <a:pt x="2259" y="2176"/>
                  </a:cubicBezTo>
                  <a:cubicBezTo>
                    <a:pt x="2240" y="2162"/>
                    <a:pt x="2231" y="2156"/>
                    <a:pt x="2229" y="2156"/>
                  </a:cubicBezTo>
                  <a:cubicBezTo>
                    <a:pt x="2225" y="2156"/>
                    <a:pt x="2260" y="2187"/>
                    <a:pt x="2301" y="2224"/>
                  </a:cubicBezTo>
                  <a:cubicBezTo>
                    <a:pt x="2357" y="2276"/>
                    <a:pt x="2427" y="2341"/>
                    <a:pt x="2417" y="2349"/>
                  </a:cubicBezTo>
                  <a:lnTo>
                    <a:pt x="2417" y="2349"/>
                  </a:lnTo>
                  <a:cubicBezTo>
                    <a:pt x="2418" y="2349"/>
                    <a:pt x="2419" y="2348"/>
                    <a:pt x="2420" y="2348"/>
                  </a:cubicBezTo>
                  <a:cubicBezTo>
                    <a:pt x="2462" y="2348"/>
                    <a:pt x="2729" y="2618"/>
                    <a:pt x="2782" y="2627"/>
                  </a:cubicBezTo>
                  <a:lnTo>
                    <a:pt x="2694" y="2544"/>
                  </a:lnTo>
                  <a:lnTo>
                    <a:pt x="2706" y="2572"/>
                  </a:lnTo>
                  <a:cubicBezTo>
                    <a:pt x="2606" y="2486"/>
                    <a:pt x="2518" y="2419"/>
                    <a:pt x="2419" y="2326"/>
                  </a:cubicBezTo>
                  <a:lnTo>
                    <a:pt x="2419" y="2326"/>
                  </a:lnTo>
                  <a:cubicBezTo>
                    <a:pt x="2440" y="2341"/>
                    <a:pt x="2450" y="2345"/>
                    <a:pt x="2455" y="2345"/>
                  </a:cubicBezTo>
                  <a:cubicBezTo>
                    <a:pt x="2466" y="2345"/>
                    <a:pt x="2454" y="2327"/>
                    <a:pt x="2464" y="2327"/>
                  </a:cubicBezTo>
                  <a:cubicBezTo>
                    <a:pt x="2470" y="2327"/>
                    <a:pt x="2483" y="2333"/>
                    <a:pt x="2511" y="2354"/>
                  </a:cubicBezTo>
                  <a:cubicBezTo>
                    <a:pt x="2602" y="2422"/>
                    <a:pt x="2613" y="2437"/>
                    <a:pt x="2603" y="2437"/>
                  </a:cubicBezTo>
                  <a:cubicBezTo>
                    <a:pt x="2596" y="2437"/>
                    <a:pt x="2573" y="2427"/>
                    <a:pt x="2569" y="2427"/>
                  </a:cubicBezTo>
                  <a:cubicBezTo>
                    <a:pt x="2568" y="2427"/>
                    <a:pt x="2569" y="2428"/>
                    <a:pt x="2572" y="2430"/>
                  </a:cubicBezTo>
                  <a:cubicBezTo>
                    <a:pt x="2623" y="2467"/>
                    <a:pt x="2671" y="2504"/>
                    <a:pt x="2722" y="2539"/>
                  </a:cubicBezTo>
                  <a:cubicBezTo>
                    <a:pt x="2694" y="2511"/>
                    <a:pt x="2664" y="2479"/>
                    <a:pt x="2636" y="2447"/>
                  </a:cubicBezTo>
                  <a:lnTo>
                    <a:pt x="2636" y="2447"/>
                  </a:lnTo>
                  <a:cubicBezTo>
                    <a:pt x="2748" y="2539"/>
                    <a:pt x="2901" y="2664"/>
                    <a:pt x="3051" y="2794"/>
                  </a:cubicBezTo>
                  <a:cubicBezTo>
                    <a:pt x="3133" y="2871"/>
                    <a:pt x="3147" y="2889"/>
                    <a:pt x="3141" y="2889"/>
                  </a:cubicBezTo>
                  <a:cubicBezTo>
                    <a:pt x="3136" y="2889"/>
                    <a:pt x="3118" y="2877"/>
                    <a:pt x="3113" y="2877"/>
                  </a:cubicBezTo>
                  <a:cubicBezTo>
                    <a:pt x="3108" y="2877"/>
                    <a:pt x="3116" y="2889"/>
                    <a:pt x="3162" y="2935"/>
                  </a:cubicBezTo>
                  <a:cubicBezTo>
                    <a:pt x="3241" y="2989"/>
                    <a:pt x="3227" y="2968"/>
                    <a:pt x="3331" y="3056"/>
                  </a:cubicBezTo>
                  <a:cubicBezTo>
                    <a:pt x="3280" y="3003"/>
                    <a:pt x="3227" y="2977"/>
                    <a:pt x="3190" y="2945"/>
                  </a:cubicBezTo>
                  <a:cubicBezTo>
                    <a:pt x="3185" y="2937"/>
                    <a:pt x="3185" y="2934"/>
                    <a:pt x="3188" y="2934"/>
                  </a:cubicBezTo>
                  <a:cubicBezTo>
                    <a:pt x="3206" y="2934"/>
                    <a:pt x="3361" y="3067"/>
                    <a:pt x="3382" y="3067"/>
                  </a:cubicBezTo>
                  <a:cubicBezTo>
                    <a:pt x="3384" y="3067"/>
                    <a:pt x="3385" y="3066"/>
                    <a:pt x="3385" y="3065"/>
                  </a:cubicBezTo>
                  <a:cubicBezTo>
                    <a:pt x="3406" y="3089"/>
                    <a:pt x="3411" y="3100"/>
                    <a:pt x="3402" y="3100"/>
                  </a:cubicBezTo>
                  <a:cubicBezTo>
                    <a:pt x="3397" y="3100"/>
                    <a:pt x="3385" y="3095"/>
                    <a:pt x="3368" y="3086"/>
                  </a:cubicBezTo>
                  <a:lnTo>
                    <a:pt x="3368" y="3086"/>
                  </a:lnTo>
                  <a:cubicBezTo>
                    <a:pt x="3415" y="3118"/>
                    <a:pt x="3459" y="3155"/>
                    <a:pt x="3501" y="3188"/>
                  </a:cubicBezTo>
                  <a:cubicBezTo>
                    <a:pt x="3542" y="3220"/>
                    <a:pt x="3582" y="3253"/>
                    <a:pt x="3619" y="3283"/>
                  </a:cubicBezTo>
                  <a:cubicBezTo>
                    <a:pt x="3674" y="3327"/>
                    <a:pt x="3725" y="3378"/>
                    <a:pt x="3769" y="3433"/>
                  </a:cubicBezTo>
                  <a:lnTo>
                    <a:pt x="3862" y="3473"/>
                  </a:lnTo>
                  <a:cubicBezTo>
                    <a:pt x="3940" y="3536"/>
                    <a:pt x="3963" y="3558"/>
                    <a:pt x="3958" y="3558"/>
                  </a:cubicBezTo>
                  <a:cubicBezTo>
                    <a:pt x="3953" y="3558"/>
                    <a:pt x="3924" y="3539"/>
                    <a:pt x="3894" y="3519"/>
                  </a:cubicBezTo>
                  <a:cubicBezTo>
                    <a:pt x="3860" y="3498"/>
                    <a:pt x="3824" y="3476"/>
                    <a:pt x="3818" y="3476"/>
                  </a:cubicBezTo>
                  <a:cubicBezTo>
                    <a:pt x="3813" y="3476"/>
                    <a:pt x="3829" y="3493"/>
                    <a:pt x="3887" y="3542"/>
                  </a:cubicBezTo>
                  <a:cubicBezTo>
                    <a:pt x="3971" y="3612"/>
                    <a:pt x="4059" y="3674"/>
                    <a:pt x="4151" y="3732"/>
                  </a:cubicBezTo>
                  <a:lnTo>
                    <a:pt x="4059" y="3660"/>
                  </a:lnTo>
                  <a:lnTo>
                    <a:pt x="4059" y="3660"/>
                  </a:lnTo>
                  <a:cubicBezTo>
                    <a:pt x="4138" y="3704"/>
                    <a:pt x="4140" y="3693"/>
                    <a:pt x="4258" y="3772"/>
                  </a:cubicBezTo>
                  <a:cubicBezTo>
                    <a:pt x="4337" y="3834"/>
                    <a:pt x="4283" y="3816"/>
                    <a:pt x="4390" y="3876"/>
                  </a:cubicBezTo>
                  <a:cubicBezTo>
                    <a:pt x="4503" y="3966"/>
                    <a:pt x="4523" y="3992"/>
                    <a:pt x="4506" y="3992"/>
                  </a:cubicBezTo>
                  <a:cubicBezTo>
                    <a:pt x="4495" y="3992"/>
                    <a:pt x="4468" y="3981"/>
                    <a:pt x="4441" y="3970"/>
                  </a:cubicBezTo>
                  <a:lnTo>
                    <a:pt x="4441" y="3970"/>
                  </a:lnTo>
                  <a:cubicBezTo>
                    <a:pt x="4525" y="4029"/>
                    <a:pt x="4629" y="4105"/>
                    <a:pt x="4649" y="4107"/>
                  </a:cubicBezTo>
                  <a:cubicBezTo>
                    <a:pt x="4648" y="4109"/>
                    <a:pt x="4646" y="4110"/>
                    <a:pt x="4642" y="4110"/>
                  </a:cubicBezTo>
                  <a:cubicBezTo>
                    <a:pt x="4632" y="4110"/>
                    <a:pt x="4613" y="4105"/>
                    <a:pt x="4580" y="4087"/>
                  </a:cubicBezTo>
                  <a:lnTo>
                    <a:pt x="4580" y="4087"/>
                  </a:lnTo>
                  <a:cubicBezTo>
                    <a:pt x="4508" y="4019"/>
                    <a:pt x="4483" y="4006"/>
                    <a:pt x="4473" y="4006"/>
                  </a:cubicBezTo>
                  <a:cubicBezTo>
                    <a:pt x="4468" y="4006"/>
                    <a:pt x="4467" y="4010"/>
                    <a:pt x="4464" y="4010"/>
                  </a:cubicBezTo>
                  <a:cubicBezTo>
                    <a:pt x="4461" y="4010"/>
                    <a:pt x="4457" y="4005"/>
                    <a:pt x="4441" y="3982"/>
                  </a:cubicBezTo>
                  <a:lnTo>
                    <a:pt x="4408" y="3957"/>
                  </a:lnTo>
                  <a:lnTo>
                    <a:pt x="4408" y="3957"/>
                  </a:lnTo>
                  <a:cubicBezTo>
                    <a:pt x="4401" y="3955"/>
                    <a:pt x="4395" y="3953"/>
                    <a:pt x="4390" y="3952"/>
                  </a:cubicBezTo>
                  <a:lnTo>
                    <a:pt x="4390" y="3952"/>
                  </a:lnTo>
                  <a:cubicBezTo>
                    <a:pt x="4446" y="3999"/>
                    <a:pt x="4453" y="4013"/>
                    <a:pt x="4442" y="4013"/>
                  </a:cubicBezTo>
                  <a:cubicBezTo>
                    <a:pt x="4442" y="4013"/>
                    <a:pt x="4442" y="4013"/>
                    <a:pt x="4442" y="4013"/>
                  </a:cubicBezTo>
                  <a:lnTo>
                    <a:pt x="4442" y="4013"/>
                  </a:lnTo>
                  <a:lnTo>
                    <a:pt x="4506" y="4047"/>
                  </a:lnTo>
                  <a:lnTo>
                    <a:pt x="4506" y="4047"/>
                  </a:lnTo>
                  <a:lnTo>
                    <a:pt x="4545" y="4105"/>
                  </a:lnTo>
                  <a:cubicBezTo>
                    <a:pt x="4608" y="4154"/>
                    <a:pt x="4661" y="4170"/>
                    <a:pt x="4689" y="4205"/>
                  </a:cubicBezTo>
                  <a:cubicBezTo>
                    <a:pt x="4710" y="4225"/>
                    <a:pt x="4711" y="4231"/>
                    <a:pt x="4704" y="4231"/>
                  </a:cubicBezTo>
                  <a:cubicBezTo>
                    <a:pt x="4694" y="4231"/>
                    <a:pt x="4668" y="4219"/>
                    <a:pt x="4661" y="4219"/>
                  </a:cubicBezTo>
                  <a:cubicBezTo>
                    <a:pt x="4652" y="4219"/>
                    <a:pt x="4669" y="4235"/>
                    <a:pt x="4763" y="4304"/>
                  </a:cubicBezTo>
                  <a:cubicBezTo>
                    <a:pt x="4839" y="4362"/>
                    <a:pt x="4920" y="4413"/>
                    <a:pt x="5006" y="4460"/>
                  </a:cubicBezTo>
                  <a:cubicBezTo>
                    <a:pt x="5034" y="4473"/>
                    <a:pt x="5057" y="4485"/>
                    <a:pt x="5087" y="4501"/>
                  </a:cubicBezTo>
                  <a:cubicBezTo>
                    <a:pt x="5122" y="4520"/>
                    <a:pt x="5157" y="4543"/>
                    <a:pt x="5192" y="4566"/>
                  </a:cubicBezTo>
                  <a:cubicBezTo>
                    <a:pt x="5157" y="4536"/>
                    <a:pt x="5120" y="4508"/>
                    <a:pt x="5078" y="4483"/>
                  </a:cubicBezTo>
                  <a:lnTo>
                    <a:pt x="5078" y="4483"/>
                  </a:lnTo>
                  <a:cubicBezTo>
                    <a:pt x="5090" y="4488"/>
                    <a:pt x="5096" y="4490"/>
                    <a:pt x="5099" y="4490"/>
                  </a:cubicBezTo>
                  <a:cubicBezTo>
                    <a:pt x="5109" y="4490"/>
                    <a:pt x="5092" y="4474"/>
                    <a:pt x="5100" y="4474"/>
                  </a:cubicBezTo>
                  <a:cubicBezTo>
                    <a:pt x="5104" y="4474"/>
                    <a:pt x="5117" y="4479"/>
                    <a:pt x="5148" y="4497"/>
                  </a:cubicBezTo>
                  <a:cubicBezTo>
                    <a:pt x="5189" y="4550"/>
                    <a:pt x="5375" y="4670"/>
                    <a:pt x="5518" y="4763"/>
                  </a:cubicBezTo>
                  <a:cubicBezTo>
                    <a:pt x="5514" y="4762"/>
                    <a:pt x="5511" y="4761"/>
                    <a:pt x="5509" y="4761"/>
                  </a:cubicBezTo>
                  <a:cubicBezTo>
                    <a:pt x="5492" y="4761"/>
                    <a:pt x="5536" y="4798"/>
                    <a:pt x="5525" y="4798"/>
                  </a:cubicBezTo>
                  <a:cubicBezTo>
                    <a:pt x="5523" y="4798"/>
                    <a:pt x="5518" y="4797"/>
                    <a:pt x="5511" y="4793"/>
                  </a:cubicBezTo>
                  <a:lnTo>
                    <a:pt x="5511" y="4793"/>
                  </a:lnTo>
                  <a:cubicBezTo>
                    <a:pt x="5569" y="4830"/>
                    <a:pt x="5629" y="4860"/>
                    <a:pt x="5692" y="4888"/>
                  </a:cubicBezTo>
                  <a:cubicBezTo>
                    <a:pt x="5627" y="4843"/>
                    <a:pt x="5607" y="4827"/>
                    <a:pt x="5612" y="4827"/>
                  </a:cubicBezTo>
                  <a:cubicBezTo>
                    <a:pt x="5624" y="4827"/>
                    <a:pt x="5800" y="4933"/>
                    <a:pt x="5816" y="4933"/>
                  </a:cubicBezTo>
                  <a:cubicBezTo>
                    <a:pt x="5822" y="4933"/>
                    <a:pt x="5810" y="4921"/>
                    <a:pt x="5768" y="4890"/>
                  </a:cubicBezTo>
                  <a:lnTo>
                    <a:pt x="5768" y="4890"/>
                  </a:lnTo>
                  <a:cubicBezTo>
                    <a:pt x="5882" y="4960"/>
                    <a:pt x="5947" y="5009"/>
                    <a:pt x="6000" y="5048"/>
                  </a:cubicBezTo>
                  <a:cubicBezTo>
                    <a:pt x="6056" y="5087"/>
                    <a:pt x="6097" y="5122"/>
                    <a:pt x="6167" y="5168"/>
                  </a:cubicBezTo>
                  <a:cubicBezTo>
                    <a:pt x="6159" y="5168"/>
                    <a:pt x="6031" y="5099"/>
                    <a:pt x="6020" y="5099"/>
                  </a:cubicBezTo>
                  <a:cubicBezTo>
                    <a:pt x="6015" y="5099"/>
                    <a:pt x="6033" y="5113"/>
                    <a:pt x="6095" y="5152"/>
                  </a:cubicBezTo>
                  <a:cubicBezTo>
                    <a:pt x="6164" y="5186"/>
                    <a:pt x="6193" y="5197"/>
                    <a:pt x="6202" y="5197"/>
                  </a:cubicBezTo>
                  <a:cubicBezTo>
                    <a:pt x="6219" y="5197"/>
                    <a:pt x="6172" y="5161"/>
                    <a:pt x="6193" y="5161"/>
                  </a:cubicBezTo>
                  <a:cubicBezTo>
                    <a:pt x="6202" y="5161"/>
                    <a:pt x="6222" y="5167"/>
                    <a:pt x="6264" y="5185"/>
                  </a:cubicBezTo>
                  <a:lnTo>
                    <a:pt x="6120" y="5092"/>
                  </a:lnTo>
                  <a:cubicBezTo>
                    <a:pt x="6120" y="5089"/>
                    <a:pt x="6122" y="5087"/>
                    <a:pt x="6125" y="5087"/>
                  </a:cubicBezTo>
                  <a:cubicBezTo>
                    <a:pt x="6161" y="5087"/>
                    <a:pt x="6384" y="5237"/>
                    <a:pt x="6422" y="5254"/>
                  </a:cubicBezTo>
                  <a:cubicBezTo>
                    <a:pt x="6439" y="5266"/>
                    <a:pt x="6444" y="5271"/>
                    <a:pt x="6441" y="5271"/>
                  </a:cubicBezTo>
                  <a:cubicBezTo>
                    <a:pt x="6434" y="5271"/>
                    <a:pt x="6366" y="5234"/>
                    <a:pt x="6354" y="5234"/>
                  </a:cubicBezTo>
                  <a:cubicBezTo>
                    <a:pt x="6349" y="5234"/>
                    <a:pt x="6353" y="5239"/>
                    <a:pt x="6371" y="5254"/>
                  </a:cubicBezTo>
                  <a:cubicBezTo>
                    <a:pt x="6424" y="5289"/>
                    <a:pt x="6479" y="5319"/>
                    <a:pt x="6537" y="5347"/>
                  </a:cubicBezTo>
                  <a:cubicBezTo>
                    <a:pt x="6581" y="5368"/>
                    <a:pt x="6625" y="5391"/>
                    <a:pt x="6665" y="5419"/>
                  </a:cubicBezTo>
                  <a:cubicBezTo>
                    <a:pt x="6570" y="5386"/>
                    <a:pt x="6628" y="5412"/>
                    <a:pt x="6521" y="5370"/>
                  </a:cubicBezTo>
                  <a:lnTo>
                    <a:pt x="6521" y="5370"/>
                  </a:lnTo>
                  <a:cubicBezTo>
                    <a:pt x="6670" y="5452"/>
                    <a:pt x="6678" y="5462"/>
                    <a:pt x="6665" y="5462"/>
                  </a:cubicBezTo>
                  <a:cubicBezTo>
                    <a:pt x="6662" y="5462"/>
                    <a:pt x="6656" y="5461"/>
                    <a:pt x="6652" y="5461"/>
                  </a:cubicBezTo>
                  <a:cubicBezTo>
                    <a:pt x="6640" y="5461"/>
                    <a:pt x="6641" y="5469"/>
                    <a:pt x="6739" y="5527"/>
                  </a:cubicBezTo>
                  <a:cubicBezTo>
                    <a:pt x="6820" y="5569"/>
                    <a:pt x="6776" y="5527"/>
                    <a:pt x="6903" y="5599"/>
                  </a:cubicBezTo>
                  <a:cubicBezTo>
                    <a:pt x="6836" y="5544"/>
                    <a:pt x="6850" y="5541"/>
                    <a:pt x="6644" y="5428"/>
                  </a:cubicBezTo>
                  <a:lnTo>
                    <a:pt x="6644" y="5428"/>
                  </a:lnTo>
                  <a:cubicBezTo>
                    <a:pt x="6686" y="5435"/>
                    <a:pt x="6753" y="5474"/>
                    <a:pt x="6827" y="5518"/>
                  </a:cubicBezTo>
                  <a:cubicBezTo>
                    <a:pt x="6903" y="5567"/>
                    <a:pt x="6984" y="5606"/>
                    <a:pt x="7066" y="5641"/>
                  </a:cubicBezTo>
                  <a:cubicBezTo>
                    <a:pt x="7012" y="5611"/>
                    <a:pt x="6959" y="5583"/>
                    <a:pt x="6903" y="5558"/>
                  </a:cubicBezTo>
                  <a:cubicBezTo>
                    <a:pt x="6899" y="5538"/>
                    <a:pt x="6879" y="5520"/>
                    <a:pt x="6899" y="5520"/>
                  </a:cubicBezTo>
                  <a:cubicBezTo>
                    <a:pt x="6910" y="5520"/>
                    <a:pt x="6933" y="5525"/>
                    <a:pt x="6977" y="5539"/>
                  </a:cubicBezTo>
                  <a:cubicBezTo>
                    <a:pt x="6908" y="5507"/>
                    <a:pt x="6857" y="5488"/>
                    <a:pt x="6799" y="5463"/>
                  </a:cubicBezTo>
                  <a:cubicBezTo>
                    <a:pt x="6723" y="5430"/>
                    <a:pt x="6651" y="5393"/>
                    <a:pt x="6581" y="5351"/>
                  </a:cubicBezTo>
                  <a:cubicBezTo>
                    <a:pt x="6576" y="5345"/>
                    <a:pt x="6576" y="5342"/>
                    <a:pt x="6581" y="5342"/>
                  </a:cubicBezTo>
                  <a:cubicBezTo>
                    <a:pt x="6608" y="5342"/>
                    <a:pt x="6792" y="5442"/>
                    <a:pt x="6835" y="5442"/>
                  </a:cubicBezTo>
                  <a:cubicBezTo>
                    <a:pt x="6839" y="5442"/>
                    <a:pt x="6842" y="5441"/>
                    <a:pt x="6843" y="5439"/>
                  </a:cubicBezTo>
                  <a:cubicBezTo>
                    <a:pt x="6869" y="5449"/>
                    <a:pt x="6901" y="5465"/>
                    <a:pt x="6938" y="5483"/>
                  </a:cubicBezTo>
                  <a:cubicBezTo>
                    <a:pt x="6977" y="5502"/>
                    <a:pt x="7017" y="5523"/>
                    <a:pt x="7059" y="5546"/>
                  </a:cubicBezTo>
                  <a:cubicBezTo>
                    <a:pt x="7142" y="5592"/>
                    <a:pt x="7225" y="5641"/>
                    <a:pt x="7276" y="5673"/>
                  </a:cubicBezTo>
                  <a:lnTo>
                    <a:pt x="7587" y="5801"/>
                  </a:lnTo>
                  <a:cubicBezTo>
                    <a:pt x="7677" y="5840"/>
                    <a:pt x="7772" y="5875"/>
                    <a:pt x="7867" y="5905"/>
                  </a:cubicBezTo>
                  <a:cubicBezTo>
                    <a:pt x="8004" y="5972"/>
                    <a:pt x="8360" y="6107"/>
                    <a:pt x="8627" y="6215"/>
                  </a:cubicBezTo>
                  <a:cubicBezTo>
                    <a:pt x="8657" y="6238"/>
                    <a:pt x="8853" y="6315"/>
                    <a:pt x="8835" y="6315"/>
                  </a:cubicBezTo>
                  <a:cubicBezTo>
                    <a:pt x="8831" y="6315"/>
                    <a:pt x="8819" y="6312"/>
                    <a:pt x="8795" y="6305"/>
                  </a:cubicBezTo>
                  <a:lnTo>
                    <a:pt x="8795" y="6305"/>
                  </a:lnTo>
                  <a:cubicBezTo>
                    <a:pt x="8839" y="6319"/>
                    <a:pt x="8963" y="6361"/>
                    <a:pt x="8984" y="6361"/>
                  </a:cubicBezTo>
                  <a:cubicBezTo>
                    <a:pt x="8990" y="6361"/>
                    <a:pt x="8989" y="6358"/>
                    <a:pt x="8979" y="6352"/>
                  </a:cubicBezTo>
                  <a:cubicBezTo>
                    <a:pt x="8946" y="6345"/>
                    <a:pt x="8914" y="6334"/>
                    <a:pt x="8882" y="6320"/>
                  </a:cubicBezTo>
                  <a:lnTo>
                    <a:pt x="8930" y="6320"/>
                  </a:lnTo>
                  <a:cubicBezTo>
                    <a:pt x="9060" y="6373"/>
                    <a:pt x="9213" y="6408"/>
                    <a:pt x="9333" y="6461"/>
                  </a:cubicBezTo>
                  <a:cubicBezTo>
                    <a:pt x="9338" y="6464"/>
                    <a:pt x="9338" y="6466"/>
                    <a:pt x="9334" y="6466"/>
                  </a:cubicBezTo>
                  <a:cubicBezTo>
                    <a:pt x="9314" y="6466"/>
                    <a:pt x="9183" y="6419"/>
                    <a:pt x="9163" y="6419"/>
                  </a:cubicBezTo>
                  <a:cubicBezTo>
                    <a:pt x="9158" y="6419"/>
                    <a:pt x="9161" y="6422"/>
                    <a:pt x="9176" y="6431"/>
                  </a:cubicBezTo>
                  <a:cubicBezTo>
                    <a:pt x="9227" y="6440"/>
                    <a:pt x="9278" y="6454"/>
                    <a:pt x="9329" y="6468"/>
                  </a:cubicBezTo>
                  <a:cubicBezTo>
                    <a:pt x="9396" y="6486"/>
                    <a:pt x="9477" y="6507"/>
                    <a:pt x="9556" y="6530"/>
                  </a:cubicBezTo>
                  <a:cubicBezTo>
                    <a:pt x="9637" y="6554"/>
                    <a:pt x="9718" y="6579"/>
                    <a:pt x="9787" y="6602"/>
                  </a:cubicBezTo>
                  <a:cubicBezTo>
                    <a:pt x="9859" y="6625"/>
                    <a:pt x="9919" y="6642"/>
                    <a:pt x="9959" y="6656"/>
                  </a:cubicBezTo>
                  <a:cubicBezTo>
                    <a:pt x="10065" y="6688"/>
                    <a:pt x="10072" y="6713"/>
                    <a:pt x="10116" y="6727"/>
                  </a:cubicBezTo>
                  <a:lnTo>
                    <a:pt x="10297" y="6778"/>
                  </a:lnTo>
                  <a:cubicBezTo>
                    <a:pt x="10313" y="6792"/>
                    <a:pt x="10332" y="6804"/>
                    <a:pt x="10350" y="6815"/>
                  </a:cubicBezTo>
                  <a:cubicBezTo>
                    <a:pt x="10417" y="6836"/>
                    <a:pt x="10487" y="6850"/>
                    <a:pt x="10559" y="6859"/>
                  </a:cubicBezTo>
                  <a:cubicBezTo>
                    <a:pt x="10696" y="6901"/>
                    <a:pt x="10708" y="6914"/>
                    <a:pt x="10669" y="6914"/>
                  </a:cubicBezTo>
                  <a:cubicBezTo>
                    <a:pt x="10641" y="6914"/>
                    <a:pt x="10588" y="6908"/>
                    <a:pt x="10536" y="6901"/>
                  </a:cubicBezTo>
                  <a:lnTo>
                    <a:pt x="10404" y="6862"/>
                  </a:lnTo>
                  <a:cubicBezTo>
                    <a:pt x="10333" y="6854"/>
                    <a:pt x="10245" y="6829"/>
                    <a:pt x="10223" y="6829"/>
                  </a:cubicBezTo>
                  <a:cubicBezTo>
                    <a:pt x="10212" y="6829"/>
                    <a:pt x="10215" y="6834"/>
                    <a:pt x="10239" y="6848"/>
                  </a:cubicBezTo>
                  <a:cubicBezTo>
                    <a:pt x="10262" y="6855"/>
                    <a:pt x="10286" y="6858"/>
                    <a:pt x="10311" y="6858"/>
                  </a:cubicBezTo>
                  <a:cubicBezTo>
                    <a:pt x="10319" y="6858"/>
                    <a:pt x="10326" y="6858"/>
                    <a:pt x="10334" y="6857"/>
                  </a:cubicBezTo>
                  <a:lnTo>
                    <a:pt x="10410" y="6885"/>
                  </a:lnTo>
                  <a:cubicBezTo>
                    <a:pt x="10478" y="6894"/>
                    <a:pt x="10641" y="6929"/>
                    <a:pt x="10684" y="6929"/>
                  </a:cubicBezTo>
                  <a:cubicBezTo>
                    <a:pt x="10693" y="6929"/>
                    <a:pt x="10697" y="6928"/>
                    <a:pt x="10693" y="6924"/>
                  </a:cubicBezTo>
                  <a:lnTo>
                    <a:pt x="10693" y="6924"/>
                  </a:lnTo>
                  <a:cubicBezTo>
                    <a:pt x="10735" y="6936"/>
                    <a:pt x="10776" y="6950"/>
                    <a:pt x="10818" y="6959"/>
                  </a:cubicBezTo>
                  <a:lnTo>
                    <a:pt x="10948" y="6985"/>
                  </a:lnTo>
                  <a:cubicBezTo>
                    <a:pt x="11030" y="7000"/>
                    <a:pt x="11112" y="7016"/>
                    <a:pt x="11183" y="7037"/>
                  </a:cubicBezTo>
                  <a:lnTo>
                    <a:pt x="11183" y="7037"/>
                  </a:lnTo>
                  <a:cubicBezTo>
                    <a:pt x="11093" y="7010"/>
                    <a:pt x="11216" y="7028"/>
                    <a:pt x="11189" y="7010"/>
                  </a:cubicBezTo>
                  <a:lnTo>
                    <a:pt x="11015" y="6971"/>
                  </a:lnTo>
                  <a:lnTo>
                    <a:pt x="11015" y="6971"/>
                  </a:lnTo>
                  <a:lnTo>
                    <a:pt x="11256" y="7010"/>
                  </a:lnTo>
                  <a:lnTo>
                    <a:pt x="11319" y="7022"/>
                  </a:lnTo>
                  <a:lnTo>
                    <a:pt x="11379" y="7031"/>
                  </a:lnTo>
                  <a:cubicBezTo>
                    <a:pt x="11418" y="7038"/>
                    <a:pt x="11455" y="7045"/>
                    <a:pt x="11488" y="7054"/>
                  </a:cubicBezTo>
                  <a:cubicBezTo>
                    <a:pt x="11471" y="7061"/>
                    <a:pt x="11464" y="7063"/>
                    <a:pt x="11532" y="7082"/>
                  </a:cubicBezTo>
                  <a:cubicBezTo>
                    <a:pt x="11509" y="7075"/>
                    <a:pt x="11512" y="7073"/>
                    <a:pt x="11527" y="7073"/>
                  </a:cubicBezTo>
                  <a:cubicBezTo>
                    <a:pt x="11551" y="7073"/>
                    <a:pt x="11602" y="7078"/>
                    <a:pt x="11628" y="7078"/>
                  </a:cubicBezTo>
                  <a:cubicBezTo>
                    <a:pt x="11653" y="7078"/>
                    <a:pt x="11653" y="7073"/>
                    <a:pt x="11578" y="7054"/>
                  </a:cubicBezTo>
                  <a:cubicBezTo>
                    <a:pt x="11502" y="7047"/>
                    <a:pt x="11430" y="7038"/>
                    <a:pt x="11332" y="7022"/>
                  </a:cubicBezTo>
                  <a:cubicBezTo>
                    <a:pt x="11308" y="7009"/>
                    <a:pt x="11319" y="7005"/>
                    <a:pt x="11348" y="7005"/>
                  </a:cubicBezTo>
                  <a:cubicBezTo>
                    <a:pt x="11388" y="7005"/>
                    <a:pt x="11464" y="7013"/>
                    <a:pt x="11515" y="7015"/>
                  </a:cubicBezTo>
                  <a:lnTo>
                    <a:pt x="11733" y="7042"/>
                  </a:lnTo>
                  <a:cubicBezTo>
                    <a:pt x="11775" y="7047"/>
                    <a:pt x="11819" y="7054"/>
                    <a:pt x="11861" y="7056"/>
                  </a:cubicBezTo>
                  <a:lnTo>
                    <a:pt x="11979" y="7066"/>
                  </a:lnTo>
                  <a:cubicBezTo>
                    <a:pt x="12071" y="7079"/>
                    <a:pt x="12095" y="7107"/>
                    <a:pt x="12254" y="7112"/>
                  </a:cubicBezTo>
                  <a:cubicBezTo>
                    <a:pt x="12170" y="7094"/>
                    <a:pt x="12192" y="7088"/>
                    <a:pt x="12249" y="7088"/>
                  </a:cubicBezTo>
                  <a:cubicBezTo>
                    <a:pt x="12259" y="7088"/>
                    <a:pt x="12270" y="7088"/>
                    <a:pt x="12282" y="7089"/>
                  </a:cubicBezTo>
                  <a:lnTo>
                    <a:pt x="12345" y="7089"/>
                  </a:lnTo>
                  <a:lnTo>
                    <a:pt x="12410" y="7086"/>
                  </a:lnTo>
                  <a:cubicBezTo>
                    <a:pt x="12440" y="7086"/>
                    <a:pt x="12470" y="7084"/>
                    <a:pt x="12500" y="7079"/>
                  </a:cubicBezTo>
                  <a:cubicBezTo>
                    <a:pt x="12650" y="7100"/>
                    <a:pt x="12745" y="7079"/>
                    <a:pt x="12866" y="7105"/>
                  </a:cubicBezTo>
                  <a:cubicBezTo>
                    <a:pt x="12859" y="7105"/>
                    <a:pt x="12849" y="7106"/>
                    <a:pt x="12838" y="7106"/>
                  </a:cubicBezTo>
                  <a:cubicBezTo>
                    <a:pt x="12776" y="7106"/>
                    <a:pt x="12661" y="7099"/>
                    <a:pt x="12582" y="7099"/>
                  </a:cubicBezTo>
                  <a:cubicBezTo>
                    <a:pt x="12551" y="7099"/>
                    <a:pt x="12526" y="7100"/>
                    <a:pt x="12511" y="7103"/>
                  </a:cubicBezTo>
                  <a:cubicBezTo>
                    <a:pt x="12502" y="7115"/>
                    <a:pt x="12545" y="7137"/>
                    <a:pt x="12409" y="7137"/>
                  </a:cubicBezTo>
                  <a:cubicBezTo>
                    <a:pt x="12387" y="7137"/>
                    <a:pt x="12360" y="7136"/>
                    <a:pt x="12328" y="7135"/>
                  </a:cubicBezTo>
                  <a:lnTo>
                    <a:pt x="12328" y="7135"/>
                  </a:lnTo>
                  <a:cubicBezTo>
                    <a:pt x="12422" y="7144"/>
                    <a:pt x="12470" y="7148"/>
                    <a:pt x="12499" y="7148"/>
                  </a:cubicBezTo>
                  <a:cubicBezTo>
                    <a:pt x="12552" y="7148"/>
                    <a:pt x="12537" y="7137"/>
                    <a:pt x="12606" y="7137"/>
                  </a:cubicBezTo>
                  <a:cubicBezTo>
                    <a:pt x="12610" y="7137"/>
                    <a:pt x="12615" y="7137"/>
                    <a:pt x="12620" y="7137"/>
                  </a:cubicBezTo>
                  <a:lnTo>
                    <a:pt x="12525" y="7133"/>
                  </a:lnTo>
                  <a:cubicBezTo>
                    <a:pt x="12561" y="7131"/>
                    <a:pt x="12510" y="7117"/>
                    <a:pt x="12543" y="7117"/>
                  </a:cubicBezTo>
                  <a:cubicBezTo>
                    <a:pt x="12550" y="7117"/>
                    <a:pt x="12559" y="7118"/>
                    <a:pt x="12572" y="7119"/>
                  </a:cubicBezTo>
                  <a:cubicBezTo>
                    <a:pt x="12655" y="7126"/>
                    <a:pt x="12718" y="7133"/>
                    <a:pt x="12771" y="7140"/>
                  </a:cubicBezTo>
                  <a:cubicBezTo>
                    <a:pt x="12827" y="7147"/>
                    <a:pt x="12871" y="7154"/>
                    <a:pt x="12912" y="7158"/>
                  </a:cubicBezTo>
                  <a:lnTo>
                    <a:pt x="13172" y="7191"/>
                  </a:lnTo>
                  <a:cubicBezTo>
                    <a:pt x="13123" y="7179"/>
                    <a:pt x="13225" y="7172"/>
                    <a:pt x="13276" y="7172"/>
                  </a:cubicBezTo>
                  <a:cubicBezTo>
                    <a:pt x="13489" y="7191"/>
                    <a:pt x="13274" y="7205"/>
                    <a:pt x="13403" y="7230"/>
                  </a:cubicBezTo>
                  <a:cubicBezTo>
                    <a:pt x="13477" y="7214"/>
                    <a:pt x="13621" y="7216"/>
                    <a:pt x="13572" y="7207"/>
                  </a:cubicBezTo>
                  <a:cubicBezTo>
                    <a:pt x="13658" y="7207"/>
                    <a:pt x="13614" y="7212"/>
                    <a:pt x="13674" y="7216"/>
                  </a:cubicBezTo>
                  <a:cubicBezTo>
                    <a:pt x="13743" y="7202"/>
                    <a:pt x="13813" y="7193"/>
                    <a:pt x="13884" y="7193"/>
                  </a:cubicBezTo>
                  <a:cubicBezTo>
                    <a:pt x="13892" y="7193"/>
                    <a:pt x="13900" y="7193"/>
                    <a:pt x="13908" y="7193"/>
                  </a:cubicBezTo>
                  <a:cubicBezTo>
                    <a:pt x="13898" y="7199"/>
                    <a:pt x="13884" y="7207"/>
                    <a:pt x="13802" y="7207"/>
                  </a:cubicBezTo>
                  <a:cubicBezTo>
                    <a:pt x="13797" y="7207"/>
                    <a:pt x="13792" y="7207"/>
                    <a:pt x="13787" y="7207"/>
                  </a:cubicBezTo>
                  <a:lnTo>
                    <a:pt x="13787" y="7207"/>
                  </a:lnTo>
                  <a:cubicBezTo>
                    <a:pt x="13823" y="7208"/>
                    <a:pt x="13861" y="7213"/>
                    <a:pt x="13897" y="7223"/>
                  </a:cubicBezTo>
                  <a:cubicBezTo>
                    <a:pt x="13918" y="7230"/>
                    <a:pt x="13915" y="7239"/>
                    <a:pt x="13887" y="7246"/>
                  </a:cubicBezTo>
                  <a:lnTo>
                    <a:pt x="13681" y="7239"/>
                  </a:lnTo>
                  <a:lnTo>
                    <a:pt x="13681" y="7239"/>
                  </a:lnTo>
                  <a:cubicBezTo>
                    <a:pt x="13589" y="7258"/>
                    <a:pt x="13874" y="7244"/>
                    <a:pt x="13867" y="7258"/>
                  </a:cubicBezTo>
                  <a:cubicBezTo>
                    <a:pt x="13841" y="7260"/>
                    <a:pt x="13817" y="7260"/>
                    <a:pt x="13795" y="7260"/>
                  </a:cubicBezTo>
                  <a:cubicBezTo>
                    <a:pt x="13747" y="7260"/>
                    <a:pt x="13706" y="7257"/>
                    <a:pt x="13670" y="7257"/>
                  </a:cubicBezTo>
                  <a:cubicBezTo>
                    <a:pt x="13662" y="7257"/>
                    <a:pt x="13656" y="7258"/>
                    <a:pt x="13649" y="7258"/>
                  </a:cubicBezTo>
                  <a:cubicBezTo>
                    <a:pt x="13679" y="7263"/>
                    <a:pt x="13709" y="7266"/>
                    <a:pt x="13738" y="7266"/>
                  </a:cubicBezTo>
                  <a:cubicBezTo>
                    <a:pt x="13760" y="7266"/>
                    <a:pt x="13781" y="7264"/>
                    <a:pt x="13802" y="7262"/>
                  </a:cubicBezTo>
                  <a:cubicBezTo>
                    <a:pt x="13834" y="7260"/>
                    <a:pt x="13869" y="7260"/>
                    <a:pt x="13901" y="7258"/>
                  </a:cubicBezTo>
                  <a:cubicBezTo>
                    <a:pt x="13934" y="7256"/>
                    <a:pt x="13964" y="7251"/>
                    <a:pt x="13989" y="7249"/>
                  </a:cubicBezTo>
                  <a:cubicBezTo>
                    <a:pt x="14014" y="7248"/>
                    <a:pt x="14034" y="7247"/>
                    <a:pt x="14050" y="7247"/>
                  </a:cubicBezTo>
                  <a:cubicBezTo>
                    <a:pt x="14137" y="7247"/>
                    <a:pt x="14094" y="7262"/>
                    <a:pt x="14098" y="7269"/>
                  </a:cubicBezTo>
                  <a:cubicBezTo>
                    <a:pt x="14376" y="7225"/>
                    <a:pt x="13774" y="7260"/>
                    <a:pt x="14031" y="7221"/>
                  </a:cubicBezTo>
                  <a:cubicBezTo>
                    <a:pt x="14108" y="7205"/>
                    <a:pt x="14186" y="7195"/>
                    <a:pt x="14263" y="7191"/>
                  </a:cubicBezTo>
                  <a:lnTo>
                    <a:pt x="14411" y="7179"/>
                  </a:lnTo>
                  <a:lnTo>
                    <a:pt x="14552" y="7163"/>
                  </a:lnTo>
                  <a:cubicBezTo>
                    <a:pt x="14402" y="7158"/>
                    <a:pt x="14566" y="7133"/>
                    <a:pt x="14745" y="7107"/>
                  </a:cubicBezTo>
                  <a:lnTo>
                    <a:pt x="14745" y="7107"/>
                  </a:lnTo>
                  <a:cubicBezTo>
                    <a:pt x="14687" y="7113"/>
                    <a:pt x="14654" y="7115"/>
                    <a:pt x="14633" y="7115"/>
                  </a:cubicBezTo>
                  <a:cubicBezTo>
                    <a:pt x="14601" y="7115"/>
                    <a:pt x="14597" y="7111"/>
                    <a:pt x="14574" y="7111"/>
                  </a:cubicBezTo>
                  <a:cubicBezTo>
                    <a:pt x="14551" y="7111"/>
                    <a:pt x="14511" y="7115"/>
                    <a:pt x="14409" y="7130"/>
                  </a:cubicBezTo>
                  <a:lnTo>
                    <a:pt x="14402" y="7114"/>
                  </a:lnTo>
                  <a:cubicBezTo>
                    <a:pt x="14518" y="7103"/>
                    <a:pt x="14657" y="7096"/>
                    <a:pt x="14775" y="7084"/>
                  </a:cubicBezTo>
                  <a:lnTo>
                    <a:pt x="14775" y="7084"/>
                  </a:lnTo>
                  <a:cubicBezTo>
                    <a:pt x="14749" y="7091"/>
                    <a:pt x="14777" y="7091"/>
                    <a:pt x="14740" y="7098"/>
                  </a:cubicBezTo>
                  <a:cubicBezTo>
                    <a:pt x="14856" y="7082"/>
                    <a:pt x="14969" y="7061"/>
                    <a:pt x="15083" y="7045"/>
                  </a:cubicBezTo>
                  <a:lnTo>
                    <a:pt x="15083" y="7045"/>
                  </a:lnTo>
                  <a:lnTo>
                    <a:pt x="15050" y="7059"/>
                  </a:lnTo>
                  <a:cubicBezTo>
                    <a:pt x="15263" y="7029"/>
                    <a:pt x="15525" y="6994"/>
                    <a:pt x="15650" y="6959"/>
                  </a:cubicBezTo>
                  <a:lnTo>
                    <a:pt x="15650" y="6959"/>
                  </a:lnTo>
                  <a:cubicBezTo>
                    <a:pt x="15599" y="6971"/>
                    <a:pt x="15551" y="6977"/>
                    <a:pt x="15529" y="6977"/>
                  </a:cubicBezTo>
                  <a:cubicBezTo>
                    <a:pt x="15507" y="6977"/>
                    <a:pt x="15510" y="6971"/>
                    <a:pt x="15562" y="6957"/>
                  </a:cubicBezTo>
                  <a:cubicBezTo>
                    <a:pt x="15650" y="6929"/>
                    <a:pt x="15738" y="6906"/>
                    <a:pt x="15829" y="6887"/>
                  </a:cubicBezTo>
                  <a:cubicBezTo>
                    <a:pt x="15830" y="6887"/>
                    <a:pt x="15832" y="6887"/>
                    <a:pt x="15833" y="6887"/>
                  </a:cubicBezTo>
                  <a:cubicBezTo>
                    <a:pt x="15880" y="6887"/>
                    <a:pt x="16055" y="6848"/>
                    <a:pt x="16086" y="6848"/>
                  </a:cubicBezTo>
                  <a:cubicBezTo>
                    <a:pt x="16100" y="6848"/>
                    <a:pt x="16085" y="6856"/>
                    <a:pt x="16019" y="6878"/>
                  </a:cubicBezTo>
                  <a:cubicBezTo>
                    <a:pt x="16093" y="6857"/>
                    <a:pt x="16139" y="6843"/>
                    <a:pt x="16174" y="6832"/>
                  </a:cubicBezTo>
                  <a:cubicBezTo>
                    <a:pt x="16209" y="6822"/>
                    <a:pt x="16232" y="6813"/>
                    <a:pt x="16253" y="6804"/>
                  </a:cubicBezTo>
                  <a:cubicBezTo>
                    <a:pt x="16297" y="6788"/>
                    <a:pt x="16338" y="6771"/>
                    <a:pt x="16475" y="6727"/>
                  </a:cubicBezTo>
                  <a:lnTo>
                    <a:pt x="16475" y="6727"/>
                  </a:lnTo>
                  <a:lnTo>
                    <a:pt x="16290" y="6785"/>
                  </a:lnTo>
                  <a:cubicBezTo>
                    <a:pt x="16268" y="6778"/>
                    <a:pt x="16351" y="6737"/>
                    <a:pt x="16309" y="6737"/>
                  </a:cubicBezTo>
                  <a:cubicBezTo>
                    <a:pt x="16296" y="6737"/>
                    <a:pt x="16272" y="6741"/>
                    <a:pt x="16229" y="6751"/>
                  </a:cubicBezTo>
                  <a:cubicBezTo>
                    <a:pt x="16280" y="6737"/>
                    <a:pt x="16329" y="6713"/>
                    <a:pt x="16375" y="6686"/>
                  </a:cubicBezTo>
                  <a:cubicBezTo>
                    <a:pt x="16392" y="6674"/>
                    <a:pt x="16410" y="6665"/>
                    <a:pt x="16431" y="6656"/>
                  </a:cubicBezTo>
                  <a:cubicBezTo>
                    <a:pt x="16459" y="6646"/>
                    <a:pt x="16503" y="6630"/>
                    <a:pt x="16572" y="6607"/>
                  </a:cubicBezTo>
                  <a:cubicBezTo>
                    <a:pt x="16591" y="6602"/>
                    <a:pt x="16603" y="6600"/>
                    <a:pt x="16609" y="6600"/>
                  </a:cubicBezTo>
                  <a:cubicBezTo>
                    <a:pt x="16622" y="6600"/>
                    <a:pt x="16610" y="6609"/>
                    <a:pt x="16584" y="6623"/>
                  </a:cubicBezTo>
                  <a:cubicBezTo>
                    <a:pt x="16563" y="6632"/>
                    <a:pt x="16535" y="6646"/>
                    <a:pt x="16503" y="6660"/>
                  </a:cubicBezTo>
                  <a:cubicBezTo>
                    <a:pt x="16470" y="6672"/>
                    <a:pt x="16431" y="6686"/>
                    <a:pt x="16392" y="6697"/>
                  </a:cubicBezTo>
                  <a:cubicBezTo>
                    <a:pt x="16431" y="6686"/>
                    <a:pt x="16470" y="6679"/>
                    <a:pt x="16507" y="6667"/>
                  </a:cubicBezTo>
                  <a:cubicBezTo>
                    <a:pt x="16547" y="6658"/>
                    <a:pt x="16586" y="6644"/>
                    <a:pt x="16623" y="6625"/>
                  </a:cubicBezTo>
                  <a:cubicBezTo>
                    <a:pt x="16626" y="6625"/>
                    <a:pt x="16628" y="6625"/>
                    <a:pt x="16630" y="6625"/>
                  </a:cubicBezTo>
                  <a:cubicBezTo>
                    <a:pt x="16668" y="6625"/>
                    <a:pt x="16482" y="6695"/>
                    <a:pt x="16491" y="6697"/>
                  </a:cubicBezTo>
                  <a:cubicBezTo>
                    <a:pt x="16635" y="6653"/>
                    <a:pt x="16487" y="6690"/>
                    <a:pt x="16619" y="6642"/>
                  </a:cubicBezTo>
                  <a:cubicBezTo>
                    <a:pt x="16848" y="6551"/>
                    <a:pt x="16778" y="6621"/>
                    <a:pt x="16996" y="6533"/>
                  </a:cubicBezTo>
                  <a:lnTo>
                    <a:pt x="16996" y="6533"/>
                  </a:lnTo>
                  <a:cubicBezTo>
                    <a:pt x="16962" y="6544"/>
                    <a:pt x="16910" y="6561"/>
                    <a:pt x="16899" y="6561"/>
                  </a:cubicBezTo>
                  <a:cubicBezTo>
                    <a:pt x="16894" y="6561"/>
                    <a:pt x="16898" y="6558"/>
                    <a:pt x="16915" y="6549"/>
                  </a:cubicBezTo>
                  <a:cubicBezTo>
                    <a:pt x="17214" y="6440"/>
                    <a:pt x="17077" y="6477"/>
                    <a:pt x="17288" y="6387"/>
                  </a:cubicBezTo>
                  <a:cubicBezTo>
                    <a:pt x="17319" y="6379"/>
                    <a:pt x="17351" y="6375"/>
                    <a:pt x="17384" y="6375"/>
                  </a:cubicBezTo>
                  <a:cubicBezTo>
                    <a:pt x="17390" y="6375"/>
                    <a:pt x="17397" y="6375"/>
                    <a:pt x="17404" y="6375"/>
                  </a:cubicBezTo>
                  <a:cubicBezTo>
                    <a:pt x="17422" y="6373"/>
                    <a:pt x="17443" y="6371"/>
                    <a:pt x="17462" y="6366"/>
                  </a:cubicBezTo>
                  <a:cubicBezTo>
                    <a:pt x="17499" y="6357"/>
                    <a:pt x="17534" y="6343"/>
                    <a:pt x="17568" y="6329"/>
                  </a:cubicBezTo>
                  <a:lnTo>
                    <a:pt x="17568" y="6329"/>
                  </a:lnTo>
                  <a:cubicBezTo>
                    <a:pt x="17534" y="6343"/>
                    <a:pt x="17499" y="6359"/>
                    <a:pt x="17462" y="6373"/>
                  </a:cubicBezTo>
                  <a:cubicBezTo>
                    <a:pt x="17545" y="6350"/>
                    <a:pt x="17626" y="6322"/>
                    <a:pt x="17705" y="6285"/>
                  </a:cubicBezTo>
                  <a:cubicBezTo>
                    <a:pt x="17754" y="6262"/>
                    <a:pt x="17802" y="6239"/>
                    <a:pt x="17851" y="6215"/>
                  </a:cubicBezTo>
                  <a:lnTo>
                    <a:pt x="17985" y="6141"/>
                  </a:lnTo>
                  <a:cubicBezTo>
                    <a:pt x="18076" y="6093"/>
                    <a:pt x="18164" y="6044"/>
                    <a:pt x="18249" y="5993"/>
                  </a:cubicBezTo>
                  <a:lnTo>
                    <a:pt x="18379" y="5914"/>
                  </a:lnTo>
                  <a:cubicBezTo>
                    <a:pt x="18421" y="5889"/>
                    <a:pt x="18465" y="5863"/>
                    <a:pt x="18509" y="5836"/>
                  </a:cubicBezTo>
                  <a:lnTo>
                    <a:pt x="18724" y="5702"/>
                  </a:lnTo>
                  <a:lnTo>
                    <a:pt x="18724" y="5702"/>
                  </a:lnTo>
                  <a:cubicBezTo>
                    <a:pt x="18697" y="5718"/>
                    <a:pt x="18671" y="5734"/>
                    <a:pt x="18645" y="5750"/>
                  </a:cubicBezTo>
                  <a:cubicBezTo>
                    <a:pt x="18641" y="5752"/>
                    <a:pt x="18638" y="5752"/>
                    <a:pt x="18637" y="5752"/>
                  </a:cubicBezTo>
                  <a:cubicBezTo>
                    <a:pt x="18623" y="5752"/>
                    <a:pt x="18756" y="5675"/>
                    <a:pt x="18750" y="5671"/>
                  </a:cubicBezTo>
                  <a:lnTo>
                    <a:pt x="18840" y="5629"/>
                  </a:lnTo>
                  <a:cubicBezTo>
                    <a:pt x="18842" y="5627"/>
                    <a:pt x="18841" y="5625"/>
                    <a:pt x="18839" y="5625"/>
                  </a:cubicBezTo>
                  <a:cubicBezTo>
                    <a:pt x="18829" y="5625"/>
                    <a:pt x="18789" y="5646"/>
                    <a:pt x="18752" y="5664"/>
                  </a:cubicBezTo>
                  <a:cubicBezTo>
                    <a:pt x="18721" y="5680"/>
                    <a:pt x="18690" y="5693"/>
                    <a:pt x="18681" y="5693"/>
                  </a:cubicBezTo>
                  <a:cubicBezTo>
                    <a:pt x="18676" y="5693"/>
                    <a:pt x="18676" y="5690"/>
                    <a:pt x="18683" y="5683"/>
                  </a:cubicBezTo>
                  <a:cubicBezTo>
                    <a:pt x="18703" y="5676"/>
                    <a:pt x="18722" y="5666"/>
                    <a:pt x="18740" y="5655"/>
                  </a:cubicBezTo>
                  <a:lnTo>
                    <a:pt x="18740" y="5655"/>
                  </a:lnTo>
                  <a:lnTo>
                    <a:pt x="18657" y="5694"/>
                  </a:lnTo>
                  <a:cubicBezTo>
                    <a:pt x="18740" y="5650"/>
                    <a:pt x="18821" y="5602"/>
                    <a:pt x="18900" y="5546"/>
                  </a:cubicBezTo>
                  <a:cubicBezTo>
                    <a:pt x="18967" y="5502"/>
                    <a:pt x="19039" y="5463"/>
                    <a:pt x="19113" y="5428"/>
                  </a:cubicBezTo>
                  <a:lnTo>
                    <a:pt x="19113" y="5428"/>
                  </a:lnTo>
                  <a:cubicBezTo>
                    <a:pt x="19030" y="5483"/>
                    <a:pt x="18984" y="5511"/>
                    <a:pt x="18958" y="5532"/>
                  </a:cubicBezTo>
                  <a:cubicBezTo>
                    <a:pt x="18935" y="5553"/>
                    <a:pt x="18933" y="5562"/>
                    <a:pt x="18928" y="5569"/>
                  </a:cubicBezTo>
                  <a:cubicBezTo>
                    <a:pt x="18921" y="5587"/>
                    <a:pt x="18919" y="5605"/>
                    <a:pt x="18763" y="5701"/>
                  </a:cubicBezTo>
                  <a:lnTo>
                    <a:pt x="18763" y="5701"/>
                  </a:lnTo>
                  <a:cubicBezTo>
                    <a:pt x="18813" y="5670"/>
                    <a:pt x="18834" y="5660"/>
                    <a:pt x="18840" y="5660"/>
                  </a:cubicBezTo>
                  <a:cubicBezTo>
                    <a:pt x="18852" y="5660"/>
                    <a:pt x="18800" y="5704"/>
                    <a:pt x="18811" y="5704"/>
                  </a:cubicBezTo>
                  <a:cubicBezTo>
                    <a:pt x="18811" y="5704"/>
                    <a:pt x="18812" y="5704"/>
                    <a:pt x="18812" y="5704"/>
                  </a:cubicBezTo>
                  <a:cubicBezTo>
                    <a:pt x="18910" y="5648"/>
                    <a:pt x="18852" y="5664"/>
                    <a:pt x="18963" y="5604"/>
                  </a:cubicBezTo>
                  <a:lnTo>
                    <a:pt x="18963" y="5604"/>
                  </a:lnTo>
                  <a:cubicBezTo>
                    <a:pt x="18965" y="5614"/>
                    <a:pt x="18805" y="5721"/>
                    <a:pt x="18819" y="5721"/>
                  </a:cubicBezTo>
                  <a:cubicBezTo>
                    <a:pt x="18822" y="5721"/>
                    <a:pt x="18830" y="5717"/>
                    <a:pt x="18847" y="5708"/>
                  </a:cubicBezTo>
                  <a:cubicBezTo>
                    <a:pt x="18849" y="5687"/>
                    <a:pt x="18947" y="5632"/>
                    <a:pt x="18986" y="5592"/>
                  </a:cubicBezTo>
                  <a:cubicBezTo>
                    <a:pt x="19011" y="5580"/>
                    <a:pt x="19021" y="5576"/>
                    <a:pt x="19025" y="5576"/>
                  </a:cubicBezTo>
                  <a:cubicBezTo>
                    <a:pt x="19031" y="5576"/>
                    <a:pt x="19012" y="5591"/>
                    <a:pt x="19018" y="5591"/>
                  </a:cubicBezTo>
                  <a:cubicBezTo>
                    <a:pt x="19020" y="5591"/>
                    <a:pt x="19022" y="5590"/>
                    <a:pt x="19028" y="5588"/>
                  </a:cubicBezTo>
                  <a:cubicBezTo>
                    <a:pt x="19072" y="5562"/>
                    <a:pt x="19095" y="5539"/>
                    <a:pt x="19134" y="5516"/>
                  </a:cubicBezTo>
                  <a:lnTo>
                    <a:pt x="19134" y="5516"/>
                  </a:lnTo>
                  <a:lnTo>
                    <a:pt x="19111" y="5546"/>
                  </a:lnTo>
                  <a:cubicBezTo>
                    <a:pt x="19336" y="5421"/>
                    <a:pt x="19169" y="5490"/>
                    <a:pt x="19417" y="5335"/>
                  </a:cubicBezTo>
                  <a:cubicBezTo>
                    <a:pt x="19417" y="5333"/>
                    <a:pt x="19416" y="5332"/>
                    <a:pt x="19413" y="5332"/>
                  </a:cubicBezTo>
                  <a:cubicBezTo>
                    <a:pt x="19398" y="5332"/>
                    <a:pt x="19330" y="5378"/>
                    <a:pt x="19241" y="5437"/>
                  </a:cubicBezTo>
                  <a:cubicBezTo>
                    <a:pt x="19239" y="5437"/>
                    <a:pt x="19238" y="5437"/>
                    <a:pt x="19237" y="5437"/>
                  </a:cubicBezTo>
                  <a:cubicBezTo>
                    <a:pt x="19212" y="5437"/>
                    <a:pt x="19283" y="5381"/>
                    <a:pt x="19359" y="5321"/>
                  </a:cubicBezTo>
                  <a:cubicBezTo>
                    <a:pt x="19438" y="5261"/>
                    <a:pt x="19516" y="5194"/>
                    <a:pt x="19496" y="5185"/>
                  </a:cubicBezTo>
                  <a:cubicBezTo>
                    <a:pt x="19563" y="5137"/>
                    <a:pt x="19585" y="5122"/>
                    <a:pt x="19589" y="5122"/>
                  </a:cubicBezTo>
                  <a:cubicBezTo>
                    <a:pt x="19594" y="5122"/>
                    <a:pt x="19558" y="5154"/>
                    <a:pt x="19567" y="5154"/>
                  </a:cubicBezTo>
                  <a:cubicBezTo>
                    <a:pt x="19572" y="5154"/>
                    <a:pt x="19592" y="5144"/>
                    <a:pt x="19642" y="5113"/>
                  </a:cubicBezTo>
                  <a:cubicBezTo>
                    <a:pt x="19657" y="5105"/>
                    <a:pt x="19667" y="5101"/>
                    <a:pt x="19671" y="5101"/>
                  </a:cubicBezTo>
                  <a:cubicBezTo>
                    <a:pt x="19682" y="5101"/>
                    <a:pt x="19657" y="5126"/>
                    <a:pt x="19618" y="5157"/>
                  </a:cubicBezTo>
                  <a:cubicBezTo>
                    <a:pt x="19563" y="5199"/>
                    <a:pt x="19493" y="5254"/>
                    <a:pt x="19472" y="5277"/>
                  </a:cubicBezTo>
                  <a:lnTo>
                    <a:pt x="19683" y="5150"/>
                  </a:lnTo>
                  <a:lnTo>
                    <a:pt x="19683" y="5150"/>
                  </a:lnTo>
                  <a:cubicBezTo>
                    <a:pt x="19632" y="5219"/>
                    <a:pt x="19500" y="5298"/>
                    <a:pt x="19479" y="5344"/>
                  </a:cubicBezTo>
                  <a:cubicBezTo>
                    <a:pt x="19556" y="5293"/>
                    <a:pt x="19588" y="5268"/>
                    <a:pt x="19621" y="5245"/>
                  </a:cubicBezTo>
                  <a:cubicBezTo>
                    <a:pt x="19653" y="5219"/>
                    <a:pt x="19686" y="5194"/>
                    <a:pt x="19755" y="5134"/>
                  </a:cubicBezTo>
                  <a:lnTo>
                    <a:pt x="19755" y="5134"/>
                  </a:lnTo>
                  <a:cubicBezTo>
                    <a:pt x="19727" y="5157"/>
                    <a:pt x="19695" y="5173"/>
                    <a:pt x="19660" y="5187"/>
                  </a:cubicBezTo>
                  <a:cubicBezTo>
                    <a:pt x="19655" y="5187"/>
                    <a:pt x="19669" y="5173"/>
                    <a:pt x="19690" y="5157"/>
                  </a:cubicBezTo>
                  <a:cubicBezTo>
                    <a:pt x="19715" y="5134"/>
                    <a:pt x="19747" y="5106"/>
                    <a:pt x="19735" y="5106"/>
                  </a:cubicBezTo>
                  <a:cubicBezTo>
                    <a:pt x="19731" y="5106"/>
                    <a:pt x="19719" y="5111"/>
                    <a:pt x="19697" y="5122"/>
                  </a:cubicBezTo>
                  <a:cubicBezTo>
                    <a:pt x="19783" y="5071"/>
                    <a:pt x="19864" y="5016"/>
                    <a:pt x="19943" y="4958"/>
                  </a:cubicBezTo>
                  <a:lnTo>
                    <a:pt x="19943" y="4958"/>
                  </a:lnTo>
                  <a:cubicBezTo>
                    <a:pt x="19845" y="5039"/>
                    <a:pt x="19954" y="4978"/>
                    <a:pt x="19818" y="5080"/>
                  </a:cubicBezTo>
                  <a:cubicBezTo>
                    <a:pt x="20035" y="4918"/>
                    <a:pt x="19973" y="4955"/>
                    <a:pt x="20186" y="4789"/>
                  </a:cubicBezTo>
                  <a:cubicBezTo>
                    <a:pt x="20194" y="4778"/>
                    <a:pt x="20194" y="4774"/>
                    <a:pt x="20190" y="4774"/>
                  </a:cubicBezTo>
                  <a:cubicBezTo>
                    <a:pt x="20176" y="4774"/>
                    <a:pt x="20109" y="4819"/>
                    <a:pt x="20100" y="4819"/>
                  </a:cubicBezTo>
                  <a:cubicBezTo>
                    <a:pt x="20094" y="4819"/>
                    <a:pt x="20116" y="4797"/>
                    <a:pt x="20202" y="4724"/>
                  </a:cubicBezTo>
                  <a:cubicBezTo>
                    <a:pt x="20228" y="4703"/>
                    <a:pt x="20240" y="4695"/>
                    <a:pt x="20243" y="4695"/>
                  </a:cubicBezTo>
                  <a:cubicBezTo>
                    <a:pt x="20246" y="4695"/>
                    <a:pt x="20236" y="4705"/>
                    <a:pt x="20218" y="4719"/>
                  </a:cubicBezTo>
                  <a:cubicBezTo>
                    <a:pt x="20285" y="4668"/>
                    <a:pt x="20297" y="4655"/>
                    <a:pt x="20289" y="4655"/>
                  </a:cubicBezTo>
                  <a:cubicBezTo>
                    <a:pt x="20282" y="4655"/>
                    <a:pt x="20257" y="4667"/>
                    <a:pt x="20247" y="4667"/>
                  </a:cubicBezTo>
                  <a:cubicBezTo>
                    <a:pt x="20239" y="4667"/>
                    <a:pt x="20241" y="4659"/>
                    <a:pt x="20272" y="4631"/>
                  </a:cubicBezTo>
                  <a:cubicBezTo>
                    <a:pt x="20324" y="4585"/>
                    <a:pt x="20355" y="4562"/>
                    <a:pt x="20361" y="4562"/>
                  </a:cubicBezTo>
                  <a:cubicBezTo>
                    <a:pt x="20364" y="4562"/>
                    <a:pt x="20362" y="4567"/>
                    <a:pt x="20353" y="4578"/>
                  </a:cubicBezTo>
                  <a:cubicBezTo>
                    <a:pt x="20462" y="4471"/>
                    <a:pt x="20390" y="4515"/>
                    <a:pt x="20464" y="4446"/>
                  </a:cubicBezTo>
                  <a:lnTo>
                    <a:pt x="20464" y="4446"/>
                  </a:lnTo>
                  <a:lnTo>
                    <a:pt x="20427" y="4476"/>
                  </a:lnTo>
                  <a:cubicBezTo>
                    <a:pt x="20441" y="4460"/>
                    <a:pt x="20422" y="4464"/>
                    <a:pt x="20418" y="4457"/>
                  </a:cubicBezTo>
                  <a:cubicBezTo>
                    <a:pt x="20415" y="4448"/>
                    <a:pt x="20431" y="4427"/>
                    <a:pt x="20513" y="4355"/>
                  </a:cubicBezTo>
                  <a:cubicBezTo>
                    <a:pt x="20578" y="4298"/>
                    <a:pt x="20598" y="4284"/>
                    <a:pt x="20604" y="4284"/>
                  </a:cubicBezTo>
                  <a:cubicBezTo>
                    <a:pt x="20609" y="4284"/>
                    <a:pt x="20604" y="4293"/>
                    <a:pt x="20607" y="4295"/>
                  </a:cubicBezTo>
                  <a:cubicBezTo>
                    <a:pt x="20651" y="4251"/>
                    <a:pt x="20693" y="4214"/>
                    <a:pt x="20730" y="4182"/>
                  </a:cubicBezTo>
                  <a:cubicBezTo>
                    <a:pt x="20767" y="4149"/>
                    <a:pt x="20802" y="4121"/>
                    <a:pt x="20837" y="4094"/>
                  </a:cubicBezTo>
                  <a:lnTo>
                    <a:pt x="20837" y="4094"/>
                  </a:lnTo>
                  <a:cubicBezTo>
                    <a:pt x="20836" y="4094"/>
                    <a:pt x="20835" y="4094"/>
                    <a:pt x="20834" y="4094"/>
                  </a:cubicBezTo>
                  <a:cubicBezTo>
                    <a:pt x="20828" y="4094"/>
                    <a:pt x="20833" y="4084"/>
                    <a:pt x="20858" y="4061"/>
                  </a:cubicBezTo>
                  <a:cubicBezTo>
                    <a:pt x="21006" y="3913"/>
                    <a:pt x="20957" y="3992"/>
                    <a:pt x="21015" y="3938"/>
                  </a:cubicBezTo>
                  <a:cubicBezTo>
                    <a:pt x="21233" y="3732"/>
                    <a:pt x="20964" y="3938"/>
                    <a:pt x="21198" y="3702"/>
                  </a:cubicBezTo>
                  <a:lnTo>
                    <a:pt x="21198" y="3702"/>
                  </a:lnTo>
                  <a:lnTo>
                    <a:pt x="21057" y="3839"/>
                  </a:lnTo>
                  <a:cubicBezTo>
                    <a:pt x="21011" y="3883"/>
                    <a:pt x="20964" y="3929"/>
                    <a:pt x="20916" y="3971"/>
                  </a:cubicBezTo>
                  <a:cubicBezTo>
                    <a:pt x="20918" y="3962"/>
                    <a:pt x="20918" y="3954"/>
                    <a:pt x="20911" y="3954"/>
                  </a:cubicBezTo>
                  <a:cubicBezTo>
                    <a:pt x="20903" y="3954"/>
                    <a:pt x="20887" y="3964"/>
                    <a:pt x="20855" y="3994"/>
                  </a:cubicBezTo>
                  <a:cubicBezTo>
                    <a:pt x="20860" y="4010"/>
                    <a:pt x="20770" y="4114"/>
                    <a:pt x="20675" y="4200"/>
                  </a:cubicBezTo>
                  <a:cubicBezTo>
                    <a:pt x="20674" y="4200"/>
                    <a:pt x="20673" y="4201"/>
                    <a:pt x="20672" y="4201"/>
                  </a:cubicBezTo>
                  <a:cubicBezTo>
                    <a:pt x="20656" y="4201"/>
                    <a:pt x="20813" y="4045"/>
                    <a:pt x="20797" y="4045"/>
                  </a:cubicBezTo>
                  <a:cubicBezTo>
                    <a:pt x="20793" y="4045"/>
                    <a:pt x="20777" y="4056"/>
                    <a:pt x="20742" y="4084"/>
                  </a:cubicBezTo>
                  <a:cubicBezTo>
                    <a:pt x="20800" y="4033"/>
                    <a:pt x="20876" y="3955"/>
                    <a:pt x="20946" y="3890"/>
                  </a:cubicBezTo>
                  <a:lnTo>
                    <a:pt x="20946" y="3890"/>
                  </a:lnTo>
                  <a:cubicBezTo>
                    <a:pt x="20939" y="3900"/>
                    <a:pt x="20937" y="3904"/>
                    <a:pt x="20939" y="3904"/>
                  </a:cubicBezTo>
                  <a:cubicBezTo>
                    <a:pt x="20950" y="3904"/>
                    <a:pt x="21076" y="3772"/>
                    <a:pt x="21085" y="3772"/>
                  </a:cubicBezTo>
                  <a:lnTo>
                    <a:pt x="21085" y="3772"/>
                  </a:lnTo>
                  <a:cubicBezTo>
                    <a:pt x="21087" y="3772"/>
                    <a:pt x="21081" y="3782"/>
                    <a:pt x="21062" y="3806"/>
                  </a:cubicBezTo>
                  <a:cubicBezTo>
                    <a:pt x="21210" y="3658"/>
                    <a:pt x="21291" y="3568"/>
                    <a:pt x="21372" y="3484"/>
                  </a:cubicBezTo>
                  <a:cubicBezTo>
                    <a:pt x="21451" y="3399"/>
                    <a:pt x="21522" y="3313"/>
                    <a:pt x="21645" y="3165"/>
                  </a:cubicBezTo>
                  <a:lnTo>
                    <a:pt x="21645" y="3165"/>
                  </a:lnTo>
                  <a:cubicBezTo>
                    <a:pt x="21615" y="3218"/>
                    <a:pt x="21583" y="3267"/>
                    <a:pt x="21546" y="3315"/>
                  </a:cubicBezTo>
                  <a:cubicBezTo>
                    <a:pt x="21518" y="3352"/>
                    <a:pt x="21488" y="3394"/>
                    <a:pt x="21455" y="3433"/>
                  </a:cubicBezTo>
                  <a:cubicBezTo>
                    <a:pt x="21421" y="3473"/>
                    <a:pt x="21383" y="3512"/>
                    <a:pt x="21349" y="3547"/>
                  </a:cubicBezTo>
                  <a:lnTo>
                    <a:pt x="21330" y="3552"/>
                  </a:lnTo>
                  <a:cubicBezTo>
                    <a:pt x="21292" y="3596"/>
                    <a:pt x="21279" y="3613"/>
                    <a:pt x="21282" y="3613"/>
                  </a:cubicBezTo>
                  <a:cubicBezTo>
                    <a:pt x="21289" y="3613"/>
                    <a:pt x="21438" y="3457"/>
                    <a:pt x="21453" y="3457"/>
                  </a:cubicBezTo>
                  <a:cubicBezTo>
                    <a:pt x="21454" y="3457"/>
                    <a:pt x="21454" y="3458"/>
                    <a:pt x="21453" y="3461"/>
                  </a:cubicBezTo>
                  <a:cubicBezTo>
                    <a:pt x="21641" y="3211"/>
                    <a:pt x="21916" y="2947"/>
                    <a:pt x="22136" y="2632"/>
                  </a:cubicBezTo>
                  <a:lnTo>
                    <a:pt x="22136" y="2632"/>
                  </a:lnTo>
                  <a:cubicBezTo>
                    <a:pt x="22123" y="2645"/>
                    <a:pt x="22117" y="2650"/>
                    <a:pt x="22114" y="2650"/>
                  </a:cubicBezTo>
                  <a:cubicBezTo>
                    <a:pt x="22107" y="2650"/>
                    <a:pt x="22130" y="2613"/>
                    <a:pt x="22132" y="2599"/>
                  </a:cubicBezTo>
                  <a:lnTo>
                    <a:pt x="22132" y="2599"/>
                  </a:lnTo>
                  <a:cubicBezTo>
                    <a:pt x="22041" y="2722"/>
                    <a:pt x="22060" y="2704"/>
                    <a:pt x="21981" y="2785"/>
                  </a:cubicBezTo>
                  <a:cubicBezTo>
                    <a:pt x="21986" y="2762"/>
                    <a:pt x="22044" y="2690"/>
                    <a:pt x="22067" y="2648"/>
                  </a:cubicBezTo>
                  <a:cubicBezTo>
                    <a:pt x="22068" y="2643"/>
                    <a:pt x="22068" y="2640"/>
                    <a:pt x="22067" y="2640"/>
                  </a:cubicBezTo>
                  <a:cubicBezTo>
                    <a:pt x="22057" y="2640"/>
                    <a:pt x="21990" y="2744"/>
                    <a:pt x="21958" y="2778"/>
                  </a:cubicBezTo>
                  <a:cubicBezTo>
                    <a:pt x="22000" y="2718"/>
                    <a:pt x="22039" y="2655"/>
                    <a:pt x="22074" y="2590"/>
                  </a:cubicBezTo>
                  <a:cubicBezTo>
                    <a:pt x="22104" y="2560"/>
                    <a:pt x="22139" y="2530"/>
                    <a:pt x="22173" y="2502"/>
                  </a:cubicBezTo>
                  <a:cubicBezTo>
                    <a:pt x="22227" y="2430"/>
                    <a:pt x="22264" y="2377"/>
                    <a:pt x="22289" y="2333"/>
                  </a:cubicBezTo>
                  <a:cubicBezTo>
                    <a:pt x="22317" y="2291"/>
                    <a:pt x="22336" y="2257"/>
                    <a:pt x="22354" y="2227"/>
                  </a:cubicBezTo>
                  <a:cubicBezTo>
                    <a:pt x="22390" y="2161"/>
                    <a:pt x="22429" y="2096"/>
                    <a:pt x="22469" y="2033"/>
                  </a:cubicBezTo>
                  <a:lnTo>
                    <a:pt x="22469" y="2033"/>
                  </a:lnTo>
                  <a:cubicBezTo>
                    <a:pt x="22466" y="2038"/>
                    <a:pt x="22466" y="2040"/>
                    <a:pt x="22467" y="2040"/>
                  </a:cubicBezTo>
                  <a:cubicBezTo>
                    <a:pt x="22469" y="2040"/>
                    <a:pt x="22486" y="2020"/>
                    <a:pt x="22488" y="2020"/>
                  </a:cubicBezTo>
                  <a:lnTo>
                    <a:pt x="22488" y="2020"/>
                  </a:lnTo>
                  <a:cubicBezTo>
                    <a:pt x="22490" y="2020"/>
                    <a:pt x="22482" y="2032"/>
                    <a:pt x="22451" y="2076"/>
                  </a:cubicBezTo>
                  <a:cubicBezTo>
                    <a:pt x="22470" y="2050"/>
                    <a:pt x="22488" y="2025"/>
                    <a:pt x="22507" y="1997"/>
                  </a:cubicBezTo>
                  <a:lnTo>
                    <a:pt x="22507" y="1997"/>
                  </a:lnTo>
                  <a:cubicBezTo>
                    <a:pt x="22477" y="2053"/>
                    <a:pt x="22440" y="2115"/>
                    <a:pt x="22400" y="2180"/>
                  </a:cubicBezTo>
                  <a:cubicBezTo>
                    <a:pt x="22363" y="2243"/>
                    <a:pt x="22324" y="2310"/>
                    <a:pt x="22287" y="2366"/>
                  </a:cubicBezTo>
                  <a:cubicBezTo>
                    <a:pt x="22218" y="2472"/>
                    <a:pt x="22170" y="2554"/>
                    <a:pt x="22189" y="2554"/>
                  </a:cubicBezTo>
                  <a:cubicBezTo>
                    <a:pt x="22190" y="2554"/>
                    <a:pt x="22191" y="2553"/>
                    <a:pt x="22192" y="2553"/>
                  </a:cubicBezTo>
                  <a:cubicBezTo>
                    <a:pt x="22250" y="2470"/>
                    <a:pt x="22298" y="2393"/>
                    <a:pt x="22347" y="2315"/>
                  </a:cubicBezTo>
                  <a:cubicBezTo>
                    <a:pt x="22396" y="2233"/>
                    <a:pt x="22444" y="2148"/>
                    <a:pt x="22514" y="2044"/>
                  </a:cubicBezTo>
                  <a:lnTo>
                    <a:pt x="22514" y="2055"/>
                  </a:lnTo>
                  <a:cubicBezTo>
                    <a:pt x="22548" y="2002"/>
                    <a:pt x="22557" y="1986"/>
                    <a:pt x="22555" y="1986"/>
                  </a:cubicBezTo>
                  <a:lnTo>
                    <a:pt x="22555" y="1986"/>
                  </a:lnTo>
                  <a:cubicBezTo>
                    <a:pt x="22552" y="1986"/>
                    <a:pt x="22525" y="2020"/>
                    <a:pt x="22521" y="2020"/>
                  </a:cubicBezTo>
                  <a:cubicBezTo>
                    <a:pt x="22520" y="2020"/>
                    <a:pt x="22521" y="2018"/>
                    <a:pt x="22523" y="2013"/>
                  </a:cubicBezTo>
                  <a:cubicBezTo>
                    <a:pt x="22558" y="1949"/>
                    <a:pt x="22600" y="1886"/>
                    <a:pt x="22648" y="1828"/>
                  </a:cubicBezTo>
                  <a:cubicBezTo>
                    <a:pt x="22688" y="1784"/>
                    <a:pt x="22718" y="1733"/>
                    <a:pt x="22739" y="1678"/>
                  </a:cubicBezTo>
                  <a:lnTo>
                    <a:pt x="22739" y="1678"/>
                  </a:lnTo>
                  <a:cubicBezTo>
                    <a:pt x="22704" y="1735"/>
                    <a:pt x="22664" y="1793"/>
                    <a:pt x="22627" y="1851"/>
                  </a:cubicBezTo>
                  <a:cubicBezTo>
                    <a:pt x="22648" y="1810"/>
                    <a:pt x="22654" y="1796"/>
                    <a:pt x="22653" y="1796"/>
                  </a:cubicBezTo>
                  <a:lnTo>
                    <a:pt x="22653" y="1796"/>
                  </a:lnTo>
                  <a:cubicBezTo>
                    <a:pt x="22650" y="1796"/>
                    <a:pt x="22616" y="1851"/>
                    <a:pt x="22605" y="1851"/>
                  </a:cubicBezTo>
                  <a:cubicBezTo>
                    <a:pt x="22603" y="1851"/>
                    <a:pt x="22602" y="1849"/>
                    <a:pt x="22602" y="1844"/>
                  </a:cubicBezTo>
                  <a:cubicBezTo>
                    <a:pt x="22669" y="1724"/>
                    <a:pt x="22759" y="1559"/>
                    <a:pt x="22857" y="1381"/>
                  </a:cubicBezTo>
                  <a:lnTo>
                    <a:pt x="22998" y="1105"/>
                  </a:lnTo>
                  <a:cubicBezTo>
                    <a:pt x="23042" y="1010"/>
                    <a:pt x="23084" y="915"/>
                    <a:pt x="23121" y="827"/>
                  </a:cubicBezTo>
                  <a:lnTo>
                    <a:pt x="23121" y="827"/>
                  </a:lnTo>
                  <a:cubicBezTo>
                    <a:pt x="23070" y="908"/>
                    <a:pt x="23024" y="994"/>
                    <a:pt x="22984" y="1085"/>
                  </a:cubicBezTo>
                  <a:cubicBezTo>
                    <a:pt x="22986" y="1032"/>
                    <a:pt x="23000" y="991"/>
                    <a:pt x="22989" y="991"/>
                  </a:cubicBezTo>
                  <a:cubicBezTo>
                    <a:pt x="22985" y="991"/>
                    <a:pt x="22976" y="997"/>
                    <a:pt x="22961" y="1013"/>
                  </a:cubicBezTo>
                  <a:cubicBezTo>
                    <a:pt x="22936" y="1066"/>
                    <a:pt x="22905" y="1117"/>
                    <a:pt x="22878" y="1170"/>
                  </a:cubicBezTo>
                  <a:lnTo>
                    <a:pt x="22852" y="1159"/>
                  </a:lnTo>
                  <a:cubicBezTo>
                    <a:pt x="22873" y="1117"/>
                    <a:pt x="22898" y="1075"/>
                    <a:pt x="22919" y="1038"/>
                  </a:cubicBezTo>
                  <a:cubicBezTo>
                    <a:pt x="22915" y="1008"/>
                    <a:pt x="23040" y="797"/>
                    <a:pt x="23030" y="779"/>
                  </a:cubicBezTo>
                  <a:lnTo>
                    <a:pt x="23030" y="779"/>
                  </a:lnTo>
                  <a:lnTo>
                    <a:pt x="22968" y="915"/>
                  </a:lnTo>
                  <a:cubicBezTo>
                    <a:pt x="22961" y="925"/>
                    <a:pt x="22957" y="929"/>
                    <a:pt x="22955" y="929"/>
                  </a:cubicBezTo>
                  <a:cubicBezTo>
                    <a:pt x="22945" y="929"/>
                    <a:pt x="23007" y="801"/>
                    <a:pt x="23042" y="719"/>
                  </a:cubicBezTo>
                  <a:lnTo>
                    <a:pt x="23042" y="719"/>
                  </a:lnTo>
                  <a:cubicBezTo>
                    <a:pt x="23000" y="783"/>
                    <a:pt x="22966" y="851"/>
                    <a:pt x="22938" y="922"/>
                  </a:cubicBezTo>
                  <a:cubicBezTo>
                    <a:pt x="22917" y="966"/>
                    <a:pt x="22898" y="1015"/>
                    <a:pt x="22875" y="1061"/>
                  </a:cubicBezTo>
                  <a:cubicBezTo>
                    <a:pt x="22852" y="1110"/>
                    <a:pt x="22829" y="1159"/>
                    <a:pt x="22803" y="1207"/>
                  </a:cubicBezTo>
                  <a:cubicBezTo>
                    <a:pt x="22804" y="1207"/>
                    <a:pt x="22804" y="1207"/>
                    <a:pt x="22804" y="1207"/>
                  </a:cubicBezTo>
                  <a:cubicBezTo>
                    <a:pt x="22812" y="1207"/>
                    <a:pt x="22782" y="1291"/>
                    <a:pt x="22790" y="1291"/>
                  </a:cubicBezTo>
                  <a:cubicBezTo>
                    <a:pt x="22794" y="1291"/>
                    <a:pt x="22807" y="1271"/>
                    <a:pt x="22838" y="1212"/>
                  </a:cubicBezTo>
                  <a:lnTo>
                    <a:pt x="22838" y="1212"/>
                  </a:lnTo>
                  <a:cubicBezTo>
                    <a:pt x="22847" y="1219"/>
                    <a:pt x="22797" y="1335"/>
                    <a:pt x="22757" y="1406"/>
                  </a:cubicBezTo>
                  <a:cubicBezTo>
                    <a:pt x="22759" y="1402"/>
                    <a:pt x="22759" y="1400"/>
                    <a:pt x="22757" y="1400"/>
                  </a:cubicBezTo>
                  <a:cubicBezTo>
                    <a:pt x="22750" y="1400"/>
                    <a:pt x="22717" y="1440"/>
                    <a:pt x="22707" y="1440"/>
                  </a:cubicBezTo>
                  <a:cubicBezTo>
                    <a:pt x="22703" y="1440"/>
                    <a:pt x="22703" y="1433"/>
                    <a:pt x="22711" y="1412"/>
                  </a:cubicBezTo>
                  <a:lnTo>
                    <a:pt x="22711" y="1412"/>
                  </a:lnTo>
                  <a:cubicBezTo>
                    <a:pt x="22665" y="1507"/>
                    <a:pt x="22685" y="1455"/>
                    <a:pt x="22602" y="1613"/>
                  </a:cubicBezTo>
                  <a:cubicBezTo>
                    <a:pt x="22602" y="1612"/>
                    <a:pt x="22602" y="1611"/>
                    <a:pt x="22602" y="1611"/>
                  </a:cubicBezTo>
                  <a:lnTo>
                    <a:pt x="22602" y="1611"/>
                  </a:lnTo>
                  <a:cubicBezTo>
                    <a:pt x="22597" y="1611"/>
                    <a:pt x="22431" y="1891"/>
                    <a:pt x="22410" y="1891"/>
                  </a:cubicBezTo>
                  <a:cubicBezTo>
                    <a:pt x="22408" y="1891"/>
                    <a:pt x="22408" y="1890"/>
                    <a:pt x="22407" y="1888"/>
                  </a:cubicBezTo>
                  <a:lnTo>
                    <a:pt x="22407" y="1888"/>
                  </a:lnTo>
                  <a:cubicBezTo>
                    <a:pt x="22380" y="1949"/>
                    <a:pt x="22440" y="1907"/>
                    <a:pt x="22310" y="2106"/>
                  </a:cubicBezTo>
                  <a:cubicBezTo>
                    <a:pt x="22347" y="2067"/>
                    <a:pt x="22382" y="2025"/>
                    <a:pt x="22414" y="1981"/>
                  </a:cubicBezTo>
                  <a:cubicBezTo>
                    <a:pt x="22431" y="1960"/>
                    <a:pt x="22442" y="1946"/>
                    <a:pt x="22444" y="1946"/>
                  </a:cubicBezTo>
                  <a:lnTo>
                    <a:pt x="22444" y="1946"/>
                  </a:lnTo>
                  <a:cubicBezTo>
                    <a:pt x="22447" y="1949"/>
                    <a:pt x="22442" y="1965"/>
                    <a:pt x="22421" y="2004"/>
                  </a:cubicBezTo>
                  <a:cubicBezTo>
                    <a:pt x="22440" y="1972"/>
                    <a:pt x="22456" y="1935"/>
                    <a:pt x="22475" y="1900"/>
                  </a:cubicBezTo>
                  <a:cubicBezTo>
                    <a:pt x="22505" y="1854"/>
                    <a:pt x="22514" y="1844"/>
                    <a:pt x="22518" y="1844"/>
                  </a:cubicBezTo>
                  <a:cubicBezTo>
                    <a:pt x="22520" y="1844"/>
                    <a:pt x="22519" y="1852"/>
                    <a:pt x="22522" y="1852"/>
                  </a:cubicBezTo>
                  <a:cubicBezTo>
                    <a:pt x="22526" y="1852"/>
                    <a:pt x="22539" y="1837"/>
                    <a:pt x="22586" y="1766"/>
                  </a:cubicBezTo>
                  <a:lnTo>
                    <a:pt x="22586" y="1766"/>
                  </a:lnTo>
                  <a:cubicBezTo>
                    <a:pt x="22551" y="1819"/>
                    <a:pt x="22491" y="1937"/>
                    <a:pt x="22465" y="1953"/>
                  </a:cubicBezTo>
                  <a:cubicBezTo>
                    <a:pt x="22468" y="1952"/>
                    <a:pt x="22470" y="1952"/>
                    <a:pt x="22471" y="1952"/>
                  </a:cubicBezTo>
                  <a:cubicBezTo>
                    <a:pt x="22510" y="1952"/>
                    <a:pt x="22301" y="2237"/>
                    <a:pt x="22317" y="2259"/>
                  </a:cubicBezTo>
                  <a:cubicBezTo>
                    <a:pt x="22264" y="2317"/>
                    <a:pt x="22217" y="2379"/>
                    <a:pt x="22176" y="2447"/>
                  </a:cubicBezTo>
                  <a:cubicBezTo>
                    <a:pt x="22176" y="2442"/>
                    <a:pt x="22174" y="2441"/>
                    <a:pt x="22172" y="2441"/>
                  </a:cubicBezTo>
                  <a:cubicBezTo>
                    <a:pt x="22169" y="2441"/>
                    <a:pt x="22164" y="2443"/>
                    <a:pt x="22161" y="2443"/>
                  </a:cubicBezTo>
                  <a:cubicBezTo>
                    <a:pt x="22155" y="2443"/>
                    <a:pt x="22156" y="2436"/>
                    <a:pt x="22180" y="2396"/>
                  </a:cubicBezTo>
                  <a:cubicBezTo>
                    <a:pt x="22227" y="2333"/>
                    <a:pt x="22257" y="2287"/>
                    <a:pt x="22310" y="2220"/>
                  </a:cubicBezTo>
                  <a:lnTo>
                    <a:pt x="22310" y="2220"/>
                  </a:lnTo>
                  <a:cubicBezTo>
                    <a:pt x="22289" y="2231"/>
                    <a:pt x="22271" y="2250"/>
                    <a:pt x="22257" y="2271"/>
                  </a:cubicBezTo>
                  <a:cubicBezTo>
                    <a:pt x="22234" y="2296"/>
                    <a:pt x="22208" y="2331"/>
                    <a:pt x="22180" y="2372"/>
                  </a:cubicBezTo>
                  <a:cubicBezTo>
                    <a:pt x="22125" y="2451"/>
                    <a:pt x="22065" y="2549"/>
                    <a:pt x="22000" y="2625"/>
                  </a:cubicBezTo>
                  <a:cubicBezTo>
                    <a:pt x="22008" y="2616"/>
                    <a:pt x="22013" y="2610"/>
                    <a:pt x="22015" y="2610"/>
                  </a:cubicBezTo>
                  <a:lnTo>
                    <a:pt x="22015" y="2610"/>
                  </a:lnTo>
                  <a:cubicBezTo>
                    <a:pt x="22017" y="2610"/>
                    <a:pt x="22012" y="2620"/>
                    <a:pt x="21995" y="2648"/>
                  </a:cubicBezTo>
                  <a:cubicBezTo>
                    <a:pt x="21958" y="2694"/>
                    <a:pt x="21895" y="2771"/>
                    <a:pt x="21847" y="2826"/>
                  </a:cubicBezTo>
                  <a:cubicBezTo>
                    <a:pt x="21814" y="2864"/>
                    <a:pt x="21785" y="2892"/>
                    <a:pt x="21779" y="2892"/>
                  </a:cubicBezTo>
                  <a:cubicBezTo>
                    <a:pt x="21776" y="2892"/>
                    <a:pt x="21777" y="2887"/>
                    <a:pt x="21782" y="2877"/>
                  </a:cubicBezTo>
                  <a:lnTo>
                    <a:pt x="21782" y="2877"/>
                  </a:lnTo>
                  <a:cubicBezTo>
                    <a:pt x="21717" y="2959"/>
                    <a:pt x="21655" y="3037"/>
                    <a:pt x="21587" y="3116"/>
                  </a:cubicBezTo>
                  <a:lnTo>
                    <a:pt x="21388" y="3350"/>
                  </a:lnTo>
                  <a:cubicBezTo>
                    <a:pt x="21379" y="3345"/>
                    <a:pt x="21444" y="3281"/>
                    <a:pt x="21465" y="3250"/>
                  </a:cubicBezTo>
                  <a:lnTo>
                    <a:pt x="21465" y="3250"/>
                  </a:lnTo>
                  <a:cubicBezTo>
                    <a:pt x="21427" y="3294"/>
                    <a:pt x="21390" y="3338"/>
                    <a:pt x="21351" y="3380"/>
                  </a:cubicBezTo>
                  <a:lnTo>
                    <a:pt x="21235" y="3505"/>
                  </a:lnTo>
                  <a:cubicBezTo>
                    <a:pt x="21226" y="3513"/>
                    <a:pt x="21221" y="3516"/>
                    <a:pt x="21219" y="3516"/>
                  </a:cubicBezTo>
                  <a:cubicBezTo>
                    <a:pt x="21210" y="3516"/>
                    <a:pt x="21309" y="3408"/>
                    <a:pt x="21323" y="3380"/>
                  </a:cubicBezTo>
                  <a:lnTo>
                    <a:pt x="21323" y="3380"/>
                  </a:lnTo>
                  <a:lnTo>
                    <a:pt x="21154" y="3561"/>
                  </a:lnTo>
                  <a:lnTo>
                    <a:pt x="21170" y="3528"/>
                  </a:lnTo>
                  <a:lnTo>
                    <a:pt x="21170" y="3528"/>
                  </a:lnTo>
                  <a:cubicBezTo>
                    <a:pt x="21161" y="3540"/>
                    <a:pt x="21143" y="3563"/>
                    <a:pt x="21119" y="3589"/>
                  </a:cubicBezTo>
                  <a:cubicBezTo>
                    <a:pt x="21094" y="3616"/>
                    <a:pt x="21064" y="3647"/>
                    <a:pt x="21031" y="3677"/>
                  </a:cubicBezTo>
                  <a:cubicBezTo>
                    <a:pt x="20983" y="3728"/>
                    <a:pt x="20932" y="3774"/>
                    <a:pt x="20876" y="3816"/>
                  </a:cubicBezTo>
                  <a:cubicBezTo>
                    <a:pt x="20779" y="3911"/>
                    <a:pt x="20737" y="3964"/>
                    <a:pt x="20686" y="4024"/>
                  </a:cubicBezTo>
                  <a:cubicBezTo>
                    <a:pt x="20635" y="4084"/>
                    <a:pt x="20570" y="4147"/>
                    <a:pt x="20427" y="4263"/>
                  </a:cubicBezTo>
                  <a:cubicBezTo>
                    <a:pt x="20427" y="4240"/>
                    <a:pt x="20580" y="4121"/>
                    <a:pt x="20633" y="4057"/>
                  </a:cubicBezTo>
                  <a:lnTo>
                    <a:pt x="20633" y="4057"/>
                  </a:lnTo>
                  <a:cubicBezTo>
                    <a:pt x="20575" y="4098"/>
                    <a:pt x="20422" y="4253"/>
                    <a:pt x="20383" y="4265"/>
                  </a:cubicBezTo>
                  <a:cubicBezTo>
                    <a:pt x="20191" y="4441"/>
                    <a:pt x="20232" y="4446"/>
                    <a:pt x="20144" y="4543"/>
                  </a:cubicBezTo>
                  <a:cubicBezTo>
                    <a:pt x="20088" y="4588"/>
                    <a:pt x="20066" y="4603"/>
                    <a:pt x="20062" y="4603"/>
                  </a:cubicBezTo>
                  <a:cubicBezTo>
                    <a:pt x="20055" y="4603"/>
                    <a:pt x="20112" y="4548"/>
                    <a:pt x="20107" y="4548"/>
                  </a:cubicBezTo>
                  <a:lnTo>
                    <a:pt x="20107" y="4548"/>
                  </a:lnTo>
                  <a:cubicBezTo>
                    <a:pt x="20107" y="4548"/>
                    <a:pt x="20107" y="4548"/>
                    <a:pt x="20107" y="4548"/>
                  </a:cubicBezTo>
                  <a:cubicBezTo>
                    <a:pt x="20056" y="4585"/>
                    <a:pt x="19994" y="4675"/>
                    <a:pt x="19933" y="4691"/>
                  </a:cubicBezTo>
                  <a:cubicBezTo>
                    <a:pt x="19888" y="4738"/>
                    <a:pt x="19856" y="4775"/>
                    <a:pt x="19868" y="4775"/>
                  </a:cubicBezTo>
                  <a:cubicBezTo>
                    <a:pt x="19875" y="4775"/>
                    <a:pt x="19899" y="4761"/>
                    <a:pt x="19947" y="4726"/>
                  </a:cubicBezTo>
                  <a:lnTo>
                    <a:pt x="19947" y="4726"/>
                  </a:lnTo>
                  <a:cubicBezTo>
                    <a:pt x="19859" y="4798"/>
                    <a:pt x="19730" y="4900"/>
                    <a:pt x="19711" y="4923"/>
                  </a:cubicBezTo>
                  <a:cubicBezTo>
                    <a:pt x="19724" y="4907"/>
                    <a:pt x="19726" y="4900"/>
                    <a:pt x="19722" y="4900"/>
                  </a:cubicBezTo>
                  <a:cubicBezTo>
                    <a:pt x="19706" y="4900"/>
                    <a:pt x="19604" y="4981"/>
                    <a:pt x="19579" y="4981"/>
                  </a:cubicBezTo>
                  <a:cubicBezTo>
                    <a:pt x="19578" y="4981"/>
                    <a:pt x="19577" y="4981"/>
                    <a:pt x="19577" y="4981"/>
                  </a:cubicBezTo>
                  <a:cubicBezTo>
                    <a:pt x="19505" y="5027"/>
                    <a:pt x="19387" y="5104"/>
                    <a:pt x="19273" y="5182"/>
                  </a:cubicBezTo>
                  <a:cubicBezTo>
                    <a:pt x="19174" y="5245"/>
                    <a:pt x="19076" y="5317"/>
                    <a:pt x="18984" y="5391"/>
                  </a:cubicBezTo>
                  <a:cubicBezTo>
                    <a:pt x="18993" y="5375"/>
                    <a:pt x="19002" y="5358"/>
                    <a:pt x="19009" y="5342"/>
                  </a:cubicBezTo>
                  <a:lnTo>
                    <a:pt x="19009" y="5342"/>
                  </a:lnTo>
                  <a:cubicBezTo>
                    <a:pt x="18954" y="5379"/>
                    <a:pt x="18893" y="5412"/>
                    <a:pt x="18838" y="5449"/>
                  </a:cubicBezTo>
                  <a:cubicBezTo>
                    <a:pt x="18817" y="5458"/>
                    <a:pt x="18805" y="5462"/>
                    <a:pt x="18802" y="5462"/>
                  </a:cubicBezTo>
                  <a:cubicBezTo>
                    <a:pt x="18793" y="5462"/>
                    <a:pt x="18824" y="5441"/>
                    <a:pt x="18868" y="5412"/>
                  </a:cubicBezTo>
                  <a:lnTo>
                    <a:pt x="18977" y="5344"/>
                  </a:lnTo>
                  <a:lnTo>
                    <a:pt x="19067" y="5287"/>
                  </a:lnTo>
                  <a:lnTo>
                    <a:pt x="19067" y="5287"/>
                  </a:lnTo>
                  <a:cubicBezTo>
                    <a:pt x="18951" y="5361"/>
                    <a:pt x="18849" y="5416"/>
                    <a:pt x="18754" y="5474"/>
                  </a:cubicBezTo>
                  <a:cubicBezTo>
                    <a:pt x="18659" y="5532"/>
                    <a:pt x="18564" y="5583"/>
                    <a:pt x="18458" y="5643"/>
                  </a:cubicBezTo>
                  <a:cubicBezTo>
                    <a:pt x="18483" y="5631"/>
                    <a:pt x="18493" y="5628"/>
                    <a:pt x="18498" y="5628"/>
                  </a:cubicBezTo>
                  <a:cubicBezTo>
                    <a:pt x="18504" y="5628"/>
                    <a:pt x="18503" y="5633"/>
                    <a:pt x="18512" y="5633"/>
                  </a:cubicBezTo>
                  <a:cubicBezTo>
                    <a:pt x="18515" y="5633"/>
                    <a:pt x="18518" y="5633"/>
                    <a:pt x="18523" y="5632"/>
                  </a:cubicBezTo>
                  <a:lnTo>
                    <a:pt x="18523" y="5632"/>
                  </a:lnTo>
                  <a:cubicBezTo>
                    <a:pt x="18483" y="5659"/>
                    <a:pt x="18444" y="5683"/>
                    <a:pt x="18400" y="5706"/>
                  </a:cubicBezTo>
                  <a:cubicBezTo>
                    <a:pt x="18356" y="5731"/>
                    <a:pt x="18310" y="5752"/>
                    <a:pt x="18270" y="5773"/>
                  </a:cubicBezTo>
                  <a:cubicBezTo>
                    <a:pt x="18267" y="5774"/>
                    <a:pt x="18265" y="5774"/>
                    <a:pt x="18263" y="5774"/>
                  </a:cubicBezTo>
                  <a:cubicBezTo>
                    <a:pt x="18253" y="5774"/>
                    <a:pt x="18260" y="5765"/>
                    <a:pt x="18295" y="5745"/>
                  </a:cubicBezTo>
                  <a:lnTo>
                    <a:pt x="18295" y="5745"/>
                  </a:lnTo>
                  <a:lnTo>
                    <a:pt x="18166" y="5815"/>
                  </a:lnTo>
                  <a:cubicBezTo>
                    <a:pt x="18171" y="5792"/>
                    <a:pt x="18096" y="5829"/>
                    <a:pt x="18240" y="5743"/>
                  </a:cubicBezTo>
                  <a:lnTo>
                    <a:pt x="18240" y="5743"/>
                  </a:lnTo>
                  <a:lnTo>
                    <a:pt x="18103" y="5819"/>
                  </a:lnTo>
                  <a:cubicBezTo>
                    <a:pt x="18060" y="5840"/>
                    <a:pt x="18040" y="5848"/>
                    <a:pt x="18036" y="5848"/>
                  </a:cubicBezTo>
                  <a:cubicBezTo>
                    <a:pt x="18024" y="5848"/>
                    <a:pt x="18113" y="5794"/>
                    <a:pt x="18138" y="5778"/>
                  </a:cubicBezTo>
                  <a:lnTo>
                    <a:pt x="18138" y="5778"/>
                  </a:lnTo>
                  <a:cubicBezTo>
                    <a:pt x="18096" y="5796"/>
                    <a:pt x="18057" y="5819"/>
                    <a:pt x="18015" y="5838"/>
                  </a:cubicBezTo>
                  <a:lnTo>
                    <a:pt x="17893" y="5896"/>
                  </a:lnTo>
                  <a:cubicBezTo>
                    <a:pt x="17807" y="5947"/>
                    <a:pt x="17951" y="5887"/>
                    <a:pt x="17781" y="5970"/>
                  </a:cubicBezTo>
                  <a:cubicBezTo>
                    <a:pt x="17724" y="5995"/>
                    <a:pt x="17659" y="6019"/>
                    <a:pt x="17594" y="6044"/>
                  </a:cubicBezTo>
                  <a:lnTo>
                    <a:pt x="17392" y="6127"/>
                  </a:lnTo>
                  <a:lnTo>
                    <a:pt x="17186" y="6208"/>
                  </a:lnTo>
                  <a:lnTo>
                    <a:pt x="17082" y="6248"/>
                  </a:lnTo>
                  <a:lnTo>
                    <a:pt x="16980" y="6283"/>
                  </a:lnTo>
                  <a:lnTo>
                    <a:pt x="16980" y="6283"/>
                  </a:lnTo>
                  <a:lnTo>
                    <a:pt x="17077" y="6257"/>
                  </a:lnTo>
                  <a:lnTo>
                    <a:pt x="17175" y="6227"/>
                  </a:lnTo>
                  <a:lnTo>
                    <a:pt x="17175" y="6227"/>
                  </a:lnTo>
                  <a:cubicBezTo>
                    <a:pt x="17144" y="6239"/>
                    <a:pt x="17114" y="6250"/>
                    <a:pt x="17086" y="6264"/>
                  </a:cubicBezTo>
                  <a:cubicBezTo>
                    <a:pt x="17073" y="6271"/>
                    <a:pt x="17059" y="6280"/>
                    <a:pt x="17047" y="6290"/>
                  </a:cubicBezTo>
                  <a:cubicBezTo>
                    <a:pt x="17033" y="6303"/>
                    <a:pt x="17031" y="6315"/>
                    <a:pt x="17008" y="6329"/>
                  </a:cubicBezTo>
                  <a:lnTo>
                    <a:pt x="16758" y="6417"/>
                  </a:lnTo>
                  <a:cubicBezTo>
                    <a:pt x="16672" y="6442"/>
                    <a:pt x="16586" y="6468"/>
                    <a:pt x="16521" y="6486"/>
                  </a:cubicBezTo>
                  <a:cubicBezTo>
                    <a:pt x="16606" y="6451"/>
                    <a:pt x="16617" y="6436"/>
                    <a:pt x="16583" y="6436"/>
                  </a:cubicBezTo>
                  <a:cubicBezTo>
                    <a:pt x="16560" y="6436"/>
                    <a:pt x="16514" y="6443"/>
                    <a:pt x="16456" y="6456"/>
                  </a:cubicBezTo>
                  <a:cubicBezTo>
                    <a:pt x="16301" y="6503"/>
                    <a:pt x="16246" y="6524"/>
                    <a:pt x="16206" y="6544"/>
                  </a:cubicBezTo>
                  <a:cubicBezTo>
                    <a:pt x="16160" y="6572"/>
                    <a:pt x="16109" y="6593"/>
                    <a:pt x="16058" y="6609"/>
                  </a:cubicBezTo>
                  <a:cubicBezTo>
                    <a:pt x="16089" y="6592"/>
                    <a:pt x="16092" y="6586"/>
                    <a:pt x="16078" y="6586"/>
                  </a:cubicBezTo>
                  <a:cubicBezTo>
                    <a:pt x="16042" y="6586"/>
                    <a:pt x="15894" y="6629"/>
                    <a:pt x="15866" y="6629"/>
                  </a:cubicBezTo>
                  <a:cubicBezTo>
                    <a:pt x="15862" y="6629"/>
                    <a:pt x="15860" y="6628"/>
                    <a:pt x="15863" y="6625"/>
                  </a:cubicBezTo>
                  <a:lnTo>
                    <a:pt x="15863" y="6625"/>
                  </a:lnTo>
                  <a:cubicBezTo>
                    <a:pt x="15458" y="6727"/>
                    <a:pt x="15048" y="6804"/>
                    <a:pt x="14636" y="6855"/>
                  </a:cubicBezTo>
                  <a:cubicBezTo>
                    <a:pt x="14645" y="6859"/>
                    <a:pt x="14765" y="6852"/>
                    <a:pt x="14694" y="6864"/>
                  </a:cubicBezTo>
                  <a:cubicBezTo>
                    <a:pt x="14609" y="6877"/>
                    <a:pt x="14548" y="6880"/>
                    <a:pt x="14507" y="6880"/>
                  </a:cubicBezTo>
                  <a:cubicBezTo>
                    <a:pt x="14472" y="6880"/>
                    <a:pt x="14451" y="6878"/>
                    <a:pt x="14441" y="6876"/>
                  </a:cubicBezTo>
                  <a:cubicBezTo>
                    <a:pt x="14390" y="6883"/>
                    <a:pt x="14346" y="6885"/>
                    <a:pt x="14307" y="6890"/>
                  </a:cubicBezTo>
                  <a:cubicBezTo>
                    <a:pt x="14265" y="6894"/>
                    <a:pt x="14230" y="6899"/>
                    <a:pt x="14200" y="6903"/>
                  </a:cubicBezTo>
                  <a:cubicBezTo>
                    <a:pt x="14138" y="6910"/>
                    <a:pt x="14091" y="6920"/>
                    <a:pt x="14059" y="6927"/>
                  </a:cubicBezTo>
                  <a:cubicBezTo>
                    <a:pt x="14090" y="6923"/>
                    <a:pt x="14111" y="6922"/>
                    <a:pt x="14125" y="6922"/>
                  </a:cubicBezTo>
                  <a:cubicBezTo>
                    <a:pt x="14148" y="6922"/>
                    <a:pt x="14148" y="6926"/>
                    <a:pt x="14138" y="6934"/>
                  </a:cubicBezTo>
                  <a:cubicBezTo>
                    <a:pt x="14102" y="6936"/>
                    <a:pt x="14066" y="6938"/>
                    <a:pt x="14030" y="6938"/>
                  </a:cubicBezTo>
                  <a:cubicBezTo>
                    <a:pt x="14008" y="6938"/>
                    <a:pt x="13986" y="6938"/>
                    <a:pt x="13964" y="6936"/>
                  </a:cubicBezTo>
                  <a:cubicBezTo>
                    <a:pt x="13911" y="6936"/>
                    <a:pt x="13855" y="6938"/>
                    <a:pt x="13799" y="6945"/>
                  </a:cubicBezTo>
                  <a:cubicBezTo>
                    <a:pt x="13774" y="6936"/>
                    <a:pt x="13830" y="6934"/>
                    <a:pt x="13885" y="6929"/>
                  </a:cubicBezTo>
                  <a:cubicBezTo>
                    <a:pt x="13941" y="6927"/>
                    <a:pt x="14003" y="6917"/>
                    <a:pt x="13994" y="6908"/>
                  </a:cubicBezTo>
                  <a:lnTo>
                    <a:pt x="13994" y="6908"/>
                  </a:lnTo>
                  <a:lnTo>
                    <a:pt x="13871" y="6917"/>
                  </a:lnTo>
                  <a:cubicBezTo>
                    <a:pt x="13834" y="6917"/>
                    <a:pt x="13799" y="6920"/>
                    <a:pt x="13765" y="6922"/>
                  </a:cubicBezTo>
                  <a:cubicBezTo>
                    <a:pt x="13700" y="6927"/>
                    <a:pt x="13637" y="6931"/>
                    <a:pt x="13572" y="6936"/>
                  </a:cubicBezTo>
                  <a:cubicBezTo>
                    <a:pt x="13545" y="6924"/>
                    <a:pt x="13693" y="6931"/>
                    <a:pt x="13593" y="6924"/>
                  </a:cubicBezTo>
                  <a:lnTo>
                    <a:pt x="13593" y="6924"/>
                  </a:lnTo>
                  <a:lnTo>
                    <a:pt x="13380" y="6934"/>
                  </a:lnTo>
                  <a:lnTo>
                    <a:pt x="12859" y="6934"/>
                  </a:lnTo>
                  <a:lnTo>
                    <a:pt x="12776" y="6931"/>
                  </a:lnTo>
                  <a:lnTo>
                    <a:pt x="12722" y="6910"/>
                  </a:lnTo>
                  <a:cubicBezTo>
                    <a:pt x="12650" y="6903"/>
                    <a:pt x="12577" y="6900"/>
                    <a:pt x="12506" y="6900"/>
                  </a:cubicBezTo>
                  <a:cubicBezTo>
                    <a:pt x="12484" y="6900"/>
                    <a:pt x="12462" y="6901"/>
                    <a:pt x="12440" y="6901"/>
                  </a:cubicBezTo>
                  <a:cubicBezTo>
                    <a:pt x="12390" y="6893"/>
                    <a:pt x="12401" y="6891"/>
                    <a:pt x="12436" y="6891"/>
                  </a:cubicBezTo>
                  <a:cubicBezTo>
                    <a:pt x="12451" y="6891"/>
                    <a:pt x="12471" y="6891"/>
                    <a:pt x="12493" y="6892"/>
                  </a:cubicBezTo>
                  <a:lnTo>
                    <a:pt x="12354" y="6883"/>
                  </a:lnTo>
                  <a:lnTo>
                    <a:pt x="12215" y="6871"/>
                  </a:lnTo>
                  <a:cubicBezTo>
                    <a:pt x="12127" y="6862"/>
                    <a:pt x="12046" y="6857"/>
                    <a:pt x="11995" y="6852"/>
                  </a:cubicBezTo>
                  <a:cubicBezTo>
                    <a:pt x="11999" y="6851"/>
                    <a:pt x="12005" y="6850"/>
                    <a:pt x="12014" y="6850"/>
                  </a:cubicBezTo>
                  <a:cubicBezTo>
                    <a:pt x="12041" y="6850"/>
                    <a:pt x="12087" y="6858"/>
                    <a:pt x="12115" y="6858"/>
                  </a:cubicBezTo>
                  <a:cubicBezTo>
                    <a:pt x="12119" y="6858"/>
                    <a:pt x="12124" y="6858"/>
                    <a:pt x="12127" y="6857"/>
                  </a:cubicBezTo>
                  <a:cubicBezTo>
                    <a:pt x="12071" y="6850"/>
                    <a:pt x="12011" y="6846"/>
                    <a:pt x="11953" y="6839"/>
                  </a:cubicBezTo>
                  <a:lnTo>
                    <a:pt x="11863" y="6832"/>
                  </a:lnTo>
                  <a:lnTo>
                    <a:pt x="11775" y="6822"/>
                  </a:lnTo>
                  <a:cubicBezTo>
                    <a:pt x="11675" y="6813"/>
                    <a:pt x="11576" y="6797"/>
                    <a:pt x="11481" y="6771"/>
                  </a:cubicBezTo>
                  <a:lnTo>
                    <a:pt x="11481" y="6771"/>
                  </a:lnTo>
                  <a:cubicBezTo>
                    <a:pt x="11499" y="6774"/>
                    <a:pt x="11520" y="6776"/>
                    <a:pt x="11541" y="6778"/>
                  </a:cubicBezTo>
                  <a:cubicBezTo>
                    <a:pt x="11376" y="6755"/>
                    <a:pt x="11224" y="6723"/>
                    <a:pt x="11068" y="6695"/>
                  </a:cubicBezTo>
                  <a:cubicBezTo>
                    <a:pt x="10990" y="6681"/>
                    <a:pt x="10909" y="6669"/>
                    <a:pt x="10827" y="6651"/>
                  </a:cubicBezTo>
                  <a:lnTo>
                    <a:pt x="10575" y="6593"/>
                  </a:lnTo>
                  <a:cubicBezTo>
                    <a:pt x="10437" y="6551"/>
                    <a:pt x="10399" y="6545"/>
                    <a:pt x="10373" y="6545"/>
                  </a:cubicBezTo>
                  <a:cubicBezTo>
                    <a:pt x="10364" y="6545"/>
                    <a:pt x="10356" y="6546"/>
                    <a:pt x="10347" y="6546"/>
                  </a:cubicBezTo>
                  <a:cubicBezTo>
                    <a:pt x="10321" y="6546"/>
                    <a:pt x="10280" y="6541"/>
                    <a:pt x="10151" y="6505"/>
                  </a:cubicBezTo>
                  <a:cubicBezTo>
                    <a:pt x="10156" y="6482"/>
                    <a:pt x="10049" y="6452"/>
                    <a:pt x="9924" y="6422"/>
                  </a:cubicBezTo>
                  <a:cubicBezTo>
                    <a:pt x="9801" y="6389"/>
                    <a:pt x="9660" y="6350"/>
                    <a:pt x="9595" y="6327"/>
                  </a:cubicBezTo>
                  <a:lnTo>
                    <a:pt x="9595" y="6327"/>
                  </a:lnTo>
                  <a:lnTo>
                    <a:pt x="9637" y="6345"/>
                  </a:lnTo>
                  <a:cubicBezTo>
                    <a:pt x="9549" y="6327"/>
                    <a:pt x="9463" y="6301"/>
                    <a:pt x="9380" y="6269"/>
                  </a:cubicBezTo>
                  <a:cubicBezTo>
                    <a:pt x="9296" y="6236"/>
                    <a:pt x="9220" y="6202"/>
                    <a:pt x="9169" y="6176"/>
                  </a:cubicBezTo>
                  <a:cubicBezTo>
                    <a:pt x="8940" y="6095"/>
                    <a:pt x="8601" y="5958"/>
                    <a:pt x="8370" y="5882"/>
                  </a:cubicBezTo>
                  <a:lnTo>
                    <a:pt x="8370" y="5882"/>
                  </a:lnTo>
                  <a:lnTo>
                    <a:pt x="8416" y="5893"/>
                  </a:lnTo>
                  <a:cubicBezTo>
                    <a:pt x="8228" y="5822"/>
                    <a:pt x="8117" y="5761"/>
                    <a:pt x="7930" y="5690"/>
                  </a:cubicBezTo>
                  <a:lnTo>
                    <a:pt x="7930" y="5690"/>
                  </a:lnTo>
                  <a:cubicBezTo>
                    <a:pt x="7932" y="5690"/>
                    <a:pt x="7959" y="5700"/>
                    <a:pt x="7965" y="5700"/>
                  </a:cubicBezTo>
                  <a:cubicBezTo>
                    <a:pt x="7969" y="5700"/>
                    <a:pt x="7964" y="5695"/>
                    <a:pt x="7937" y="5680"/>
                  </a:cubicBezTo>
                  <a:cubicBezTo>
                    <a:pt x="7719" y="5574"/>
                    <a:pt x="7496" y="5472"/>
                    <a:pt x="7281" y="5358"/>
                  </a:cubicBezTo>
                  <a:lnTo>
                    <a:pt x="7116" y="5275"/>
                  </a:lnTo>
                  <a:cubicBezTo>
                    <a:pt x="7089" y="5261"/>
                    <a:pt x="7061" y="5247"/>
                    <a:pt x="7035" y="5233"/>
                  </a:cubicBezTo>
                  <a:lnTo>
                    <a:pt x="6954" y="5189"/>
                  </a:lnTo>
                  <a:lnTo>
                    <a:pt x="6630" y="5016"/>
                  </a:lnTo>
                  <a:cubicBezTo>
                    <a:pt x="6523" y="4958"/>
                    <a:pt x="6417" y="4895"/>
                    <a:pt x="6313" y="4835"/>
                  </a:cubicBezTo>
                  <a:lnTo>
                    <a:pt x="6153" y="4742"/>
                  </a:lnTo>
                  <a:lnTo>
                    <a:pt x="5995" y="4647"/>
                  </a:lnTo>
                  <a:cubicBezTo>
                    <a:pt x="5893" y="4582"/>
                    <a:pt x="5787" y="4520"/>
                    <a:pt x="5685" y="4453"/>
                  </a:cubicBezTo>
                  <a:lnTo>
                    <a:pt x="5381" y="4251"/>
                  </a:lnTo>
                  <a:cubicBezTo>
                    <a:pt x="4550" y="3686"/>
                    <a:pt x="3753" y="3072"/>
                    <a:pt x="2991" y="2414"/>
                  </a:cubicBezTo>
                  <a:cubicBezTo>
                    <a:pt x="2595" y="2076"/>
                    <a:pt x="2208" y="1731"/>
                    <a:pt x="1837" y="1388"/>
                  </a:cubicBezTo>
                  <a:cubicBezTo>
                    <a:pt x="1467" y="1043"/>
                    <a:pt x="1110" y="709"/>
                    <a:pt x="779" y="390"/>
                  </a:cubicBezTo>
                  <a:lnTo>
                    <a:pt x="663" y="315"/>
                  </a:lnTo>
                  <a:cubicBezTo>
                    <a:pt x="593" y="271"/>
                    <a:pt x="501" y="216"/>
                    <a:pt x="410" y="163"/>
                  </a:cubicBezTo>
                  <a:cubicBezTo>
                    <a:pt x="277" y="83"/>
                    <a:pt x="145" y="14"/>
                    <a:pt x="95" y="14"/>
                  </a:cubicBezTo>
                  <a:cubicBezTo>
                    <a:pt x="78" y="14"/>
                    <a:pt x="70" y="22"/>
                    <a:pt x="74" y="40"/>
                  </a:cubicBezTo>
                  <a:cubicBezTo>
                    <a:pt x="82" y="49"/>
                    <a:pt x="83" y="52"/>
                    <a:pt x="81" y="52"/>
                  </a:cubicBezTo>
                  <a:cubicBezTo>
                    <a:pt x="73" y="52"/>
                    <a:pt x="12" y="0"/>
                    <a:pt x="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0" name="Google Shape;120;p7"/>
            <p:cNvSpPr/>
            <p:nvPr/>
          </p:nvSpPr>
          <p:spPr>
            <a:xfrm rot="10800000">
              <a:off x="3339218" y="4582238"/>
              <a:ext cx="1438041" cy="452030"/>
            </a:xfrm>
            <a:custGeom>
              <a:avLst/>
              <a:gdLst/>
              <a:ahLst/>
              <a:cxnLst/>
              <a:rect l="l" t="t" r="r" b="b"/>
              <a:pathLst>
                <a:path w="23128" h="7270" extrusionOk="0">
                  <a:moveTo>
                    <a:pt x="361" y="288"/>
                  </a:moveTo>
                  <a:lnTo>
                    <a:pt x="361" y="288"/>
                  </a:lnTo>
                  <a:cubicBezTo>
                    <a:pt x="368" y="296"/>
                    <a:pt x="379" y="308"/>
                    <a:pt x="394" y="325"/>
                  </a:cubicBezTo>
                  <a:cubicBezTo>
                    <a:pt x="385" y="314"/>
                    <a:pt x="374" y="302"/>
                    <a:pt x="361" y="288"/>
                  </a:cubicBezTo>
                  <a:close/>
                  <a:moveTo>
                    <a:pt x="876" y="908"/>
                  </a:moveTo>
                  <a:cubicBezTo>
                    <a:pt x="878" y="911"/>
                    <a:pt x="881" y="913"/>
                    <a:pt x="884" y="916"/>
                  </a:cubicBezTo>
                  <a:lnTo>
                    <a:pt x="884" y="916"/>
                  </a:lnTo>
                  <a:cubicBezTo>
                    <a:pt x="882" y="913"/>
                    <a:pt x="879" y="911"/>
                    <a:pt x="876" y="908"/>
                  </a:cubicBezTo>
                  <a:close/>
                  <a:moveTo>
                    <a:pt x="22743" y="1360"/>
                  </a:moveTo>
                  <a:lnTo>
                    <a:pt x="22743" y="1360"/>
                  </a:lnTo>
                  <a:cubicBezTo>
                    <a:pt x="22731" y="1383"/>
                    <a:pt x="22723" y="1400"/>
                    <a:pt x="22718" y="1412"/>
                  </a:cubicBezTo>
                  <a:lnTo>
                    <a:pt x="22718" y="1412"/>
                  </a:lnTo>
                  <a:cubicBezTo>
                    <a:pt x="22725" y="1398"/>
                    <a:pt x="22733" y="1381"/>
                    <a:pt x="22743" y="1360"/>
                  </a:cubicBezTo>
                  <a:close/>
                  <a:moveTo>
                    <a:pt x="1550" y="1533"/>
                  </a:moveTo>
                  <a:lnTo>
                    <a:pt x="1548" y="1536"/>
                  </a:lnTo>
                  <a:cubicBezTo>
                    <a:pt x="1550" y="1536"/>
                    <a:pt x="1550" y="1535"/>
                    <a:pt x="1550" y="1533"/>
                  </a:cubicBezTo>
                  <a:close/>
                  <a:moveTo>
                    <a:pt x="2417" y="2349"/>
                  </a:moveTo>
                  <a:cubicBezTo>
                    <a:pt x="2417" y="2349"/>
                    <a:pt x="2417" y="2349"/>
                    <a:pt x="2416" y="2349"/>
                  </a:cubicBezTo>
                  <a:cubicBezTo>
                    <a:pt x="2417" y="2349"/>
                    <a:pt x="2417" y="2349"/>
                    <a:pt x="2417" y="2349"/>
                  </a:cubicBezTo>
                  <a:close/>
                  <a:moveTo>
                    <a:pt x="4337" y="3906"/>
                  </a:moveTo>
                  <a:lnTo>
                    <a:pt x="4407" y="3959"/>
                  </a:lnTo>
                  <a:lnTo>
                    <a:pt x="4407" y="3959"/>
                  </a:lnTo>
                  <a:cubicBezTo>
                    <a:pt x="4416" y="3962"/>
                    <a:pt x="4427" y="3966"/>
                    <a:pt x="4437" y="3970"/>
                  </a:cubicBezTo>
                  <a:lnTo>
                    <a:pt x="4437" y="3970"/>
                  </a:lnTo>
                  <a:cubicBezTo>
                    <a:pt x="4391" y="3937"/>
                    <a:pt x="4352" y="3911"/>
                    <a:pt x="4337" y="3906"/>
                  </a:cubicBezTo>
                  <a:close/>
                  <a:moveTo>
                    <a:pt x="4371" y="3978"/>
                  </a:moveTo>
                  <a:lnTo>
                    <a:pt x="4387" y="3995"/>
                  </a:lnTo>
                  <a:lnTo>
                    <a:pt x="4387" y="3995"/>
                  </a:lnTo>
                  <a:cubicBezTo>
                    <a:pt x="4376" y="3989"/>
                    <a:pt x="4367" y="3985"/>
                    <a:pt x="4365" y="3985"/>
                  </a:cubicBezTo>
                  <a:cubicBezTo>
                    <a:pt x="4364" y="3985"/>
                    <a:pt x="4372" y="3991"/>
                    <a:pt x="4399" y="4008"/>
                  </a:cubicBezTo>
                  <a:lnTo>
                    <a:pt x="4387" y="3995"/>
                  </a:lnTo>
                  <a:lnTo>
                    <a:pt x="4387" y="3995"/>
                  </a:lnTo>
                  <a:cubicBezTo>
                    <a:pt x="4406" y="4004"/>
                    <a:pt x="4432" y="4015"/>
                    <a:pt x="4442" y="4015"/>
                  </a:cubicBezTo>
                  <a:lnTo>
                    <a:pt x="4442" y="4015"/>
                  </a:lnTo>
                  <a:lnTo>
                    <a:pt x="4371" y="3978"/>
                  </a:lnTo>
                  <a:close/>
                  <a:moveTo>
                    <a:pt x="19855" y="5054"/>
                  </a:moveTo>
                  <a:cubicBezTo>
                    <a:pt x="19844" y="5062"/>
                    <a:pt x="19832" y="5071"/>
                    <a:pt x="19820" y="5080"/>
                  </a:cubicBezTo>
                  <a:cubicBezTo>
                    <a:pt x="19834" y="5070"/>
                    <a:pt x="19845" y="5062"/>
                    <a:pt x="19855" y="5054"/>
                  </a:cubicBezTo>
                  <a:close/>
                  <a:moveTo>
                    <a:pt x="18788" y="5687"/>
                  </a:moveTo>
                  <a:cubicBezTo>
                    <a:pt x="18777" y="5694"/>
                    <a:pt x="18765" y="5701"/>
                    <a:pt x="18750" y="5710"/>
                  </a:cubicBezTo>
                  <a:cubicBezTo>
                    <a:pt x="18764" y="5702"/>
                    <a:pt x="18776" y="5694"/>
                    <a:pt x="18788" y="5687"/>
                  </a:cubicBezTo>
                  <a:close/>
                  <a:moveTo>
                    <a:pt x="18784" y="5666"/>
                  </a:moveTo>
                  <a:lnTo>
                    <a:pt x="18701" y="5718"/>
                  </a:lnTo>
                  <a:lnTo>
                    <a:pt x="18701" y="5718"/>
                  </a:lnTo>
                  <a:cubicBezTo>
                    <a:pt x="18728" y="5702"/>
                    <a:pt x="18756" y="5685"/>
                    <a:pt x="18784" y="5666"/>
                  </a:cubicBezTo>
                  <a:close/>
                  <a:moveTo>
                    <a:pt x="8784" y="6306"/>
                  </a:moveTo>
                  <a:cubicBezTo>
                    <a:pt x="8787" y="6307"/>
                    <a:pt x="8789" y="6307"/>
                    <a:pt x="8791" y="6308"/>
                  </a:cubicBezTo>
                  <a:lnTo>
                    <a:pt x="8791" y="6308"/>
                  </a:lnTo>
                  <a:cubicBezTo>
                    <a:pt x="8788" y="6307"/>
                    <a:pt x="8786" y="6306"/>
                    <a:pt x="8784" y="6306"/>
                  </a:cubicBezTo>
                  <a:close/>
                  <a:moveTo>
                    <a:pt x="13772" y="7209"/>
                  </a:moveTo>
                  <a:cubicBezTo>
                    <a:pt x="13778" y="7209"/>
                    <a:pt x="13783" y="7209"/>
                    <a:pt x="13788" y="7209"/>
                  </a:cubicBezTo>
                  <a:lnTo>
                    <a:pt x="13788" y="7209"/>
                  </a:lnTo>
                  <a:cubicBezTo>
                    <a:pt x="13783" y="7209"/>
                    <a:pt x="13777" y="7209"/>
                    <a:pt x="13772" y="7209"/>
                  </a:cubicBezTo>
                  <a:close/>
                  <a:moveTo>
                    <a:pt x="4" y="0"/>
                  </a:moveTo>
                  <a:cubicBezTo>
                    <a:pt x="1" y="0"/>
                    <a:pt x="8" y="10"/>
                    <a:pt x="35" y="40"/>
                  </a:cubicBezTo>
                  <a:lnTo>
                    <a:pt x="156" y="132"/>
                  </a:lnTo>
                  <a:cubicBezTo>
                    <a:pt x="154" y="132"/>
                    <a:pt x="152" y="131"/>
                    <a:pt x="151" y="131"/>
                  </a:cubicBezTo>
                  <a:cubicBezTo>
                    <a:pt x="138" y="131"/>
                    <a:pt x="184" y="192"/>
                    <a:pt x="188" y="209"/>
                  </a:cubicBezTo>
                  <a:cubicBezTo>
                    <a:pt x="192" y="211"/>
                    <a:pt x="195" y="212"/>
                    <a:pt x="197" y="212"/>
                  </a:cubicBezTo>
                  <a:cubicBezTo>
                    <a:pt x="216" y="212"/>
                    <a:pt x="143" y="123"/>
                    <a:pt x="163" y="123"/>
                  </a:cubicBezTo>
                  <a:cubicBezTo>
                    <a:pt x="170" y="123"/>
                    <a:pt x="186" y="132"/>
                    <a:pt x="218" y="156"/>
                  </a:cubicBezTo>
                  <a:cubicBezTo>
                    <a:pt x="249" y="172"/>
                    <a:pt x="314" y="237"/>
                    <a:pt x="361" y="288"/>
                  </a:cubicBezTo>
                  <a:lnTo>
                    <a:pt x="361" y="288"/>
                  </a:lnTo>
                  <a:cubicBezTo>
                    <a:pt x="353" y="278"/>
                    <a:pt x="352" y="274"/>
                    <a:pt x="354" y="274"/>
                  </a:cubicBezTo>
                  <a:cubicBezTo>
                    <a:pt x="362" y="274"/>
                    <a:pt x="427" y="328"/>
                    <a:pt x="459" y="353"/>
                  </a:cubicBezTo>
                  <a:cubicBezTo>
                    <a:pt x="519" y="424"/>
                    <a:pt x="628" y="526"/>
                    <a:pt x="649" y="568"/>
                  </a:cubicBezTo>
                  <a:cubicBezTo>
                    <a:pt x="686" y="596"/>
                    <a:pt x="718" y="626"/>
                    <a:pt x="749" y="661"/>
                  </a:cubicBezTo>
                  <a:lnTo>
                    <a:pt x="749" y="668"/>
                  </a:lnTo>
                  <a:cubicBezTo>
                    <a:pt x="771" y="687"/>
                    <a:pt x="780" y="694"/>
                    <a:pt x="781" y="694"/>
                  </a:cubicBezTo>
                  <a:cubicBezTo>
                    <a:pt x="785" y="694"/>
                    <a:pt x="742" y="650"/>
                    <a:pt x="748" y="650"/>
                  </a:cubicBezTo>
                  <a:cubicBezTo>
                    <a:pt x="748" y="650"/>
                    <a:pt x="749" y="650"/>
                    <a:pt x="751" y="651"/>
                  </a:cubicBezTo>
                  <a:cubicBezTo>
                    <a:pt x="809" y="707"/>
                    <a:pt x="890" y="804"/>
                    <a:pt x="985" y="897"/>
                  </a:cubicBezTo>
                  <a:cubicBezTo>
                    <a:pt x="890" y="804"/>
                    <a:pt x="806" y="735"/>
                    <a:pt x="735" y="675"/>
                  </a:cubicBezTo>
                  <a:lnTo>
                    <a:pt x="735" y="675"/>
                  </a:lnTo>
                  <a:cubicBezTo>
                    <a:pt x="786" y="730"/>
                    <a:pt x="800" y="750"/>
                    <a:pt x="792" y="750"/>
                  </a:cubicBezTo>
                  <a:cubicBezTo>
                    <a:pt x="776" y="750"/>
                    <a:pt x="665" y="659"/>
                    <a:pt x="630" y="642"/>
                  </a:cubicBezTo>
                  <a:lnTo>
                    <a:pt x="630" y="642"/>
                  </a:lnTo>
                  <a:cubicBezTo>
                    <a:pt x="774" y="772"/>
                    <a:pt x="834" y="816"/>
                    <a:pt x="955" y="918"/>
                  </a:cubicBezTo>
                  <a:cubicBezTo>
                    <a:pt x="1000" y="969"/>
                    <a:pt x="1008" y="987"/>
                    <a:pt x="997" y="987"/>
                  </a:cubicBezTo>
                  <a:cubicBezTo>
                    <a:pt x="979" y="987"/>
                    <a:pt x="914" y="940"/>
                    <a:pt x="884" y="916"/>
                  </a:cubicBezTo>
                  <a:lnTo>
                    <a:pt x="884" y="916"/>
                  </a:lnTo>
                  <a:cubicBezTo>
                    <a:pt x="1014" y="1029"/>
                    <a:pt x="1155" y="1139"/>
                    <a:pt x="1226" y="1198"/>
                  </a:cubicBezTo>
                  <a:cubicBezTo>
                    <a:pt x="1115" y="1126"/>
                    <a:pt x="1126" y="1147"/>
                    <a:pt x="1027" y="1080"/>
                  </a:cubicBezTo>
                  <a:lnTo>
                    <a:pt x="1027" y="1080"/>
                  </a:lnTo>
                  <a:cubicBezTo>
                    <a:pt x="1117" y="1189"/>
                    <a:pt x="1152" y="1196"/>
                    <a:pt x="1205" y="1235"/>
                  </a:cubicBezTo>
                  <a:cubicBezTo>
                    <a:pt x="1175" y="1212"/>
                    <a:pt x="1149" y="1184"/>
                    <a:pt x="1124" y="1156"/>
                  </a:cubicBezTo>
                  <a:lnTo>
                    <a:pt x="1124" y="1156"/>
                  </a:lnTo>
                  <a:cubicBezTo>
                    <a:pt x="1244" y="1272"/>
                    <a:pt x="1249" y="1226"/>
                    <a:pt x="1325" y="1272"/>
                  </a:cubicBezTo>
                  <a:cubicBezTo>
                    <a:pt x="1401" y="1358"/>
                    <a:pt x="1549" y="1508"/>
                    <a:pt x="1550" y="1533"/>
                  </a:cubicBezTo>
                  <a:lnTo>
                    <a:pt x="1550" y="1533"/>
                  </a:lnTo>
                  <a:lnTo>
                    <a:pt x="1562" y="1518"/>
                  </a:lnTo>
                  <a:cubicBezTo>
                    <a:pt x="1673" y="1613"/>
                    <a:pt x="1608" y="1578"/>
                    <a:pt x="1620" y="1599"/>
                  </a:cubicBezTo>
                  <a:cubicBezTo>
                    <a:pt x="1633" y="1605"/>
                    <a:pt x="1640" y="1606"/>
                    <a:pt x="1647" y="1606"/>
                  </a:cubicBezTo>
                  <a:cubicBezTo>
                    <a:pt x="1649" y="1606"/>
                    <a:pt x="1651" y="1606"/>
                    <a:pt x="1652" y="1606"/>
                  </a:cubicBezTo>
                  <a:cubicBezTo>
                    <a:pt x="1671" y="1606"/>
                    <a:pt x="1696" y="1610"/>
                    <a:pt x="1823" y="1722"/>
                  </a:cubicBezTo>
                  <a:cubicBezTo>
                    <a:pt x="1768" y="1726"/>
                    <a:pt x="1981" y="1872"/>
                    <a:pt x="1951" y="1893"/>
                  </a:cubicBezTo>
                  <a:cubicBezTo>
                    <a:pt x="2039" y="1969"/>
                    <a:pt x="2090" y="1988"/>
                    <a:pt x="2176" y="2071"/>
                  </a:cubicBezTo>
                  <a:cubicBezTo>
                    <a:pt x="2193" y="2093"/>
                    <a:pt x="2196" y="2102"/>
                    <a:pt x="2189" y="2102"/>
                  </a:cubicBezTo>
                  <a:cubicBezTo>
                    <a:pt x="2162" y="2102"/>
                    <a:pt x="1998" y="1977"/>
                    <a:pt x="1960" y="1935"/>
                  </a:cubicBezTo>
                  <a:cubicBezTo>
                    <a:pt x="1917" y="1896"/>
                    <a:pt x="1907" y="1885"/>
                    <a:pt x="1912" y="1885"/>
                  </a:cubicBezTo>
                  <a:cubicBezTo>
                    <a:pt x="1917" y="1885"/>
                    <a:pt x="1945" y="1904"/>
                    <a:pt x="1949" y="1904"/>
                  </a:cubicBezTo>
                  <a:cubicBezTo>
                    <a:pt x="1950" y="1904"/>
                    <a:pt x="1948" y="1901"/>
                    <a:pt x="1939" y="1893"/>
                  </a:cubicBezTo>
                  <a:cubicBezTo>
                    <a:pt x="1898" y="1861"/>
                    <a:pt x="1856" y="1828"/>
                    <a:pt x="1814" y="1793"/>
                  </a:cubicBezTo>
                  <a:lnTo>
                    <a:pt x="1814" y="1793"/>
                  </a:lnTo>
                  <a:cubicBezTo>
                    <a:pt x="1872" y="1861"/>
                    <a:pt x="1997" y="1981"/>
                    <a:pt x="1969" y="1981"/>
                  </a:cubicBezTo>
                  <a:cubicBezTo>
                    <a:pt x="1996" y="2003"/>
                    <a:pt x="2008" y="2011"/>
                    <a:pt x="2011" y="2011"/>
                  </a:cubicBezTo>
                  <a:cubicBezTo>
                    <a:pt x="2018" y="2011"/>
                    <a:pt x="1967" y="1958"/>
                    <a:pt x="1975" y="1958"/>
                  </a:cubicBezTo>
                  <a:cubicBezTo>
                    <a:pt x="1978" y="1958"/>
                    <a:pt x="1991" y="1967"/>
                    <a:pt x="2023" y="1993"/>
                  </a:cubicBezTo>
                  <a:lnTo>
                    <a:pt x="2094" y="2071"/>
                  </a:lnTo>
                  <a:cubicBezTo>
                    <a:pt x="2137" y="2105"/>
                    <a:pt x="2152" y="2113"/>
                    <a:pt x="2158" y="2113"/>
                  </a:cubicBezTo>
                  <a:cubicBezTo>
                    <a:pt x="2164" y="2113"/>
                    <a:pt x="2161" y="2105"/>
                    <a:pt x="2166" y="2105"/>
                  </a:cubicBezTo>
                  <a:cubicBezTo>
                    <a:pt x="2173" y="2105"/>
                    <a:pt x="2192" y="2118"/>
                    <a:pt x="2259" y="2176"/>
                  </a:cubicBezTo>
                  <a:cubicBezTo>
                    <a:pt x="2240" y="2162"/>
                    <a:pt x="2231" y="2156"/>
                    <a:pt x="2229" y="2156"/>
                  </a:cubicBezTo>
                  <a:cubicBezTo>
                    <a:pt x="2225" y="2156"/>
                    <a:pt x="2260" y="2189"/>
                    <a:pt x="2301" y="2227"/>
                  </a:cubicBezTo>
                  <a:cubicBezTo>
                    <a:pt x="2357" y="2279"/>
                    <a:pt x="2427" y="2341"/>
                    <a:pt x="2417" y="2349"/>
                  </a:cubicBezTo>
                  <a:lnTo>
                    <a:pt x="2417" y="2349"/>
                  </a:lnTo>
                  <a:cubicBezTo>
                    <a:pt x="2418" y="2349"/>
                    <a:pt x="2419" y="2348"/>
                    <a:pt x="2420" y="2348"/>
                  </a:cubicBezTo>
                  <a:cubicBezTo>
                    <a:pt x="2462" y="2348"/>
                    <a:pt x="2729" y="2618"/>
                    <a:pt x="2782" y="2627"/>
                  </a:cubicBezTo>
                  <a:lnTo>
                    <a:pt x="2694" y="2544"/>
                  </a:lnTo>
                  <a:lnTo>
                    <a:pt x="2706" y="2572"/>
                  </a:lnTo>
                  <a:cubicBezTo>
                    <a:pt x="2606" y="2486"/>
                    <a:pt x="2518" y="2421"/>
                    <a:pt x="2419" y="2326"/>
                  </a:cubicBezTo>
                  <a:lnTo>
                    <a:pt x="2419" y="2326"/>
                  </a:lnTo>
                  <a:cubicBezTo>
                    <a:pt x="2441" y="2342"/>
                    <a:pt x="2451" y="2347"/>
                    <a:pt x="2456" y="2347"/>
                  </a:cubicBezTo>
                  <a:cubicBezTo>
                    <a:pt x="2465" y="2347"/>
                    <a:pt x="2455" y="2329"/>
                    <a:pt x="2464" y="2329"/>
                  </a:cubicBezTo>
                  <a:cubicBezTo>
                    <a:pt x="2470" y="2329"/>
                    <a:pt x="2483" y="2335"/>
                    <a:pt x="2511" y="2356"/>
                  </a:cubicBezTo>
                  <a:cubicBezTo>
                    <a:pt x="2602" y="2423"/>
                    <a:pt x="2613" y="2438"/>
                    <a:pt x="2604" y="2438"/>
                  </a:cubicBezTo>
                  <a:cubicBezTo>
                    <a:pt x="2596" y="2438"/>
                    <a:pt x="2575" y="2428"/>
                    <a:pt x="2570" y="2428"/>
                  </a:cubicBezTo>
                  <a:cubicBezTo>
                    <a:pt x="2568" y="2428"/>
                    <a:pt x="2568" y="2430"/>
                    <a:pt x="2572" y="2433"/>
                  </a:cubicBezTo>
                  <a:cubicBezTo>
                    <a:pt x="2623" y="2467"/>
                    <a:pt x="2671" y="2505"/>
                    <a:pt x="2722" y="2542"/>
                  </a:cubicBezTo>
                  <a:cubicBezTo>
                    <a:pt x="2694" y="2509"/>
                    <a:pt x="2664" y="2479"/>
                    <a:pt x="2636" y="2447"/>
                  </a:cubicBezTo>
                  <a:lnTo>
                    <a:pt x="2636" y="2447"/>
                  </a:lnTo>
                  <a:cubicBezTo>
                    <a:pt x="2748" y="2539"/>
                    <a:pt x="2901" y="2664"/>
                    <a:pt x="3051" y="2796"/>
                  </a:cubicBezTo>
                  <a:cubicBezTo>
                    <a:pt x="3133" y="2874"/>
                    <a:pt x="3147" y="2891"/>
                    <a:pt x="3141" y="2891"/>
                  </a:cubicBezTo>
                  <a:cubicBezTo>
                    <a:pt x="3136" y="2891"/>
                    <a:pt x="3118" y="2879"/>
                    <a:pt x="3113" y="2879"/>
                  </a:cubicBezTo>
                  <a:cubicBezTo>
                    <a:pt x="3108" y="2879"/>
                    <a:pt x="3116" y="2891"/>
                    <a:pt x="3162" y="2938"/>
                  </a:cubicBezTo>
                  <a:cubicBezTo>
                    <a:pt x="3241" y="2991"/>
                    <a:pt x="3227" y="2970"/>
                    <a:pt x="3331" y="3058"/>
                  </a:cubicBezTo>
                  <a:cubicBezTo>
                    <a:pt x="3280" y="3005"/>
                    <a:pt x="3227" y="2979"/>
                    <a:pt x="3190" y="2947"/>
                  </a:cubicBezTo>
                  <a:cubicBezTo>
                    <a:pt x="3185" y="2940"/>
                    <a:pt x="3185" y="2936"/>
                    <a:pt x="3188" y="2936"/>
                  </a:cubicBezTo>
                  <a:cubicBezTo>
                    <a:pt x="3206" y="2936"/>
                    <a:pt x="3361" y="3069"/>
                    <a:pt x="3382" y="3069"/>
                  </a:cubicBezTo>
                  <a:cubicBezTo>
                    <a:pt x="3384" y="3069"/>
                    <a:pt x="3385" y="3069"/>
                    <a:pt x="3385" y="3067"/>
                  </a:cubicBezTo>
                  <a:cubicBezTo>
                    <a:pt x="3406" y="3092"/>
                    <a:pt x="3411" y="3102"/>
                    <a:pt x="3402" y="3102"/>
                  </a:cubicBezTo>
                  <a:cubicBezTo>
                    <a:pt x="3397" y="3102"/>
                    <a:pt x="3385" y="3097"/>
                    <a:pt x="3368" y="3088"/>
                  </a:cubicBezTo>
                  <a:lnTo>
                    <a:pt x="3368" y="3088"/>
                  </a:lnTo>
                  <a:cubicBezTo>
                    <a:pt x="3415" y="3121"/>
                    <a:pt x="3459" y="3158"/>
                    <a:pt x="3501" y="3190"/>
                  </a:cubicBezTo>
                  <a:cubicBezTo>
                    <a:pt x="3542" y="3223"/>
                    <a:pt x="3582" y="3255"/>
                    <a:pt x="3619" y="3285"/>
                  </a:cubicBezTo>
                  <a:cubicBezTo>
                    <a:pt x="3674" y="3329"/>
                    <a:pt x="3725" y="3380"/>
                    <a:pt x="3769" y="3436"/>
                  </a:cubicBezTo>
                  <a:lnTo>
                    <a:pt x="3862" y="3475"/>
                  </a:lnTo>
                  <a:cubicBezTo>
                    <a:pt x="3940" y="3539"/>
                    <a:pt x="3963" y="3560"/>
                    <a:pt x="3958" y="3560"/>
                  </a:cubicBezTo>
                  <a:cubicBezTo>
                    <a:pt x="3953" y="3560"/>
                    <a:pt x="3924" y="3542"/>
                    <a:pt x="3894" y="3521"/>
                  </a:cubicBezTo>
                  <a:cubicBezTo>
                    <a:pt x="3859" y="3500"/>
                    <a:pt x="3824" y="3477"/>
                    <a:pt x="3818" y="3477"/>
                  </a:cubicBezTo>
                  <a:cubicBezTo>
                    <a:pt x="3813" y="3477"/>
                    <a:pt x="3830" y="3494"/>
                    <a:pt x="3887" y="3545"/>
                  </a:cubicBezTo>
                  <a:cubicBezTo>
                    <a:pt x="3971" y="3614"/>
                    <a:pt x="4059" y="3677"/>
                    <a:pt x="4151" y="3735"/>
                  </a:cubicBezTo>
                  <a:lnTo>
                    <a:pt x="4059" y="3663"/>
                  </a:lnTo>
                  <a:lnTo>
                    <a:pt x="4059" y="3663"/>
                  </a:lnTo>
                  <a:cubicBezTo>
                    <a:pt x="4138" y="3707"/>
                    <a:pt x="4140" y="3695"/>
                    <a:pt x="4258" y="3774"/>
                  </a:cubicBezTo>
                  <a:cubicBezTo>
                    <a:pt x="4337" y="3836"/>
                    <a:pt x="4283" y="3818"/>
                    <a:pt x="4390" y="3878"/>
                  </a:cubicBezTo>
                  <a:cubicBezTo>
                    <a:pt x="4503" y="3968"/>
                    <a:pt x="4523" y="3992"/>
                    <a:pt x="4506" y="3992"/>
                  </a:cubicBezTo>
                  <a:cubicBezTo>
                    <a:pt x="4495" y="3992"/>
                    <a:pt x="4465" y="3980"/>
                    <a:pt x="4437" y="3970"/>
                  </a:cubicBezTo>
                  <a:lnTo>
                    <a:pt x="4437" y="3970"/>
                  </a:lnTo>
                  <a:cubicBezTo>
                    <a:pt x="4522" y="4029"/>
                    <a:pt x="4629" y="4107"/>
                    <a:pt x="4649" y="4110"/>
                  </a:cubicBezTo>
                  <a:cubicBezTo>
                    <a:pt x="4648" y="4111"/>
                    <a:pt x="4646" y="4112"/>
                    <a:pt x="4642" y="4112"/>
                  </a:cubicBezTo>
                  <a:cubicBezTo>
                    <a:pt x="4632" y="4112"/>
                    <a:pt x="4613" y="4107"/>
                    <a:pt x="4580" y="4089"/>
                  </a:cubicBezTo>
                  <a:lnTo>
                    <a:pt x="4580" y="4089"/>
                  </a:lnTo>
                  <a:cubicBezTo>
                    <a:pt x="4508" y="4021"/>
                    <a:pt x="4483" y="4009"/>
                    <a:pt x="4473" y="4009"/>
                  </a:cubicBezTo>
                  <a:cubicBezTo>
                    <a:pt x="4468" y="4009"/>
                    <a:pt x="4467" y="4012"/>
                    <a:pt x="4464" y="4012"/>
                  </a:cubicBezTo>
                  <a:cubicBezTo>
                    <a:pt x="4461" y="4012"/>
                    <a:pt x="4457" y="4007"/>
                    <a:pt x="4441" y="3985"/>
                  </a:cubicBezTo>
                  <a:lnTo>
                    <a:pt x="4407" y="3959"/>
                  </a:lnTo>
                  <a:lnTo>
                    <a:pt x="4407" y="3959"/>
                  </a:lnTo>
                  <a:cubicBezTo>
                    <a:pt x="4400" y="3957"/>
                    <a:pt x="4395" y="3955"/>
                    <a:pt x="4390" y="3955"/>
                  </a:cubicBezTo>
                  <a:lnTo>
                    <a:pt x="4390" y="3955"/>
                  </a:lnTo>
                  <a:cubicBezTo>
                    <a:pt x="4446" y="4001"/>
                    <a:pt x="4453" y="4015"/>
                    <a:pt x="4442" y="4015"/>
                  </a:cubicBezTo>
                  <a:cubicBezTo>
                    <a:pt x="4442" y="4015"/>
                    <a:pt x="4442" y="4015"/>
                    <a:pt x="4442" y="4015"/>
                  </a:cubicBezTo>
                  <a:lnTo>
                    <a:pt x="4442" y="4015"/>
                  </a:lnTo>
                  <a:lnTo>
                    <a:pt x="4506" y="4049"/>
                  </a:lnTo>
                  <a:lnTo>
                    <a:pt x="4506" y="4049"/>
                  </a:lnTo>
                  <a:lnTo>
                    <a:pt x="4545" y="4107"/>
                  </a:lnTo>
                  <a:cubicBezTo>
                    <a:pt x="4608" y="4156"/>
                    <a:pt x="4661" y="4172"/>
                    <a:pt x="4689" y="4207"/>
                  </a:cubicBezTo>
                  <a:cubicBezTo>
                    <a:pt x="4710" y="4228"/>
                    <a:pt x="4711" y="4234"/>
                    <a:pt x="4704" y="4234"/>
                  </a:cubicBezTo>
                  <a:cubicBezTo>
                    <a:pt x="4694" y="4234"/>
                    <a:pt x="4668" y="4222"/>
                    <a:pt x="4661" y="4222"/>
                  </a:cubicBezTo>
                  <a:cubicBezTo>
                    <a:pt x="4652" y="4222"/>
                    <a:pt x="4669" y="4238"/>
                    <a:pt x="4763" y="4307"/>
                  </a:cubicBezTo>
                  <a:cubicBezTo>
                    <a:pt x="4839" y="4365"/>
                    <a:pt x="4920" y="4418"/>
                    <a:pt x="5006" y="4462"/>
                  </a:cubicBezTo>
                  <a:cubicBezTo>
                    <a:pt x="5034" y="4473"/>
                    <a:pt x="5057" y="4487"/>
                    <a:pt x="5087" y="4504"/>
                  </a:cubicBezTo>
                  <a:cubicBezTo>
                    <a:pt x="5122" y="4522"/>
                    <a:pt x="5157" y="4545"/>
                    <a:pt x="5192" y="4568"/>
                  </a:cubicBezTo>
                  <a:cubicBezTo>
                    <a:pt x="5157" y="4538"/>
                    <a:pt x="5120" y="4511"/>
                    <a:pt x="5078" y="4485"/>
                  </a:cubicBezTo>
                  <a:lnTo>
                    <a:pt x="5078" y="4485"/>
                  </a:lnTo>
                  <a:cubicBezTo>
                    <a:pt x="5090" y="4491"/>
                    <a:pt x="5096" y="4493"/>
                    <a:pt x="5099" y="4493"/>
                  </a:cubicBezTo>
                  <a:cubicBezTo>
                    <a:pt x="5109" y="4493"/>
                    <a:pt x="5092" y="4476"/>
                    <a:pt x="5100" y="4476"/>
                  </a:cubicBezTo>
                  <a:cubicBezTo>
                    <a:pt x="5104" y="4476"/>
                    <a:pt x="5117" y="4482"/>
                    <a:pt x="5148" y="4499"/>
                  </a:cubicBezTo>
                  <a:cubicBezTo>
                    <a:pt x="5189" y="4552"/>
                    <a:pt x="5375" y="4673"/>
                    <a:pt x="5518" y="4765"/>
                  </a:cubicBezTo>
                  <a:cubicBezTo>
                    <a:pt x="5514" y="4764"/>
                    <a:pt x="5511" y="4763"/>
                    <a:pt x="5509" y="4763"/>
                  </a:cubicBezTo>
                  <a:cubicBezTo>
                    <a:pt x="5492" y="4763"/>
                    <a:pt x="5536" y="4800"/>
                    <a:pt x="5525" y="4800"/>
                  </a:cubicBezTo>
                  <a:cubicBezTo>
                    <a:pt x="5523" y="4800"/>
                    <a:pt x="5518" y="4799"/>
                    <a:pt x="5511" y="4795"/>
                  </a:cubicBezTo>
                  <a:lnTo>
                    <a:pt x="5511" y="4795"/>
                  </a:lnTo>
                  <a:cubicBezTo>
                    <a:pt x="5569" y="4833"/>
                    <a:pt x="5629" y="4863"/>
                    <a:pt x="5692" y="4890"/>
                  </a:cubicBezTo>
                  <a:cubicBezTo>
                    <a:pt x="5627" y="4846"/>
                    <a:pt x="5607" y="4830"/>
                    <a:pt x="5612" y="4830"/>
                  </a:cubicBezTo>
                  <a:cubicBezTo>
                    <a:pt x="5624" y="4830"/>
                    <a:pt x="5800" y="4935"/>
                    <a:pt x="5816" y="4935"/>
                  </a:cubicBezTo>
                  <a:cubicBezTo>
                    <a:pt x="5822" y="4935"/>
                    <a:pt x="5810" y="4924"/>
                    <a:pt x="5768" y="4893"/>
                  </a:cubicBezTo>
                  <a:lnTo>
                    <a:pt x="5768" y="4893"/>
                  </a:lnTo>
                  <a:cubicBezTo>
                    <a:pt x="5882" y="4962"/>
                    <a:pt x="5947" y="5011"/>
                    <a:pt x="6000" y="5050"/>
                  </a:cubicBezTo>
                  <a:cubicBezTo>
                    <a:pt x="6056" y="5090"/>
                    <a:pt x="6097" y="5124"/>
                    <a:pt x="6167" y="5171"/>
                  </a:cubicBezTo>
                  <a:cubicBezTo>
                    <a:pt x="6159" y="5171"/>
                    <a:pt x="6031" y="5102"/>
                    <a:pt x="6020" y="5102"/>
                  </a:cubicBezTo>
                  <a:cubicBezTo>
                    <a:pt x="6015" y="5102"/>
                    <a:pt x="6033" y="5115"/>
                    <a:pt x="6095" y="5155"/>
                  </a:cubicBezTo>
                  <a:cubicBezTo>
                    <a:pt x="6164" y="5188"/>
                    <a:pt x="6193" y="5199"/>
                    <a:pt x="6202" y="5199"/>
                  </a:cubicBezTo>
                  <a:cubicBezTo>
                    <a:pt x="6218" y="5199"/>
                    <a:pt x="6173" y="5164"/>
                    <a:pt x="6192" y="5164"/>
                  </a:cubicBezTo>
                  <a:cubicBezTo>
                    <a:pt x="6201" y="5164"/>
                    <a:pt x="6221" y="5171"/>
                    <a:pt x="6264" y="5189"/>
                  </a:cubicBezTo>
                  <a:lnTo>
                    <a:pt x="6120" y="5094"/>
                  </a:lnTo>
                  <a:cubicBezTo>
                    <a:pt x="6120" y="5091"/>
                    <a:pt x="6122" y="5090"/>
                    <a:pt x="6125" y="5090"/>
                  </a:cubicBezTo>
                  <a:cubicBezTo>
                    <a:pt x="6161" y="5090"/>
                    <a:pt x="6384" y="5240"/>
                    <a:pt x="6422" y="5256"/>
                  </a:cubicBezTo>
                  <a:cubicBezTo>
                    <a:pt x="6439" y="5269"/>
                    <a:pt x="6444" y="5273"/>
                    <a:pt x="6441" y="5273"/>
                  </a:cubicBezTo>
                  <a:cubicBezTo>
                    <a:pt x="6434" y="5273"/>
                    <a:pt x="6366" y="5236"/>
                    <a:pt x="6354" y="5236"/>
                  </a:cubicBezTo>
                  <a:cubicBezTo>
                    <a:pt x="6349" y="5236"/>
                    <a:pt x="6353" y="5242"/>
                    <a:pt x="6371" y="5256"/>
                  </a:cubicBezTo>
                  <a:cubicBezTo>
                    <a:pt x="6424" y="5291"/>
                    <a:pt x="6479" y="5321"/>
                    <a:pt x="6537" y="5349"/>
                  </a:cubicBezTo>
                  <a:cubicBezTo>
                    <a:pt x="6584" y="5370"/>
                    <a:pt x="6625" y="5393"/>
                    <a:pt x="6667" y="5421"/>
                  </a:cubicBezTo>
                  <a:cubicBezTo>
                    <a:pt x="6572" y="5391"/>
                    <a:pt x="6630" y="5414"/>
                    <a:pt x="6523" y="5375"/>
                  </a:cubicBezTo>
                  <a:lnTo>
                    <a:pt x="6523" y="5375"/>
                  </a:lnTo>
                  <a:cubicBezTo>
                    <a:pt x="6671" y="5455"/>
                    <a:pt x="6681" y="5465"/>
                    <a:pt x="6669" y="5465"/>
                  </a:cubicBezTo>
                  <a:cubicBezTo>
                    <a:pt x="6665" y="5465"/>
                    <a:pt x="6659" y="5463"/>
                    <a:pt x="6654" y="5463"/>
                  </a:cubicBezTo>
                  <a:cubicBezTo>
                    <a:pt x="6642" y="5463"/>
                    <a:pt x="6644" y="5472"/>
                    <a:pt x="6741" y="5530"/>
                  </a:cubicBezTo>
                  <a:cubicBezTo>
                    <a:pt x="6822" y="5571"/>
                    <a:pt x="6778" y="5530"/>
                    <a:pt x="6906" y="5602"/>
                  </a:cubicBezTo>
                  <a:cubicBezTo>
                    <a:pt x="6839" y="5546"/>
                    <a:pt x="6852" y="5544"/>
                    <a:pt x="6646" y="5430"/>
                  </a:cubicBezTo>
                  <a:lnTo>
                    <a:pt x="6646" y="5430"/>
                  </a:lnTo>
                  <a:cubicBezTo>
                    <a:pt x="6688" y="5437"/>
                    <a:pt x="6755" y="5477"/>
                    <a:pt x="6832" y="5521"/>
                  </a:cubicBezTo>
                  <a:cubicBezTo>
                    <a:pt x="6906" y="5569"/>
                    <a:pt x="6987" y="5611"/>
                    <a:pt x="7068" y="5643"/>
                  </a:cubicBezTo>
                  <a:cubicBezTo>
                    <a:pt x="7017" y="5613"/>
                    <a:pt x="6961" y="5585"/>
                    <a:pt x="6906" y="5560"/>
                  </a:cubicBezTo>
                  <a:cubicBezTo>
                    <a:pt x="6901" y="5540"/>
                    <a:pt x="6881" y="5522"/>
                    <a:pt x="6901" y="5522"/>
                  </a:cubicBezTo>
                  <a:cubicBezTo>
                    <a:pt x="6913" y="5522"/>
                    <a:pt x="6936" y="5527"/>
                    <a:pt x="6980" y="5541"/>
                  </a:cubicBezTo>
                  <a:cubicBezTo>
                    <a:pt x="6910" y="5511"/>
                    <a:pt x="6859" y="5490"/>
                    <a:pt x="6801" y="5465"/>
                  </a:cubicBezTo>
                  <a:cubicBezTo>
                    <a:pt x="6725" y="5435"/>
                    <a:pt x="6653" y="5398"/>
                    <a:pt x="6584" y="5356"/>
                  </a:cubicBezTo>
                  <a:cubicBezTo>
                    <a:pt x="6578" y="5349"/>
                    <a:pt x="6579" y="5346"/>
                    <a:pt x="6584" y="5346"/>
                  </a:cubicBezTo>
                  <a:cubicBezTo>
                    <a:pt x="6614" y="5346"/>
                    <a:pt x="6794" y="5445"/>
                    <a:pt x="6837" y="5445"/>
                  </a:cubicBezTo>
                  <a:cubicBezTo>
                    <a:pt x="6841" y="5445"/>
                    <a:pt x="6844" y="5444"/>
                    <a:pt x="6845" y="5442"/>
                  </a:cubicBezTo>
                  <a:cubicBezTo>
                    <a:pt x="6871" y="5451"/>
                    <a:pt x="6903" y="5467"/>
                    <a:pt x="6940" y="5486"/>
                  </a:cubicBezTo>
                  <a:cubicBezTo>
                    <a:pt x="6980" y="5504"/>
                    <a:pt x="7019" y="5527"/>
                    <a:pt x="7061" y="5548"/>
                  </a:cubicBezTo>
                  <a:cubicBezTo>
                    <a:pt x="7144" y="5595"/>
                    <a:pt x="7228" y="5643"/>
                    <a:pt x="7279" y="5678"/>
                  </a:cubicBezTo>
                  <a:lnTo>
                    <a:pt x="7589" y="5805"/>
                  </a:lnTo>
                  <a:cubicBezTo>
                    <a:pt x="7679" y="5845"/>
                    <a:pt x="7774" y="5877"/>
                    <a:pt x="7869" y="5907"/>
                  </a:cubicBezTo>
                  <a:cubicBezTo>
                    <a:pt x="8006" y="5975"/>
                    <a:pt x="8363" y="6109"/>
                    <a:pt x="8629" y="6218"/>
                  </a:cubicBezTo>
                  <a:cubicBezTo>
                    <a:pt x="8659" y="6242"/>
                    <a:pt x="8857" y="6319"/>
                    <a:pt x="8837" y="6319"/>
                  </a:cubicBezTo>
                  <a:cubicBezTo>
                    <a:pt x="8832" y="6319"/>
                    <a:pt x="8818" y="6316"/>
                    <a:pt x="8791" y="6308"/>
                  </a:cubicBezTo>
                  <a:lnTo>
                    <a:pt x="8791" y="6308"/>
                  </a:lnTo>
                  <a:cubicBezTo>
                    <a:pt x="8829" y="6319"/>
                    <a:pt x="8966" y="6365"/>
                    <a:pt x="8987" y="6365"/>
                  </a:cubicBezTo>
                  <a:cubicBezTo>
                    <a:pt x="8992" y="6365"/>
                    <a:pt x="8991" y="6362"/>
                    <a:pt x="8981" y="6357"/>
                  </a:cubicBezTo>
                  <a:cubicBezTo>
                    <a:pt x="8949" y="6347"/>
                    <a:pt x="8916" y="6336"/>
                    <a:pt x="8884" y="6322"/>
                  </a:cubicBezTo>
                  <a:lnTo>
                    <a:pt x="8933" y="6322"/>
                  </a:lnTo>
                  <a:cubicBezTo>
                    <a:pt x="9062" y="6375"/>
                    <a:pt x="9215" y="6410"/>
                    <a:pt x="9336" y="6463"/>
                  </a:cubicBezTo>
                  <a:cubicBezTo>
                    <a:pt x="9340" y="6467"/>
                    <a:pt x="9340" y="6468"/>
                    <a:pt x="9337" y="6468"/>
                  </a:cubicBezTo>
                  <a:cubicBezTo>
                    <a:pt x="9317" y="6468"/>
                    <a:pt x="9187" y="6421"/>
                    <a:pt x="9166" y="6421"/>
                  </a:cubicBezTo>
                  <a:cubicBezTo>
                    <a:pt x="9161" y="6421"/>
                    <a:pt x="9163" y="6425"/>
                    <a:pt x="9178" y="6433"/>
                  </a:cubicBezTo>
                  <a:cubicBezTo>
                    <a:pt x="9229" y="6442"/>
                    <a:pt x="9280" y="6456"/>
                    <a:pt x="9331" y="6470"/>
                  </a:cubicBezTo>
                  <a:cubicBezTo>
                    <a:pt x="9398" y="6489"/>
                    <a:pt x="9479" y="6510"/>
                    <a:pt x="9558" y="6533"/>
                  </a:cubicBezTo>
                  <a:cubicBezTo>
                    <a:pt x="9639" y="6556"/>
                    <a:pt x="9720" y="6581"/>
                    <a:pt x="9790" y="6605"/>
                  </a:cubicBezTo>
                  <a:cubicBezTo>
                    <a:pt x="9861" y="6628"/>
                    <a:pt x="9924" y="6644"/>
                    <a:pt x="9961" y="6658"/>
                  </a:cubicBezTo>
                  <a:cubicBezTo>
                    <a:pt x="10068" y="6690"/>
                    <a:pt x="10075" y="6716"/>
                    <a:pt x="10119" y="6732"/>
                  </a:cubicBezTo>
                  <a:lnTo>
                    <a:pt x="10299" y="6781"/>
                  </a:lnTo>
                  <a:cubicBezTo>
                    <a:pt x="10315" y="6795"/>
                    <a:pt x="10334" y="6806"/>
                    <a:pt x="10353" y="6818"/>
                  </a:cubicBezTo>
                  <a:cubicBezTo>
                    <a:pt x="10420" y="6839"/>
                    <a:pt x="10489" y="6852"/>
                    <a:pt x="10561" y="6862"/>
                  </a:cubicBezTo>
                  <a:cubicBezTo>
                    <a:pt x="10698" y="6904"/>
                    <a:pt x="10710" y="6916"/>
                    <a:pt x="10671" y="6916"/>
                  </a:cubicBezTo>
                  <a:cubicBezTo>
                    <a:pt x="10644" y="6916"/>
                    <a:pt x="10591" y="6910"/>
                    <a:pt x="10538" y="6903"/>
                  </a:cubicBezTo>
                  <a:lnTo>
                    <a:pt x="10406" y="6864"/>
                  </a:lnTo>
                  <a:cubicBezTo>
                    <a:pt x="10336" y="6856"/>
                    <a:pt x="10248" y="6832"/>
                    <a:pt x="10226" y="6832"/>
                  </a:cubicBezTo>
                  <a:cubicBezTo>
                    <a:pt x="10216" y="6832"/>
                    <a:pt x="10219" y="6837"/>
                    <a:pt x="10244" y="6850"/>
                  </a:cubicBezTo>
                  <a:cubicBezTo>
                    <a:pt x="10267" y="6857"/>
                    <a:pt x="10290" y="6860"/>
                    <a:pt x="10314" y="6860"/>
                  </a:cubicBezTo>
                  <a:cubicBezTo>
                    <a:pt x="10321" y="6860"/>
                    <a:pt x="10329" y="6860"/>
                    <a:pt x="10336" y="6859"/>
                  </a:cubicBezTo>
                  <a:lnTo>
                    <a:pt x="10413" y="6887"/>
                  </a:lnTo>
                  <a:cubicBezTo>
                    <a:pt x="10482" y="6897"/>
                    <a:pt x="10644" y="6932"/>
                    <a:pt x="10688" y="6932"/>
                  </a:cubicBezTo>
                  <a:cubicBezTo>
                    <a:pt x="10697" y="6932"/>
                    <a:pt x="10701" y="6930"/>
                    <a:pt x="10698" y="6927"/>
                  </a:cubicBezTo>
                  <a:lnTo>
                    <a:pt x="10698" y="6927"/>
                  </a:lnTo>
                  <a:cubicBezTo>
                    <a:pt x="10737" y="6941"/>
                    <a:pt x="10779" y="6952"/>
                    <a:pt x="10820" y="6961"/>
                  </a:cubicBezTo>
                  <a:lnTo>
                    <a:pt x="10950" y="6987"/>
                  </a:lnTo>
                  <a:cubicBezTo>
                    <a:pt x="11036" y="7003"/>
                    <a:pt x="11117" y="7022"/>
                    <a:pt x="11189" y="7042"/>
                  </a:cubicBezTo>
                  <a:cubicBezTo>
                    <a:pt x="11092" y="7012"/>
                    <a:pt x="11219" y="7031"/>
                    <a:pt x="11191" y="7012"/>
                  </a:cubicBezTo>
                  <a:lnTo>
                    <a:pt x="11017" y="6973"/>
                  </a:lnTo>
                  <a:lnTo>
                    <a:pt x="11017" y="6973"/>
                  </a:lnTo>
                  <a:lnTo>
                    <a:pt x="11258" y="7012"/>
                  </a:lnTo>
                  <a:lnTo>
                    <a:pt x="11321" y="7024"/>
                  </a:lnTo>
                  <a:lnTo>
                    <a:pt x="11381" y="7033"/>
                  </a:lnTo>
                  <a:cubicBezTo>
                    <a:pt x="11423" y="7040"/>
                    <a:pt x="11460" y="7047"/>
                    <a:pt x="11492" y="7056"/>
                  </a:cubicBezTo>
                  <a:cubicBezTo>
                    <a:pt x="11474" y="7063"/>
                    <a:pt x="11467" y="7066"/>
                    <a:pt x="11534" y="7084"/>
                  </a:cubicBezTo>
                  <a:cubicBezTo>
                    <a:pt x="11511" y="7077"/>
                    <a:pt x="11515" y="7075"/>
                    <a:pt x="11529" y="7075"/>
                  </a:cubicBezTo>
                  <a:cubicBezTo>
                    <a:pt x="11553" y="7075"/>
                    <a:pt x="11608" y="7081"/>
                    <a:pt x="11633" y="7081"/>
                  </a:cubicBezTo>
                  <a:cubicBezTo>
                    <a:pt x="11655" y="7081"/>
                    <a:pt x="11653" y="7076"/>
                    <a:pt x="11580" y="7059"/>
                  </a:cubicBezTo>
                  <a:cubicBezTo>
                    <a:pt x="11504" y="7052"/>
                    <a:pt x="11432" y="7042"/>
                    <a:pt x="11335" y="7024"/>
                  </a:cubicBezTo>
                  <a:cubicBezTo>
                    <a:pt x="11311" y="7012"/>
                    <a:pt x="11321" y="7008"/>
                    <a:pt x="11347" y="7008"/>
                  </a:cubicBezTo>
                  <a:cubicBezTo>
                    <a:pt x="11386" y="7008"/>
                    <a:pt x="11464" y="7017"/>
                    <a:pt x="11518" y="7017"/>
                  </a:cubicBezTo>
                  <a:lnTo>
                    <a:pt x="11735" y="7045"/>
                  </a:lnTo>
                  <a:cubicBezTo>
                    <a:pt x="11777" y="7049"/>
                    <a:pt x="11821" y="7056"/>
                    <a:pt x="11863" y="7059"/>
                  </a:cubicBezTo>
                  <a:lnTo>
                    <a:pt x="11983" y="7068"/>
                  </a:lnTo>
                  <a:cubicBezTo>
                    <a:pt x="12074" y="7084"/>
                    <a:pt x="12099" y="7110"/>
                    <a:pt x="12257" y="7114"/>
                  </a:cubicBezTo>
                  <a:cubicBezTo>
                    <a:pt x="12157" y="7093"/>
                    <a:pt x="12206" y="7091"/>
                    <a:pt x="12284" y="7091"/>
                  </a:cubicBezTo>
                  <a:lnTo>
                    <a:pt x="12349" y="7091"/>
                  </a:lnTo>
                  <a:lnTo>
                    <a:pt x="12414" y="7089"/>
                  </a:lnTo>
                  <a:cubicBezTo>
                    <a:pt x="12419" y="7089"/>
                    <a:pt x="12424" y="7089"/>
                    <a:pt x="12430" y="7089"/>
                  </a:cubicBezTo>
                  <a:cubicBezTo>
                    <a:pt x="12453" y="7089"/>
                    <a:pt x="12478" y="7086"/>
                    <a:pt x="12502" y="7082"/>
                  </a:cubicBezTo>
                  <a:cubicBezTo>
                    <a:pt x="12653" y="7103"/>
                    <a:pt x="12748" y="7082"/>
                    <a:pt x="12868" y="7110"/>
                  </a:cubicBezTo>
                  <a:cubicBezTo>
                    <a:pt x="12864" y="7110"/>
                    <a:pt x="12860" y="7110"/>
                    <a:pt x="12855" y="7110"/>
                  </a:cubicBezTo>
                  <a:cubicBezTo>
                    <a:pt x="12798" y="7110"/>
                    <a:pt x="12669" y="7101"/>
                    <a:pt x="12583" y="7101"/>
                  </a:cubicBezTo>
                  <a:cubicBezTo>
                    <a:pt x="12553" y="7101"/>
                    <a:pt x="12528" y="7102"/>
                    <a:pt x="12514" y="7105"/>
                  </a:cubicBezTo>
                  <a:cubicBezTo>
                    <a:pt x="12506" y="7117"/>
                    <a:pt x="12546" y="7140"/>
                    <a:pt x="12419" y="7140"/>
                  </a:cubicBezTo>
                  <a:cubicBezTo>
                    <a:pt x="12396" y="7140"/>
                    <a:pt x="12367" y="7139"/>
                    <a:pt x="12331" y="7137"/>
                  </a:cubicBezTo>
                  <a:lnTo>
                    <a:pt x="12331" y="7137"/>
                  </a:lnTo>
                  <a:cubicBezTo>
                    <a:pt x="12425" y="7147"/>
                    <a:pt x="12474" y="7150"/>
                    <a:pt x="12503" y="7150"/>
                  </a:cubicBezTo>
                  <a:cubicBezTo>
                    <a:pt x="12552" y="7150"/>
                    <a:pt x="12543" y="7142"/>
                    <a:pt x="12596" y="7142"/>
                  </a:cubicBezTo>
                  <a:cubicBezTo>
                    <a:pt x="12604" y="7142"/>
                    <a:pt x="12612" y="7142"/>
                    <a:pt x="12623" y="7142"/>
                  </a:cubicBezTo>
                  <a:lnTo>
                    <a:pt x="12528" y="7135"/>
                  </a:lnTo>
                  <a:cubicBezTo>
                    <a:pt x="12566" y="7133"/>
                    <a:pt x="12509" y="7120"/>
                    <a:pt x="12550" y="7120"/>
                  </a:cubicBezTo>
                  <a:cubicBezTo>
                    <a:pt x="12556" y="7120"/>
                    <a:pt x="12564" y="7121"/>
                    <a:pt x="12574" y="7121"/>
                  </a:cubicBezTo>
                  <a:cubicBezTo>
                    <a:pt x="12657" y="7128"/>
                    <a:pt x="12720" y="7137"/>
                    <a:pt x="12773" y="7142"/>
                  </a:cubicBezTo>
                  <a:cubicBezTo>
                    <a:pt x="12829" y="7149"/>
                    <a:pt x="12873" y="7156"/>
                    <a:pt x="12915" y="7161"/>
                  </a:cubicBezTo>
                  <a:lnTo>
                    <a:pt x="13174" y="7193"/>
                  </a:lnTo>
                  <a:cubicBezTo>
                    <a:pt x="13125" y="7181"/>
                    <a:pt x="13227" y="7174"/>
                    <a:pt x="13278" y="7174"/>
                  </a:cubicBezTo>
                  <a:cubicBezTo>
                    <a:pt x="13491" y="7195"/>
                    <a:pt x="13276" y="7207"/>
                    <a:pt x="13406" y="7232"/>
                  </a:cubicBezTo>
                  <a:cubicBezTo>
                    <a:pt x="13480" y="7216"/>
                    <a:pt x="13623" y="7218"/>
                    <a:pt x="13575" y="7209"/>
                  </a:cubicBezTo>
                  <a:cubicBezTo>
                    <a:pt x="13660" y="7209"/>
                    <a:pt x="13616" y="7214"/>
                    <a:pt x="13677" y="7216"/>
                  </a:cubicBezTo>
                  <a:cubicBezTo>
                    <a:pt x="13753" y="7200"/>
                    <a:pt x="13832" y="7193"/>
                    <a:pt x="13911" y="7193"/>
                  </a:cubicBezTo>
                  <a:cubicBezTo>
                    <a:pt x="13900" y="7199"/>
                    <a:pt x="13886" y="7210"/>
                    <a:pt x="13799" y="7210"/>
                  </a:cubicBezTo>
                  <a:cubicBezTo>
                    <a:pt x="13796" y="7210"/>
                    <a:pt x="13792" y="7209"/>
                    <a:pt x="13788" y="7209"/>
                  </a:cubicBezTo>
                  <a:lnTo>
                    <a:pt x="13788" y="7209"/>
                  </a:lnTo>
                  <a:cubicBezTo>
                    <a:pt x="13825" y="7211"/>
                    <a:pt x="13863" y="7215"/>
                    <a:pt x="13899" y="7225"/>
                  </a:cubicBezTo>
                  <a:cubicBezTo>
                    <a:pt x="13920" y="7230"/>
                    <a:pt x="13918" y="7239"/>
                    <a:pt x="13890" y="7246"/>
                  </a:cubicBezTo>
                  <a:lnTo>
                    <a:pt x="13686" y="7242"/>
                  </a:lnTo>
                  <a:lnTo>
                    <a:pt x="13686" y="7242"/>
                  </a:lnTo>
                  <a:cubicBezTo>
                    <a:pt x="13591" y="7258"/>
                    <a:pt x="13876" y="7246"/>
                    <a:pt x="13869" y="7260"/>
                  </a:cubicBezTo>
                  <a:cubicBezTo>
                    <a:pt x="13845" y="7261"/>
                    <a:pt x="13823" y="7262"/>
                    <a:pt x="13802" y="7262"/>
                  </a:cubicBezTo>
                  <a:cubicBezTo>
                    <a:pt x="13755" y="7262"/>
                    <a:pt x="13715" y="7260"/>
                    <a:pt x="13680" y="7260"/>
                  </a:cubicBezTo>
                  <a:cubicBezTo>
                    <a:pt x="13671" y="7260"/>
                    <a:pt x="13662" y="7260"/>
                    <a:pt x="13654" y="7260"/>
                  </a:cubicBezTo>
                  <a:cubicBezTo>
                    <a:pt x="13685" y="7265"/>
                    <a:pt x="13717" y="7267"/>
                    <a:pt x="13750" y="7267"/>
                  </a:cubicBezTo>
                  <a:cubicBezTo>
                    <a:pt x="13768" y="7267"/>
                    <a:pt x="13786" y="7266"/>
                    <a:pt x="13804" y="7265"/>
                  </a:cubicBezTo>
                  <a:cubicBezTo>
                    <a:pt x="13837" y="7262"/>
                    <a:pt x="13871" y="7260"/>
                    <a:pt x="13904" y="7258"/>
                  </a:cubicBezTo>
                  <a:cubicBezTo>
                    <a:pt x="13936" y="7256"/>
                    <a:pt x="13966" y="7253"/>
                    <a:pt x="13992" y="7251"/>
                  </a:cubicBezTo>
                  <a:cubicBezTo>
                    <a:pt x="14021" y="7249"/>
                    <a:pt x="14043" y="7249"/>
                    <a:pt x="14060" y="7249"/>
                  </a:cubicBezTo>
                  <a:cubicBezTo>
                    <a:pt x="14138" y="7249"/>
                    <a:pt x="14099" y="7264"/>
                    <a:pt x="14101" y="7269"/>
                  </a:cubicBezTo>
                  <a:cubicBezTo>
                    <a:pt x="14379" y="7228"/>
                    <a:pt x="13776" y="7262"/>
                    <a:pt x="14036" y="7221"/>
                  </a:cubicBezTo>
                  <a:cubicBezTo>
                    <a:pt x="14112" y="7207"/>
                    <a:pt x="14189" y="7198"/>
                    <a:pt x="14267" y="7193"/>
                  </a:cubicBezTo>
                  <a:lnTo>
                    <a:pt x="14413" y="7181"/>
                  </a:lnTo>
                  <a:lnTo>
                    <a:pt x="14555" y="7165"/>
                  </a:lnTo>
                  <a:cubicBezTo>
                    <a:pt x="14404" y="7158"/>
                    <a:pt x="14568" y="7133"/>
                    <a:pt x="14747" y="7107"/>
                  </a:cubicBezTo>
                  <a:lnTo>
                    <a:pt x="14747" y="7107"/>
                  </a:lnTo>
                  <a:cubicBezTo>
                    <a:pt x="14689" y="7113"/>
                    <a:pt x="14656" y="7115"/>
                    <a:pt x="14635" y="7115"/>
                  </a:cubicBezTo>
                  <a:cubicBezTo>
                    <a:pt x="14604" y="7115"/>
                    <a:pt x="14599" y="7111"/>
                    <a:pt x="14576" y="7111"/>
                  </a:cubicBezTo>
                  <a:cubicBezTo>
                    <a:pt x="14554" y="7111"/>
                    <a:pt x="14513" y="7115"/>
                    <a:pt x="14411" y="7130"/>
                  </a:cubicBezTo>
                  <a:lnTo>
                    <a:pt x="14406" y="7114"/>
                  </a:lnTo>
                  <a:cubicBezTo>
                    <a:pt x="14522" y="7103"/>
                    <a:pt x="14659" y="7096"/>
                    <a:pt x="14777" y="7084"/>
                  </a:cubicBezTo>
                  <a:lnTo>
                    <a:pt x="14777" y="7084"/>
                  </a:lnTo>
                  <a:cubicBezTo>
                    <a:pt x="14751" y="7091"/>
                    <a:pt x="14779" y="7091"/>
                    <a:pt x="14742" y="7098"/>
                  </a:cubicBezTo>
                  <a:cubicBezTo>
                    <a:pt x="14858" y="7082"/>
                    <a:pt x="14972" y="7061"/>
                    <a:pt x="15087" y="7045"/>
                  </a:cubicBezTo>
                  <a:lnTo>
                    <a:pt x="15087" y="7045"/>
                  </a:lnTo>
                  <a:lnTo>
                    <a:pt x="15053" y="7059"/>
                  </a:lnTo>
                  <a:cubicBezTo>
                    <a:pt x="15266" y="7029"/>
                    <a:pt x="15528" y="6994"/>
                    <a:pt x="15653" y="6959"/>
                  </a:cubicBezTo>
                  <a:lnTo>
                    <a:pt x="15653" y="6959"/>
                  </a:lnTo>
                  <a:cubicBezTo>
                    <a:pt x="15602" y="6971"/>
                    <a:pt x="15554" y="6977"/>
                    <a:pt x="15531" y="6977"/>
                  </a:cubicBezTo>
                  <a:cubicBezTo>
                    <a:pt x="15509" y="6977"/>
                    <a:pt x="15512" y="6971"/>
                    <a:pt x="15565" y="6957"/>
                  </a:cubicBezTo>
                  <a:cubicBezTo>
                    <a:pt x="15653" y="6929"/>
                    <a:pt x="15741" y="6906"/>
                    <a:pt x="15831" y="6887"/>
                  </a:cubicBezTo>
                  <a:cubicBezTo>
                    <a:pt x="15832" y="6887"/>
                    <a:pt x="15834" y="6887"/>
                    <a:pt x="15836" y="6887"/>
                  </a:cubicBezTo>
                  <a:cubicBezTo>
                    <a:pt x="15882" y="6887"/>
                    <a:pt x="16057" y="6848"/>
                    <a:pt x="16088" y="6848"/>
                  </a:cubicBezTo>
                  <a:cubicBezTo>
                    <a:pt x="16102" y="6848"/>
                    <a:pt x="16087" y="6856"/>
                    <a:pt x="16021" y="6878"/>
                  </a:cubicBezTo>
                  <a:cubicBezTo>
                    <a:pt x="16095" y="6857"/>
                    <a:pt x="16141" y="6843"/>
                    <a:pt x="16176" y="6834"/>
                  </a:cubicBezTo>
                  <a:cubicBezTo>
                    <a:pt x="16213" y="6822"/>
                    <a:pt x="16234" y="6813"/>
                    <a:pt x="16255" y="6804"/>
                  </a:cubicBezTo>
                  <a:cubicBezTo>
                    <a:pt x="16299" y="6788"/>
                    <a:pt x="16341" y="6771"/>
                    <a:pt x="16477" y="6727"/>
                  </a:cubicBezTo>
                  <a:lnTo>
                    <a:pt x="16477" y="6727"/>
                  </a:lnTo>
                  <a:lnTo>
                    <a:pt x="16292" y="6785"/>
                  </a:lnTo>
                  <a:cubicBezTo>
                    <a:pt x="16272" y="6778"/>
                    <a:pt x="16354" y="6737"/>
                    <a:pt x="16311" y="6737"/>
                  </a:cubicBezTo>
                  <a:cubicBezTo>
                    <a:pt x="16298" y="6737"/>
                    <a:pt x="16274" y="6741"/>
                    <a:pt x="16232" y="6751"/>
                  </a:cubicBezTo>
                  <a:cubicBezTo>
                    <a:pt x="16283" y="6737"/>
                    <a:pt x="16334" y="6713"/>
                    <a:pt x="16378" y="6686"/>
                  </a:cubicBezTo>
                  <a:cubicBezTo>
                    <a:pt x="16394" y="6674"/>
                    <a:pt x="16415" y="6665"/>
                    <a:pt x="16433" y="6656"/>
                  </a:cubicBezTo>
                  <a:cubicBezTo>
                    <a:pt x="16463" y="6646"/>
                    <a:pt x="16505" y="6630"/>
                    <a:pt x="16575" y="6607"/>
                  </a:cubicBezTo>
                  <a:cubicBezTo>
                    <a:pt x="16593" y="6602"/>
                    <a:pt x="16605" y="6600"/>
                    <a:pt x="16612" y="6600"/>
                  </a:cubicBezTo>
                  <a:cubicBezTo>
                    <a:pt x="16624" y="6600"/>
                    <a:pt x="16613" y="6609"/>
                    <a:pt x="16586" y="6623"/>
                  </a:cubicBezTo>
                  <a:cubicBezTo>
                    <a:pt x="16565" y="6632"/>
                    <a:pt x="16537" y="6646"/>
                    <a:pt x="16505" y="6660"/>
                  </a:cubicBezTo>
                  <a:cubicBezTo>
                    <a:pt x="16473" y="6672"/>
                    <a:pt x="16433" y="6686"/>
                    <a:pt x="16396" y="6697"/>
                  </a:cubicBezTo>
                  <a:cubicBezTo>
                    <a:pt x="16436" y="6686"/>
                    <a:pt x="16473" y="6679"/>
                    <a:pt x="16512" y="6667"/>
                  </a:cubicBezTo>
                  <a:cubicBezTo>
                    <a:pt x="16549" y="6658"/>
                    <a:pt x="16588" y="6644"/>
                    <a:pt x="16626" y="6625"/>
                  </a:cubicBezTo>
                  <a:cubicBezTo>
                    <a:pt x="16628" y="6625"/>
                    <a:pt x="16630" y="6625"/>
                    <a:pt x="16632" y="6625"/>
                  </a:cubicBezTo>
                  <a:cubicBezTo>
                    <a:pt x="16671" y="6625"/>
                    <a:pt x="16485" y="6695"/>
                    <a:pt x="16493" y="6697"/>
                  </a:cubicBezTo>
                  <a:cubicBezTo>
                    <a:pt x="16637" y="6653"/>
                    <a:pt x="16489" y="6690"/>
                    <a:pt x="16621" y="6644"/>
                  </a:cubicBezTo>
                  <a:cubicBezTo>
                    <a:pt x="16850" y="6551"/>
                    <a:pt x="16781" y="6621"/>
                    <a:pt x="16998" y="6533"/>
                  </a:cubicBezTo>
                  <a:lnTo>
                    <a:pt x="16998" y="6533"/>
                  </a:lnTo>
                  <a:cubicBezTo>
                    <a:pt x="16965" y="6544"/>
                    <a:pt x="16912" y="6561"/>
                    <a:pt x="16901" y="6561"/>
                  </a:cubicBezTo>
                  <a:cubicBezTo>
                    <a:pt x="16897" y="6561"/>
                    <a:pt x="16900" y="6558"/>
                    <a:pt x="16917" y="6549"/>
                  </a:cubicBezTo>
                  <a:cubicBezTo>
                    <a:pt x="17216" y="6442"/>
                    <a:pt x="17080" y="6477"/>
                    <a:pt x="17290" y="6387"/>
                  </a:cubicBezTo>
                  <a:cubicBezTo>
                    <a:pt x="17330" y="6378"/>
                    <a:pt x="17367" y="6375"/>
                    <a:pt x="17406" y="6375"/>
                  </a:cubicBezTo>
                  <a:cubicBezTo>
                    <a:pt x="17427" y="6373"/>
                    <a:pt x="17446" y="6371"/>
                    <a:pt x="17464" y="6366"/>
                  </a:cubicBezTo>
                  <a:cubicBezTo>
                    <a:pt x="17492" y="6359"/>
                    <a:pt x="17521" y="6349"/>
                    <a:pt x="17548" y="6339"/>
                  </a:cubicBezTo>
                  <a:lnTo>
                    <a:pt x="17548" y="6339"/>
                  </a:lnTo>
                  <a:cubicBezTo>
                    <a:pt x="17520" y="6350"/>
                    <a:pt x="17493" y="6362"/>
                    <a:pt x="17464" y="6373"/>
                  </a:cubicBezTo>
                  <a:cubicBezTo>
                    <a:pt x="17547" y="6350"/>
                    <a:pt x="17629" y="6322"/>
                    <a:pt x="17707" y="6285"/>
                  </a:cubicBezTo>
                  <a:cubicBezTo>
                    <a:pt x="17756" y="6262"/>
                    <a:pt x="17805" y="6239"/>
                    <a:pt x="17853" y="6215"/>
                  </a:cubicBezTo>
                  <a:lnTo>
                    <a:pt x="17990" y="6141"/>
                  </a:lnTo>
                  <a:cubicBezTo>
                    <a:pt x="18078" y="6093"/>
                    <a:pt x="18166" y="6044"/>
                    <a:pt x="18252" y="5993"/>
                  </a:cubicBezTo>
                  <a:lnTo>
                    <a:pt x="18381" y="5914"/>
                  </a:lnTo>
                  <a:cubicBezTo>
                    <a:pt x="18423" y="5889"/>
                    <a:pt x="18467" y="5863"/>
                    <a:pt x="18511" y="5836"/>
                  </a:cubicBezTo>
                  <a:lnTo>
                    <a:pt x="18701" y="5718"/>
                  </a:lnTo>
                  <a:lnTo>
                    <a:pt x="18701" y="5718"/>
                  </a:lnTo>
                  <a:cubicBezTo>
                    <a:pt x="18683" y="5729"/>
                    <a:pt x="18666" y="5739"/>
                    <a:pt x="18648" y="5750"/>
                  </a:cubicBezTo>
                  <a:cubicBezTo>
                    <a:pt x="18643" y="5752"/>
                    <a:pt x="18640" y="5752"/>
                    <a:pt x="18639" y="5752"/>
                  </a:cubicBezTo>
                  <a:cubicBezTo>
                    <a:pt x="18625" y="5752"/>
                    <a:pt x="18758" y="5675"/>
                    <a:pt x="18752" y="5671"/>
                  </a:cubicBezTo>
                  <a:lnTo>
                    <a:pt x="18842" y="5629"/>
                  </a:lnTo>
                  <a:cubicBezTo>
                    <a:pt x="18844" y="5627"/>
                    <a:pt x="18844" y="5625"/>
                    <a:pt x="18841" y="5625"/>
                  </a:cubicBezTo>
                  <a:cubicBezTo>
                    <a:pt x="18832" y="5625"/>
                    <a:pt x="18792" y="5646"/>
                    <a:pt x="18754" y="5664"/>
                  </a:cubicBezTo>
                  <a:cubicBezTo>
                    <a:pt x="18722" y="5680"/>
                    <a:pt x="18691" y="5694"/>
                    <a:pt x="18682" y="5694"/>
                  </a:cubicBezTo>
                  <a:cubicBezTo>
                    <a:pt x="18678" y="5694"/>
                    <a:pt x="18678" y="5691"/>
                    <a:pt x="18685" y="5685"/>
                  </a:cubicBezTo>
                  <a:cubicBezTo>
                    <a:pt x="18706" y="5676"/>
                    <a:pt x="18724" y="5666"/>
                    <a:pt x="18743" y="5655"/>
                  </a:cubicBezTo>
                  <a:lnTo>
                    <a:pt x="18743" y="5655"/>
                  </a:lnTo>
                  <a:lnTo>
                    <a:pt x="18662" y="5694"/>
                  </a:lnTo>
                  <a:cubicBezTo>
                    <a:pt x="18745" y="5650"/>
                    <a:pt x="18824" y="5602"/>
                    <a:pt x="18903" y="5548"/>
                  </a:cubicBezTo>
                  <a:cubicBezTo>
                    <a:pt x="18970" y="5502"/>
                    <a:pt x="19042" y="5463"/>
                    <a:pt x="19116" y="5428"/>
                  </a:cubicBezTo>
                  <a:lnTo>
                    <a:pt x="19116" y="5428"/>
                  </a:lnTo>
                  <a:cubicBezTo>
                    <a:pt x="19032" y="5483"/>
                    <a:pt x="18986" y="5514"/>
                    <a:pt x="18963" y="5532"/>
                  </a:cubicBezTo>
                  <a:cubicBezTo>
                    <a:pt x="18937" y="5553"/>
                    <a:pt x="18935" y="5562"/>
                    <a:pt x="18930" y="5571"/>
                  </a:cubicBezTo>
                  <a:cubicBezTo>
                    <a:pt x="18926" y="5586"/>
                    <a:pt x="18922" y="5605"/>
                    <a:pt x="18788" y="5687"/>
                  </a:cubicBezTo>
                  <a:lnTo>
                    <a:pt x="18788" y="5687"/>
                  </a:lnTo>
                  <a:cubicBezTo>
                    <a:pt x="18822" y="5667"/>
                    <a:pt x="18837" y="5660"/>
                    <a:pt x="18842" y="5660"/>
                  </a:cubicBezTo>
                  <a:cubicBezTo>
                    <a:pt x="18854" y="5660"/>
                    <a:pt x="18803" y="5704"/>
                    <a:pt x="18813" y="5704"/>
                  </a:cubicBezTo>
                  <a:cubicBezTo>
                    <a:pt x="18814" y="5704"/>
                    <a:pt x="18814" y="5704"/>
                    <a:pt x="18815" y="5704"/>
                  </a:cubicBezTo>
                  <a:cubicBezTo>
                    <a:pt x="18912" y="5650"/>
                    <a:pt x="18854" y="5664"/>
                    <a:pt x="18965" y="5606"/>
                  </a:cubicBezTo>
                  <a:lnTo>
                    <a:pt x="18965" y="5606"/>
                  </a:lnTo>
                  <a:cubicBezTo>
                    <a:pt x="18967" y="5614"/>
                    <a:pt x="18806" y="5722"/>
                    <a:pt x="18822" y="5722"/>
                  </a:cubicBezTo>
                  <a:cubicBezTo>
                    <a:pt x="18825" y="5722"/>
                    <a:pt x="18833" y="5719"/>
                    <a:pt x="18849" y="5710"/>
                  </a:cubicBezTo>
                  <a:cubicBezTo>
                    <a:pt x="18852" y="5687"/>
                    <a:pt x="18949" y="5634"/>
                    <a:pt x="18988" y="5595"/>
                  </a:cubicBezTo>
                  <a:cubicBezTo>
                    <a:pt x="19014" y="5581"/>
                    <a:pt x="19024" y="5577"/>
                    <a:pt x="19027" y="5577"/>
                  </a:cubicBezTo>
                  <a:cubicBezTo>
                    <a:pt x="19033" y="5577"/>
                    <a:pt x="19014" y="5592"/>
                    <a:pt x="19021" y="5592"/>
                  </a:cubicBezTo>
                  <a:cubicBezTo>
                    <a:pt x="19023" y="5592"/>
                    <a:pt x="19025" y="5592"/>
                    <a:pt x="19030" y="5590"/>
                  </a:cubicBezTo>
                  <a:cubicBezTo>
                    <a:pt x="19074" y="5562"/>
                    <a:pt x="19097" y="5541"/>
                    <a:pt x="19137" y="5518"/>
                  </a:cubicBezTo>
                  <a:lnTo>
                    <a:pt x="19137" y="5518"/>
                  </a:lnTo>
                  <a:lnTo>
                    <a:pt x="19113" y="5546"/>
                  </a:lnTo>
                  <a:cubicBezTo>
                    <a:pt x="19338" y="5421"/>
                    <a:pt x="19171" y="5490"/>
                    <a:pt x="19419" y="5335"/>
                  </a:cubicBezTo>
                  <a:cubicBezTo>
                    <a:pt x="19419" y="5333"/>
                    <a:pt x="19418" y="5332"/>
                    <a:pt x="19416" y="5332"/>
                  </a:cubicBezTo>
                  <a:cubicBezTo>
                    <a:pt x="19400" y="5332"/>
                    <a:pt x="19332" y="5379"/>
                    <a:pt x="19243" y="5439"/>
                  </a:cubicBezTo>
                  <a:cubicBezTo>
                    <a:pt x="19242" y="5439"/>
                    <a:pt x="19242" y="5440"/>
                    <a:pt x="19241" y="5440"/>
                  </a:cubicBezTo>
                  <a:cubicBezTo>
                    <a:pt x="19211" y="5440"/>
                    <a:pt x="19284" y="5383"/>
                    <a:pt x="19361" y="5324"/>
                  </a:cubicBezTo>
                  <a:cubicBezTo>
                    <a:pt x="19440" y="5261"/>
                    <a:pt x="19519" y="5194"/>
                    <a:pt x="19498" y="5185"/>
                  </a:cubicBezTo>
                  <a:cubicBezTo>
                    <a:pt x="19565" y="5137"/>
                    <a:pt x="19588" y="5123"/>
                    <a:pt x="19591" y="5123"/>
                  </a:cubicBezTo>
                  <a:cubicBezTo>
                    <a:pt x="19597" y="5123"/>
                    <a:pt x="19561" y="5155"/>
                    <a:pt x="19570" y="5155"/>
                  </a:cubicBezTo>
                  <a:cubicBezTo>
                    <a:pt x="19576" y="5155"/>
                    <a:pt x="19596" y="5145"/>
                    <a:pt x="19646" y="5113"/>
                  </a:cubicBezTo>
                  <a:cubicBezTo>
                    <a:pt x="19662" y="5105"/>
                    <a:pt x="19671" y="5102"/>
                    <a:pt x="19675" y="5102"/>
                  </a:cubicBezTo>
                  <a:cubicBezTo>
                    <a:pt x="19686" y="5102"/>
                    <a:pt x="19660" y="5126"/>
                    <a:pt x="19621" y="5157"/>
                  </a:cubicBezTo>
                  <a:cubicBezTo>
                    <a:pt x="19567" y="5199"/>
                    <a:pt x="19496" y="5254"/>
                    <a:pt x="19475" y="5277"/>
                  </a:cubicBezTo>
                  <a:lnTo>
                    <a:pt x="19686" y="5150"/>
                  </a:lnTo>
                  <a:lnTo>
                    <a:pt x="19686" y="5150"/>
                  </a:lnTo>
                  <a:cubicBezTo>
                    <a:pt x="19635" y="5219"/>
                    <a:pt x="19503" y="5298"/>
                    <a:pt x="19482" y="5344"/>
                  </a:cubicBezTo>
                  <a:cubicBezTo>
                    <a:pt x="19558" y="5294"/>
                    <a:pt x="19591" y="5270"/>
                    <a:pt x="19623" y="5245"/>
                  </a:cubicBezTo>
                  <a:cubicBezTo>
                    <a:pt x="19655" y="5219"/>
                    <a:pt x="19688" y="5194"/>
                    <a:pt x="19757" y="5134"/>
                  </a:cubicBezTo>
                  <a:lnTo>
                    <a:pt x="19757" y="5134"/>
                  </a:lnTo>
                  <a:cubicBezTo>
                    <a:pt x="19730" y="5157"/>
                    <a:pt x="19697" y="5173"/>
                    <a:pt x="19662" y="5187"/>
                  </a:cubicBezTo>
                  <a:cubicBezTo>
                    <a:pt x="19658" y="5187"/>
                    <a:pt x="19672" y="5173"/>
                    <a:pt x="19692" y="5159"/>
                  </a:cubicBezTo>
                  <a:cubicBezTo>
                    <a:pt x="19717" y="5136"/>
                    <a:pt x="19750" y="5107"/>
                    <a:pt x="19737" y="5107"/>
                  </a:cubicBezTo>
                  <a:cubicBezTo>
                    <a:pt x="19733" y="5107"/>
                    <a:pt x="19721" y="5111"/>
                    <a:pt x="19699" y="5122"/>
                  </a:cubicBezTo>
                  <a:cubicBezTo>
                    <a:pt x="19785" y="5071"/>
                    <a:pt x="19866" y="5018"/>
                    <a:pt x="19947" y="4958"/>
                  </a:cubicBezTo>
                  <a:lnTo>
                    <a:pt x="19947" y="4958"/>
                  </a:lnTo>
                  <a:cubicBezTo>
                    <a:pt x="19858" y="5030"/>
                    <a:pt x="19936" y="4991"/>
                    <a:pt x="19855" y="5054"/>
                  </a:cubicBezTo>
                  <a:lnTo>
                    <a:pt x="19855" y="5054"/>
                  </a:lnTo>
                  <a:cubicBezTo>
                    <a:pt x="20031" y="4922"/>
                    <a:pt x="19987" y="4946"/>
                    <a:pt x="20188" y="4789"/>
                  </a:cubicBezTo>
                  <a:cubicBezTo>
                    <a:pt x="20196" y="4779"/>
                    <a:pt x="20197" y="4775"/>
                    <a:pt x="20193" y="4775"/>
                  </a:cubicBezTo>
                  <a:cubicBezTo>
                    <a:pt x="20179" y="4775"/>
                    <a:pt x="20112" y="4819"/>
                    <a:pt x="20103" y="4819"/>
                  </a:cubicBezTo>
                  <a:cubicBezTo>
                    <a:pt x="20096" y="4819"/>
                    <a:pt x="20117" y="4798"/>
                    <a:pt x="20204" y="4724"/>
                  </a:cubicBezTo>
                  <a:cubicBezTo>
                    <a:pt x="20230" y="4704"/>
                    <a:pt x="20242" y="4696"/>
                    <a:pt x="20245" y="4696"/>
                  </a:cubicBezTo>
                  <a:cubicBezTo>
                    <a:pt x="20249" y="4696"/>
                    <a:pt x="20238" y="4707"/>
                    <a:pt x="20221" y="4721"/>
                  </a:cubicBezTo>
                  <a:cubicBezTo>
                    <a:pt x="20288" y="4670"/>
                    <a:pt x="20300" y="4658"/>
                    <a:pt x="20292" y="4658"/>
                  </a:cubicBezTo>
                  <a:cubicBezTo>
                    <a:pt x="20285" y="4658"/>
                    <a:pt x="20261" y="4669"/>
                    <a:pt x="20251" y="4669"/>
                  </a:cubicBezTo>
                  <a:cubicBezTo>
                    <a:pt x="20242" y="4669"/>
                    <a:pt x="20244" y="4661"/>
                    <a:pt x="20274" y="4631"/>
                  </a:cubicBezTo>
                  <a:cubicBezTo>
                    <a:pt x="20326" y="4585"/>
                    <a:pt x="20359" y="4563"/>
                    <a:pt x="20365" y="4563"/>
                  </a:cubicBezTo>
                  <a:cubicBezTo>
                    <a:pt x="20368" y="4563"/>
                    <a:pt x="20365" y="4568"/>
                    <a:pt x="20355" y="4578"/>
                  </a:cubicBezTo>
                  <a:cubicBezTo>
                    <a:pt x="20464" y="4471"/>
                    <a:pt x="20392" y="4515"/>
                    <a:pt x="20466" y="4448"/>
                  </a:cubicBezTo>
                  <a:lnTo>
                    <a:pt x="20466" y="4448"/>
                  </a:lnTo>
                  <a:lnTo>
                    <a:pt x="20429" y="4476"/>
                  </a:lnTo>
                  <a:cubicBezTo>
                    <a:pt x="20443" y="4460"/>
                    <a:pt x="20424" y="4464"/>
                    <a:pt x="20420" y="4457"/>
                  </a:cubicBezTo>
                  <a:cubicBezTo>
                    <a:pt x="20418" y="4448"/>
                    <a:pt x="20434" y="4427"/>
                    <a:pt x="20515" y="4355"/>
                  </a:cubicBezTo>
                  <a:cubicBezTo>
                    <a:pt x="20580" y="4298"/>
                    <a:pt x="20600" y="4284"/>
                    <a:pt x="20606" y="4284"/>
                  </a:cubicBezTo>
                  <a:cubicBezTo>
                    <a:pt x="20611" y="4284"/>
                    <a:pt x="20607" y="4293"/>
                    <a:pt x="20610" y="4295"/>
                  </a:cubicBezTo>
                  <a:cubicBezTo>
                    <a:pt x="20654" y="4251"/>
                    <a:pt x="20696" y="4214"/>
                    <a:pt x="20733" y="4182"/>
                  </a:cubicBezTo>
                  <a:cubicBezTo>
                    <a:pt x="20772" y="4149"/>
                    <a:pt x="20804" y="4121"/>
                    <a:pt x="20839" y="4096"/>
                  </a:cubicBezTo>
                  <a:lnTo>
                    <a:pt x="20839" y="4096"/>
                  </a:lnTo>
                  <a:cubicBezTo>
                    <a:pt x="20838" y="4096"/>
                    <a:pt x="20837" y="4096"/>
                    <a:pt x="20837" y="4096"/>
                  </a:cubicBezTo>
                  <a:cubicBezTo>
                    <a:pt x="20831" y="4096"/>
                    <a:pt x="20837" y="4086"/>
                    <a:pt x="20860" y="4063"/>
                  </a:cubicBezTo>
                  <a:cubicBezTo>
                    <a:pt x="21008" y="3913"/>
                    <a:pt x="20962" y="3994"/>
                    <a:pt x="21017" y="3941"/>
                  </a:cubicBezTo>
                  <a:cubicBezTo>
                    <a:pt x="21238" y="3735"/>
                    <a:pt x="20967" y="3941"/>
                    <a:pt x="21200" y="3702"/>
                  </a:cubicBezTo>
                  <a:lnTo>
                    <a:pt x="21200" y="3702"/>
                  </a:lnTo>
                  <a:lnTo>
                    <a:pt x="21062" y="3839"/>
                  </a:lnTo>
                  <a:cubicBezTo>
                    <a:pt x="21015" y="3883"/>
                    <a:pt x="20971" y="3929"/>
                    <a:pt x="20923" y="3971"/>
                  </a:cubicBezTo>
                  <a:cubicBezTo>
                    <a:pt x="20925" y="3962"/>
                    <a:pt x="20925" y="3954"/>
                    <a:pt x="20918" y="3954"/>
                  </a:cubicBezTo>
                  <a:cubicBezTo>
                    <a:pt x="20910" y="3954"/>
                    <a:pt x="20894" y="3964"/>
                    <a:pt x="20862" y="3994"/>
                  </a:cubicBezTo>
                  <a:cubicBezTo>
                    <a:pt x="20867" y="4010"/>
                    <a:pt x="20774" y="4114"/>
                    <a:pt x="20679" y="4200"/>
                  </a:cubicBezTo>
                  <a:cubicBezTo>
                    <a:pt x="20678" y="4201"/>
                    <a:pt x="20678" y="4201"/>
                    <a:pt x="20677" y="4201"/>
                  </a:cubicBezTo>
                  <a:cubicBezTo>
                    <a:pt x="20660" y="4201"/>
                    <a:pt x="20817" y="4045"/>
                    <a:pt x="20803" y="4045"/>
                  </a:cubicBezTo>
                  <a:cubicBezTo>
                    <a:pt x="20799" y="4045"/>
                    <a:pt x="20783" y="4056"/>
                    <a:pt x="20749" y="4084"/>
                  </a:cubicBezTo>
                  <a:cubicBezTo>
                    <a:pt x="20807" y="4033"/>
                    <a:pt x="20883" y="3955"/>
                    <a:pt x="20950" y="3890"/>
                  </a:cubicBezTo>
                  <a:lnTo>
                    <a:pt x="20950" y="3890"/>
                  </a:lnTo>
                  <a:cubicBezTo>
                    <a:pt x="20944" y="3900"/>
                    <a:pt x="20942" y="3904"/>
                    <a:pt x="20944" y="3904"/>
                  </a:cubicBezTo>
                  <a:cubicBezTo>
                    <a:pt x="20956" y="3904"/>
                    <a:pt x="21081" y="3772"/>
                    <a:pt x="21090" y="3772"/>
                  </a:cubicBezTo>
                  <a:lnTo>
                    <a:pt x="21090" y="3772"/>
                  </a:lnTo>
                  <a:cubicBezTo>
                    <a:pt x="21092" y="3772"/>
                    <a:pt x="21086" y="3782"/>
                    <a:pt x="21066" y="3806"/>
                  </a:cubicBezTo>
                  <a:cubicBezTo>
                    <a:pt x="21214" y="3656"/>
                    <a:pt x="21298" y="3568"/>
                    <a:pt x="21377" y="3484"/>
                  </a:cubicBezTo>
                  <a:cubicBezTo>
                    <a:pt x="21458" y="3399"/>
                    <a:pt x="21529" y="3313"/>
                    <a:pt x="21652" y="3165"/>
                  </a:cubicBezTo>
                  <a:lnTo>
                    <a:pt x="21652" y="3165"/>
                  </a:lnTo>
                  <a:cubicBezTo>
                    <a:pt x="21622" y="3218"/>
                    <a:pt x="21587" y="3267"/>
                    <a:pt x="21553" y="3315"/>
                  </a:cubicBezTo>
                  <a:cubicBezTo>
                    <a:pt x="21525" y="3352"/>
                    <a:pt x="21495" y="3392"/>
                    <a:pt x="21460" y="3433"/>
                  </a:cubicBezTo>
                  <a:cubicBezTo>
                    <a:pt x="21427" y="3473"/>
                    <a:pt x="21390" y="3512"/>
                    <a:pt x="21353" y="3547"/>
                  </a:cubicBezTo>
                  <a:lnTo>
                    <a:pt x="21335" y="3552"/>
                  </a:lnTo>
                  <a:cubicBezTo>
                    <a:pt x="21298" y="3596"/>
                    <a:pt x="21285" y="3612"/>
                    <a:pt x="21288" y="3612"/>
                  </a:cubicBezTo>
                  <a:cubicBezTo>
                    <a:pt x="21295" y="3612"/>
                    <a:pt x="21444" y="3457"/>
                    <a:pt x="21460" y="3457"/>
                  </a:cubicBezTo>
                  <a:cubicBezTo>
                    <a:pt x="21461" y="3457"/>
                    <a:pt x="21461" y="3458"/>
                    <a:pt x="21460" y="3461"/>
                  </a:cubicBezTo>
                  <a:cubicBezTo>
                    <a:pt x="21648" y="3211"/>
                    <a:pt x="21923" y="2947"/>
                    <a:pt x="22143" y="2632"/>
                  </a:cubicBezTo>
                  <a:lnTo>
                    <a:pt x="22143" y="2632"/>
                  </a:lnTo>
                  <a:cubicBezTo>
                    <a:pt x="22130" y="2645"/>
                    <a:pt x="22124" y="2650"/>
                    <a:pt x="22121" y="2650"/>
                  </a:cubicBezTo>
                  <a:cubicBezTo>
                    <a:pt x="22114" y="2650"/>
                    <a:pt x="22136" y="2612"/>
                    <a:pt x="22136" y="2597"/>
                  </a:cubicBezTo>
                  <a:lnTo>
                    <a:pt x="22136" y="2597"/>
                  </a:lnTo>
                  <a:cubicBezTo>
                    <a:pt x="22046" y="2722"/>
                    <a:pt x="22065" y="2704"/>
                    <a:pt x="21988" y="2785"/>
                  </a:cubicBezTo>
                  <a:cubicBezTo>
                    <a:pt x="21990" y="2759"/>
                    <a:pt x="22051" y="2690"/>
                    <a:pt x="22071" y="2646"/>
                  </a:cubicBezTo>
                  <a:cubicBezTo>
                    <a:pt x="22073" y="2641"/>
                    <a:pt x="22073" y="2639"/>
                    <a:pt x="22072" y="2639"/>
                  </a:cubicBezTo>
                  <a:lnTo>
                    <a:pt x="22072" y="2639"/>
                  </a:lnTo>
                  <a:cubicBezTo>
                    <a:pt x="22065" y="2639"/>
                    <a:pt x="21997" y="2743"/>
                    <a:pt x="21963" y="2776"/>
                  </a:cubicBezTo>
                  <a:cubicBezTo>
                    <a:pt x="22007" y="2718"/>
                    <a:pt x="22046" y="2655"/>
                    <a:pt x="22078" y="2590"/>
                  </a:cubicBezTo>
                  <a:cubicBezTo>
                    <a:pt x="22111" y="2560"/>
                    <a:pt x="22146" y="2530"/>
                    <a:pt x="22180" y="2502"/>
                  </a:cubicBezTo>
                  <a:cubicBezTo>
                    <a:pt x="22234" y="2430"/>
                    <a:pt x="22268" y="2377"/>
                    <a:pt x="22296" y="2333"/>
                  </a:cubicBezTo>
                  <a:cubicBezTo>
                    <a:pt x="22322" y="2291"/>
                    <a:pt x="22342" y="2257"/>
                    <a:pt x="22359" y="2227"/>
                  </a:cubicBezTo>
                  <a:cubicBezTo>
                    <a:pt x="22403" y="2145"/>
                    <a:pt x="22451" y="2067"/>
                    <a:pt x="22505" y="1990"/>
                  </a:cubicBezTo>
                  <a:lnTo>
                    <a:pt x="22505" y="1990"/>
                  </a:lnTo>
                  <a:cubicBezTo>
                    <a:pt x="22478" y="2029"/>
                    <a:pt x="22472" y="2040"/>
                    <a:pt x="22474" y="2040"/>
                  </a:cubicBezTo>
                  <a:cubicBezTo>
                    <a:pt x="22476" y="2040"/>
                    <a:pt x="22493" y="2020"/>
                    <a:pt x="22495" y="2020"/>
                  </a:cubicBezTo>
                  <a:lnTo>
                    <a:pt x="22495" y="2020"/>
                  </a:lnTo>
                  <a:cubicBezTo>
                    <a:pt x="22497" y="2020"/>
                    <a:pt x="22489" y="2032"/>
                    <a:pt x="22458" y="2076"/>
                  </a:cubicBezTo>
                  <a:cubicBezTo>
                    <a:pt x="22477" y="2050"/>
                    <a:pt x="22495" y="2023"/>
                    <a:pt x="22512" y="1997"/>
                  </a:cubicBezTo>
                  <a:lnTo>
                    <a:pt x="22512" y="1997"/>
                  </a:lnTo>
                  <a:cubicBezTo>
                    <a:pt x="22484" y="2053"/>
                    <a:pt x="22444" y="2115"/>
                    <a:pt x="22407" y="2178"/>
                  </a:cubicBezTo>
                  <a:cubicBezTo>
                    <a:pt x="22368" y="2243"/>
                    <a:pt x="22331" y="2310"/>
                    <a:pt x="22294" y="2363"/>
                  </a:cubicBezTo>
                  <a:cubicBezTo>
                    <a:pt x="22225" y="2472"/>
                    <a:pt x="22177" y="2554"/>
                    <a:pt x="22196" y="2554"/>
                  </a:cubicBezTo>
                  <a:cubicBezTo>
                    <a:pt x="22197" y="2554"/>
                    <a:pt x="22198" y="2553"/>
                    <a:pt x="22199" y="2553"/>
                  </a:cubicBezTo>
                  <a:cubicBezTo>
                    <a:pt x="22257" y="2467"/>
                    <a:pt x="22303" y="2393"/>
                    <a:pt x="22354" y="2315"/>
                  </a:cubicBezTo>
                  <a:cubicBezTo>
                    <a:pt x="22403" y="2233"/>
                    <a:pt x="22451" y="2148"/>
                    <a:pt x="22519" y="2044"/>
                  </a:cubicBezTo>
                  <a:lnTo>
                    <a:pt x="22519" y="2055"/>
                  </a:lnTo>
                  <a:cubicBezTo>
                    <a:pt x="22553" y="2001"/>
                    <a:pt x="22562" y="1985"/>
                    <a:pt x="22560" y="1985"/>
                  </a:cubicBezTo>
                  <a:lnTo>
                    <a:pt x="22560" y="1985"/>
                  </a:lnTo>
                  <a:cubicBezTo>
                    <a:pt x="22558" y="1985"/>
                    <a:pt x="22532" y="2020"/>
                    <a:pt x="22528" y="2020"/>
                  </a:cubicBezTo>
                  <a:cubicBezTo>
                    <a:pt x="22527" y="2020"/>
                    <a:pt x="22528" y="2018"/>
                    <a:pt x="22530" y="2013"/>
                  </a:cubicBezTo>
                  <a:cubicBezTo>
                    <a:pt x="22565" y="1949"/>
                    <a:pt x="22607" y="1886"/>
                    <a:pt x="22653" y="1828"/>
                  </a:cubicBezTo>
                  <a:cubicBezTo>
                    <a:pt x="22692" y="1784"/>
                    <a:pt x="22722" y="1731"/>
                    <a:pt x="22743" y="1675"/>
                  </a:cubicBezTo>
                  <a:lnTo>
                    <a:pt x="22743" y="1675"/>
                  </a:lnTo>
                  <a:cubicBezTo>
                    <a:pt x="22708" y="1735"/>
                    <a:pt x="22669" y="1791"/>
                    <a:pt x="22634" y="1849"/>
                  </a:cubicBezTo>
                  <a:cubicBezTo>
                    <a:pt x="22654" y="1809"/>
                    <a:pt x="22660" y="1795"/>
                    <a:pt x="22658" y="1795"/>
                  </a:cubicBezTo>
                  <a:lnTo>
                    <a:pt x="22658" y="1795"/>
                  </a:lnTo>
                  <a:cubicBezTo>
                    <a:pt x="22655" y="1795"/>
                    <a:pt x="22621" y="1852"/>
                    <a:pt x="22610" y="1852"/>
                  </a:cubicBezTo>
                  <a:cubicBezTo>
                    <a:pt x="22608" y="1852"/>
                    <a:pt x="22607" y="1849"/>
                    <a:pt x="22607" y="1844"/>
                  </a:cubicBezTo>
                  <a:lnTo>
                    <a:pt x="22861" y="1381"/>
                  </a:lnTo>
                  <a:lnTo>
                    <a:pt x="23003" y="1105"/>
                  </a:lnTo>
                  <a:cubicBezTo>
                    <a:pt x="23047" y="1010"/>
                    <a:pt x="23091" y="915"/>
                    <a:pt x="23128" y="827"/>
                  </a:cubicBezTo>
                  <a:lnTo>
                    <a:pt x="23128" y="827"/>
                  </a:lnTo>
                  <a:cubicBezTo>
                    <a:pt x="23077" y="908"/>
                    <a:pt x="23030" y="994"/>
                    <a:pt x="22989" y="1085"/>
                  </a:cubicBezTo>
                  <a:cubicBezTo>
                    <a:pt x="22990" y="1032"/>
                    <a:pt x="23006" y="991"/>
                    <a:pt x="22995" y="991"/>
                  </a:cubicBezTo>
                  <a:cubicBezTo>
                    <a:pt x="22991" y="991"/>
                    <a:pt x="22982" y="997"/>
                    <a:pt x="22966" y="1013"/>
                  </a:cubicBezTo>
                  <a:cubicBezTo>
                    <a:pt x="22940" y="1066"/>
                    <a:pt x="22912" y="1117"/>
                    <a:pt x="22885" y="1170"/>
                  </a:cubicBezTo>
                  <a:lnTo>
                    <a:pt x="22857" y="1159"/>
                  </a:lnTo>
                  <a:cubicBezTo>
                    <a:pt x="22880" y="1117"/>
                    <a:pt x="22903" y="1075"/>
                    <a:pt x="22926" y="1038"/>
                  </a:cubicBezTo>
                  <a:cubicBezTo>
                    <a:pt x="22919" y="1008"/>
                    <a:pt x="23047" y="797"/>
                    <a:pt x="23035" y="779"/>
                  </a:cubicBezTo>
                  <a:lnTo>
                    <a:pt x="23035" y="779"/>
                  </a:lnTo>
                  <a:lnTo>
                    <a:pt x="22973" y="915"/>
                  </a:lnTo>
                  <a:cubicBezTo>
                    <a:pt x="22966" y="925"/>
                    <a:pt x="22962" y="929"/>
                    <a:pt x="22960" y="929"/>
                  </a:cubicBezTo>
                  <a:cubicBezTo>
                    <a:pt x="22951" y="929"/>
                    <a:pt x="23011" y="801"/>
                    <a:pt x="23047" y="719"/>
                  </a:cubicBezTo>
                  <a:lnTo>
                    <a:pt x="23047" y="719"/>
                  </a:lnTo>
                  <a:cubicBezTo>
                    <a:pt x="23007" y="783"/>
                    <a:pt x="22973" y="853"/>
                    <a:pt x="22942" y="922"/>
                  </a:cubicBezTo>
                  <a:cubicBezTo>
                    <a:pt x="22924" y="966"/>
                    <a:pt x="22905" y="1015"/>
                    <a:pt x="22882" y="1061"/>
                  </a:cubicBezTo>
                  <a:cubicBezTo>
                    <a:pt x="22857" y="1110"/>
                    <a:pt x="22834" y="1159"/>
                    <a:pt x="22810" y="1207"/>
                  </a:cubicBezTo>
                  <a:cubicBezTo>
                    <a:pt x="22811" y="1207"/>
                    <a:pt x="22811" y="1207"/>
                    <a:pt x="22811" y="1207"/>
                  </a:cubicBezTo>
                  <a:cubicBezTo>
                    <a:pt x="22819" y="1207"/>
                    <a:pt x="22788" y="1291"/>
                    <a:pt x="22796" y="1291"/>
                  </a:cubicBezTo>
                  <a:cubicBezTo>
                    <a:pt x="22800" y="1291"/>
                    <a:pt x="22813" y="1271"/>
                    <a:pt x="22845" y="1212"/>
                  </a:cubicBezTo>
                  <a:lnTo>
                    <a:pt x="22845" y="1212"/>
                  </a:lnTo>
                  <a:cubicBezTo>
                    <a:pt x="22852" y="1219"/>
                    <a:pt x="22803" y="1335"/>
                    <a:pt x="22762" y="1407"/>
                  </a:cubicBezTo>
                  <a:cubicBezTo>
                    <a:pt x="22764" y="1402"/>
                    <a:pt x="22764" y="1400"/>
                    <a:pt x="22762" y="1400"/>
                  </a:cubicBezTo>
                  <a:cubicBezTo>
                    <a:pt x="22757" y="1400"/>
                    <a:pt x="22723" y="1440"/>
                    <a:pt x="22714" y="1440"/>
                  </a:cubicBezTo>
                  <a:cubicBezTo>
                    <a:pt x="22710" y="1440"/>
                    <a:pt x="22710" y="1433"/>
                    <a:pt x="22718" y="1412"/>
                  </a:cubicBezTo>
                  <a:lnTo>
                    <a:pt x="22718" y="1412"/>
                  </a:lnTo>
                  <a:cubicBezTo>
                    <a:pt x="22672" y="1507"/>
                    <a:pt x="22691" y="1455"/>
                    <a:pt x="22607" y="1615"/>
                  </a:cubicBezTo>
                  <a:cubicBezTo>
                    <a:pt x="22607" y="1614"/>
                    <a:pt x="22607" y="1613"/>
                    <a:pt x="22607" y="1613"/>
                  </a:cubicBezTo>
                  <a:lnTo>
                    <a:pt x="22607" y="1613"/>
                  </a:lnTo>
                  <a:cubicBezTo>
                    <a:pt x="22603" y="1613"/>
                    <a:pt x="22436" y="1891"/>
                    <a:pt x="22414" y="1891"/>
                  </a:cubicBezTo>
                  <a:cubicBezTo>
                    <a:pt x="22413" y="1891"/>
                    <a:pt x="22412" y="1890"/>
                    <a:pt x="22412" y="1888"/>
                  </a:cubicBezTo>
                  <a:lnTo>
                    <a:pt x="22412" y="1888"/>
                  </a:lnTo>
                  <a:cubicBezTo>
                    <a:pt x="22387" y="1951"/>
                    <a:pt x="22447" y="1907"/>
                    <a:pt x="22315" y="2106"/>
                  </a:cubicBezTo>
                  <a:cubicBezTo>
                    <a:pt x="22352" y="2067"/>
                    <a:pt x="22387" y="2025"/>
                    <a:pt x="22419" y="1981"/>
                  </a:cubicBezTo>
                  <a:cubicBezTo>
                    <a:pt x="22437" y="1960"/>
                    <a:pt x="22449" y="1946"/>
                    <a:pt x="22451" y="1946"/>
                  </a:cubicBezTo>
                  <a:lnTo>
                    <a:pt x="22451" y="1946"/>
                  </a:lnTo>
                  <a:cubicBezTo>
                    <a:pt x="22454" y="1949"/>
                    <a:pt x="22449" y="1965"/>
                    <a:pt x="22428" y="2004"/>
                  </a:cubicBezTo>
                  <a:cubicBezTo>
                    <a:pt x="22447" y="1972"/>
                    <a:pt x="22463" y="1935"/>
                    <a:pt x="22479" y="1900"/>
                  </a:cubicBezTo>
                  <a:cubicBezTo>
                    <a:pt x="22510" y="1855"/>
                    <a:pt x="22520" y="1844"/>
                    <a:pt x="22523" y="1844"/>
                  </a:cubicBezTo>
                  <a:cubicBezTo>
                    <a:pt x="22526" y="1844"/>
                    <a:pt x="22524" y="1852"/>
                    <a:pt x="22527" y="1852"/>
                  </a:cubicBezTo>
                  <a:cubicBezTo>
                    <a:pt x="22531" y="1852"/>
                    <a:pt x="22543" y="1837"/>
                    <a:pt x="22590" y="1766"/>
                  </a:cubicBezTo>
                  <a:lnTo>
                    <a:pt x="22590" y="1766"/>
                  </a:lnTo>
                  <a:cubicBezTo>
                    <a:pt x="22556" y="1819"/>
                    <a:pt x="22495" y="1937"/>
                    <a:pt x="22470" y="1953"/>
                  </a:cubicBezTo>
                  <a:cubicBezTo>
                    <a:pt x="22472" y="1952"/>
                    <a:pt x="22475" y="1952"/>
                    <a:pt x="22476" y="1952"/>
                  </a:cubicBezTo>
                  <a:cubicBezTo>
                    <a:pt x="22517" y="1952"/>
                    <a:pt x="22308" y="2237"/>
                    <a:pt x="22324" y="2259"/>
                  </a:cubicBezTo>
                  <a:cubicBezTo>
                    <a:pt x="22271" y="2317"/>
                    <a:pt x="22224" y="2379"/>
                    <a:pt x="22183" y="2444"/>
                  </a:cubicBezTo>
                  <a:cubicBezTo>
                    <a:pt x="22183" y="2441"/>
                    <a:pt x="22181" y="2440"/>
                    <a:pt x="22179" y="2440"/>
                  </a:cubicBezTo>
                  <a:cubicBezTo>
                    <a:pt x="22175" y="2440"/>
                    <a:pt x="22169" y="2443"/>
                    <a:pt x="22166" y="2443"/>
                  </a:cubicBezTo>
                  <a:cubicBezTo>
                    <a:pt x="22160" y="2443"/>
                    <a:pt x="22161" y="2435"/>
                    <a:pt x="22185" y="2396"/>
                  </a:cubicBezTo>
                  <a:cubicBezTo>
                    <a:pt x="22234" y="2333"/>
                    <a:pt x="22264" y="2287"/>
                    <a:pt x="22317" y="2220"/>
                  </a:cubicBezTo>
                  <a:lnTo>
                    <a:pt x="22317" y="2220"/>
                  </a:lnTo>
                  <a:cubicBezTo>
                    <a:pt x="22294" y="2231"/>
                    <a:pt x="22278" y="2250"/>
                    <a:pt x="22264" y="2271"/>
                  </a:cubicBezTo>
                  <a:cubicBezTo>
                    <a:pt x="22241" y="2296"/>
                    <a:pt x="22215" y="2331"/>
                    <a:pt x="22187" y="2372"/>
                  </a:cubicBezTo>
                  <a:cubicBezTo>
                    <a:pt x="22132" y="2451"/>
                    <a:pt x="22069" y="2549"/>
                    <a:pt x="22004" y="2625"/>
                  </a:cubicBezTo>
                  <a:cubicBezTo>
                    <a:pt x="22012" y="2616"/>
                    <a:pt x="22019" y="2610"/>
                    <a:pt x="22021" y="2610"/>
                  </a:cubicBezTo>
                  <a:cubicBezTo>
                    <a:pt x="22024" y="2610"/>
                    <a:pt x="22019" y="2620"/>
                    <a:pt x="22002" y="2648"/>
                  </a:cubicBezTo>
                  <a:cubicBezTo>
                    <a:pt x="21963" y="2694"/>
                    <a:pt x="21900" y="2771"/>
                    <a:pt x="21854" y="2826"/>
                  </a:cubicBezTo>
                  <a:cubicBezTo>
                    <a:pt x="21819" y="2866"/>
                    <a:pt x="21792" y="2892"/>
                    <a:pt x="21785" y="2892"/>
                  </a:cubicBezTo>
                  <a:cubicBezTo>
                    <a:pt x="21781" y="2892"/>
                    <a:pt x="21782" y="2888"/>
                    <a:pt x="21787" y="2877"/>
                  </a:cubicBezTo>
                  <a:lnTo>
                    <a:pt x="21787" y="2877"/>
                  </a:lnTo>
                  <a:cubicBezTo>
                    <a:pt x="21722" y="2959"/>
                    <a:pt x="21659" y="3037"/>
                    <a:pt x="21594" y="3116"/>
                  </a:cubicBezTo>
                  <a:lnTo>
                    <a:pt x="21393" y="3350"/>
                  </a:lnTo>
                  <a:cubicBezTo>
                    <a:pt x="21386" y="3348"/>
                    <a:pt x="21448" y="3281"/>
                    <a:pt x="21472" y="3253"/>
                  </a:cubicBezTo>
                  <a:lnTo>
                    <a:pt x="21472" y="3253"/>
                  </a:lnTo>
                  <a:cubicBezTo>
                    <a:pt x="21432" y="3294"/>
                    <a:pt x="21397" y="3338"/>
                    <a:pt x="21358" y="3380"/>
                  </a:cubicBezTo>
                  <a:lnTo>
                    <a:pt x="21242" y="3505"/>
                  </a:lnTo>
                  <a:cubicBezTo>
                    <a:pt x="21233" y="3513"/>
                    <a:pt x="21228" y="3516"/>
                    <a:pt x="21226" y="3516"/>
                  </a:cubicBezTo>
                  <a:cubicBezTo>
                    <a:pt x="21216" y="3516"/>
                    <a:pt x="21314" y="3408"/>
                    <a:pt x="21328" y="3380"/>
                  </a:cubicBezTo>
                  <a:lnTo>
                    <a:pt x="21328" y="3380"/>
                  </a:lnTo>
                  <a:lnTo>
                    <a:pt x="21161" y="3561"/>
                  </a:lnTo>
                  <a:lnTo>
                    <a:pt x="21177" y="3528"/>
                  </a:lnTo>
                  <a:lnTo>
                    <a:pt x="21177" y="3528"/>
                  </a:lnTo>
                  <a:cubicBezTo>
                    <a:pt x="21168" y="3540"/>
                    <a:pt x="21150" y="3563"/>
                    <a:pt x="21124" y="3589"/>
                  </a:cubicBezTo>
                  <a:cubicBezTo>
                    <a:pt x="21101" y="3616"/>
                    <a:pt x="21071" y="3647"/>
                    <a:pt x="21038" y="3679"/>
                  </a:cubicBezTo>
                  <a:cubicBezTo>
                    <a:pt x="20990" y="3730"/>
                    <a:pt x="20936" y="3776"/>
                    <a:pt x="20881" y="3818"/>
                  </a:cubicBezTo>
                  <a:cubicBezTo>
                    <a:pt x="20786" y="3913"/>
                    <a:pt x="20744" y="3966"/>
                    <a:pt x="20693" y="4026"/>
                  </a:cubicBezTo>
                  <a:cubicBezTo>
                    <a:pt x="20640" y="4084"/>
                    <a:pt x="20577" y="4149"/>
                    <a:pt x="20434" y="4265"/>
                  </a:cubicBezTo>
                  <a:cubicBezTo>
                    <a:pt x="20431" y="4242"/>
                    <a:pt x="20584" y="4124"/>
                    <a:pt x="20640" y="4057"/>
                  </a:cubicBezTo>
                  <a:lnTo>
                    <a:pt x="20640" y="4057"/>
                  </a:lnTo>
                  <a:cubicBezTo>
                    <a:pt x="20582" y="4101"/>
                    <a:pt x="20427" y="4253"/>
                    <a:pt x="20390" y="4265"/>
                  </a:cubicBezTo>
                  <a:cubicBezTo>
                    <a:pt x="20195" y="4443"/>
                    <a:pt x="20237" y="4448"/>
                    <a:pt x="20151" y="4545"/>
                  </a:cubicBezTo>
                  <a:cubicBezTo>
                    <a:pt x="20094" y="4591"/>
                    <a:pt x="20072" y="4606"/>
                    <a:pt x="20068" y="4606"/>
                  </a:cubicBezTo>
                  <a:cubicBezTo>
                    <a:pt x="20059" y="4606"/>
                    <a:pt x="20116" y="4550"/>
                    <a:pt x="20112" y="4550"/>
                  </a:cubicBezTo>
                  <a:lnTo>
                    <a:pt x="20112" y="4550"/>
                  </a:lnTo>
                  <a:cubicBezTo>
                    <a:pt x="20112" y="4550"/>
                    <a:pt x="20112" y="4550"/>
                    <a:pt x="20112" y="4550"/>
                  </a:cubicBezTo>
                  <a:cubicBezTo>
                    <a:pt x="20061" y="4587"/>
                    <a:pt x="20001" y="4677"/>
                    <a:pt x="19938" y="4694"/>
                  </a:cubicBezTo>
                  <a:cubicBezTo>
                    <a:pt x="19894" y="4739"/>
                    <a:pt x="19863" y="4775"/>
                    <a:pt x="19875" y="4775"/>
                  </a:cubicBezTo>
                  <a:cubicBezTo>
                    <a:pt x="19882" y="4775"/>
                    <a:pt x="19906" y="4761"/>
                    <a:pt x="19954" y="4726"/>
                  </a:cubicBezTo>
                  <a:lnTo>
                    <a:pt x="19954" y="4726"/>
                  </a:lnTo>
                  <a:cubicBezTo>
                    <a:pt x="19864" y="4798"/>
                    <a:pt x="19736" y="4900"/>
                    <a:pt x="19718" y="4923"/>
                  </a:cubicBezTo>
                  <a:cubicBezTo>
                    <a:pt x="19731" y="4907"/>
                    <a:pt x="19733" y="4901"/>
                    <a:pt x="19729" y="4901"/>
                  </a:cubicBezTo>
                  <a:cubicBezTo>
                    <a:pt x="19713" y="4901"/>
                    <a:pt x="19610" y="4981"/>
                    <a:pt x="19585" y="4981"/>
                  </a:cubicBezTo>
                  <a:cubicBezTo>
                    <a:pt x="19583" y="4981"/>
                    <a:pt x="19582" y="4981"/>
                    <a:pt x="19581" y="4981"/>
                  </a:cubicBezTo>
                  <a:cubicBezTo>
                    <a:pt x="19509" y="5029"/>
                    <a:pt x="19394" y="5106"/>
                    <a:pt x="19280" y="5185"/>
                  </a:cubicBezTo>
                  <a:cubicBezTo>
                    <a:pt x="19178" y="5247"/>
                    <a:pt x="19081" y="5317"/>
                    <a:pt x="18991" y="5393"/>
                  </a:cubicBezTo>
                  <a:cubicBezTo>
                    <a:pt x="19000" y="5377"/>
                    <a:pt x="19007" y="5358"/>
                    <a:pt x="19016" y="5342"/>
                  </a:cubicBezTo>
                  <a:lnTo>
                    <a:pt x="19016" y="5342"/>
                  </a:lnTo>
                  <a:cubicBezTo>
                    <a:pt x="18960" y="5379"/>
                    <a:pt x="18900" y="5414"/>
                    <a:pt x="18845" y="5451"/>
                  </a:cubicBezTo>
                  <a:cubicBezTo>
                    <a:pt x="18824" y="5460"/>
                    <a:pt x="18813" y="5464"/>
                    <a:pt x="18808" y="5464"/>
                  </a:cubicBezTo>
                  <a:cubicBezTo>
                    <a:pt x="18798" y="5464"/>
                    <a:pt x="18829" y="5442"/>
                    <a:pt x="18875" y="5414"/>
                  </a:cubicBezTo>
                  <a:lnTo>
                    <a:pt x="18981" y="5347"/>
                  </a:lnTo>
                  <a:lnTo>
                    <a:pt x="19072" y="5289"/>
                  </a:lnTo>
                  <a:lnTo>
                    <a:pt x="19072" y="5289"/>
                  </a:lnTo>
                  <a:cubicBezTo>
                    <a:pt x="18956" y="5361"/>
                    <a:pt x="18856" y="5416"/>
                    <a:pt x="18761" y="5474"/>
                  </a:cubicBezTo>
                  <a:cubicBezTo>
                    <a:pt x="18666" y="5532"/>
                    <a:pt x="18571" y="5583"/>
                    <a:pt x="18462" y="5643"/>
                  </a:cubicBezTo>
                  <a:cubicBezTo>
                    <a:pt x="18488" y="5633"/>
                    <a:pt x="18499" y="5630"/>
                    <a:pt x="18504" y="5630"/>
                  </a:cubicBezTo>
                  <a:cubicBezTo>
                    <a:pt x="18511" y="5630"/>
                    <a:pt x="18510" y="5634"/>
                    <a:pt x="18517" y="5634"/>
                  </a:cubicBezTo>
                  <a:cubicBezTo>
                    <a:pt x="18520" y="5634"/>
                    <a:pt x="18524" y="5633"/>
                    <a:pt x="18530" y="5632"/>
                  </a:cubicBezTo>
                  <a:lnTo>
                    <a:pt x="18530" y="5632"/>
                  </a:lnTo>
                  <a:cubicBezTo>
                    <a:pt x="18490" y="5660"/>
                    <a:pt x="18449" y="5685"/>
                    <a:pt x="18407" y="5706"/>
                  </a:cubicBezTo>
                  <a:cubicBezTo>
                    <a:pt x="18361" y="5731"/>
                    <a:pt x="18314" y="5752"/>
                    <a:pt x="18277" y="5775"/>
                  </a:cubicBezTo>
                  <a:cubicBezTo>
                    <a:pt x="18275" y="5776"/>
                    <a:pt x="18273" y="5776"/>
                    <a:pt x="18271" y="5776"/>
                  </a:cubicBezTo>
                  <a:cubicBezTo>
                    <a:pt x="18256" y="5776"/>
                    <a:pt x="18267" y="5765"/>
                    <a:pt x="18321" y="5734"/>
                  </a:cubicBezTo>
                  <a:lnTo>
                    <a:pt x="18321" y="5734"/>
                  </a:lnTo>
                  <a:lnTo>
                    <a:pt x="18171" y="5815"/>
                  </a:lnTo>
                  <a:cubicBezTo>
                    <a:pt x="18175" y="5792"/>
                    <a:pt x="18101" y="5831"/>
                    <a:pt x="18245" y="5743"/>
                  </a:cubicBezTo>
                  <a:lnTo>
                    <a:pt x="18245" y="5743"/>
                  </a:lnTo>
                  <a:lnTo>
                    <a:pt x="18108" y="5819"/>
                  </a:lnTo>
                  <a:cubicBezTo>
                    <a:pt x="18065" y="5840"/>
                    <a:pt x="18045" y="5848"/>
                    <a:pt x="18041" y="5848"/>
                  </a:cubicBezTo>
                  <a:cubicBezTo>
                    <a:pt x="18030" y="5848"/>
                    <a:pt x="18118" y="5796"/>
                    <a:pt x="18145" y="5778"/>
                  </a:cubicBezTo>
                  <a:lnTo>
                    <a:pt x="18145" y="5778"/>
                  </a:lnTo>
                  <a:cubicBezTo>
                    <a:pt x="18103" y="5798"/>
                    <a:pt x="18064" y="5819"/>
                    <a:pt x="18022" y="5838"/>
                  </a:cubicBezTo>
                  <a:lnTo>
                    <a:pt x="17897" y="5896"/>
                  </a:lnTo>
                  <a:cubicBezTo>
                    <a:pt x="17814" y="5947"/>
                    <a:pt x="17955" y="5887"/>
                    <a:pt x="17786" y="5972"/>
                  </a:cubicBezTo>
                  <a:cubicBezTo>
                    <a:pt x="17728" y="5995"/>
                    <a:pt x="17663" y="6019"/>
                    <a:pt x="17601" y="6044"/>
                  </a:cubicBezTo>
                  <a:lnTo>
                    <a:pt x="17399" y="6127"/>
                  </a:lnTo>
                  <a:lnTo>
                    <a:pt x="17191" y="6209"/>
                  </a:lnTo>
                  <a:lnTo>
                    <a:pt x="17089" y="6248"/>
                  </a:lnTo>
                  <a:lnTo>
                    <a:pt x="16985" y="6283"/>
                  </a:lnTo>
                  <a:lnTo>
                    <a:pt x="17082" y="6257"/>
                  </a:lnTo>
                  <a:lnTo>
                    <a:pt x="17179" y="6229"/>
                  </a:lnTo>
                  <a:lnTo>
                    <a:pt x="17179" y="6229"/>
                  </a:lnTo>
                  <a:cubicBezTo>
                    <a:pt x="17149" y="6239"/>
                    <a:pt x="17121" y="6253"/>
                    <a:pt x="17093" y="6266"/>
                  </a:cubicBezTo>
                  <a:cubicBezTo>
                    <a:pt x="17080" y="6271"/>
                    <a:pt x="17066" y="6280"/>
                    <a:pt x="17054" y="6290"/>
                  </a:cubicBezTo>
                  <a:cubicBezTo>
                    <a:pt x="17038" y="6303"/>
                    <a:pt x="17038" y="6315"/>
                    <a:pt x="17015" y="6331"/>
                  </a:cubicBezTo>
                  <a:lnTo>
                    <a:pt x="16764" y="6417"/>
                  </a:lnTo>
                  <a:cubicBezTo>
                    <a:pt x="16676" y="6445"/>
                    <a:pt x="16593" y="6470"/>
                    <a:pt x="16528" y="6486"/>
                  </a:cubicBezTo>
                  <a:cubicBezTo>
                    <a:pt x="16610" y="6452"/>
                    <a:pt x="16622" y="6437"/>
                    <a:pt x="16591" y="6437"/>
                  </a:cubicBezTo>
                  <a:cubicBezTo>
                    <a:pt x="16568" y="6437"/>
                    <a:pt x="16522" y="6445"/>
                    <a:pt x="16463" y="6459"/>
                  </a:cubicBezTo>
                  <a:cubicBezTo>
                    <a:pt x="16308" y="6503"/>
                    <a:pt x="16250" y="6526"/>
                    <a:pt x="16211" y="6544"/>
                  </a:cubicBezTo>
                  <a:cubicBezTo>
                    <a:pt x="16165" y="6572"/>
                    <a:pt x="16116" y="6595"/>
                    <a:pt x="16065" y="6609"/>
                  </a:cubicBezTo>
                  <a:cubicBezTo>
                    <a:pt x="16095" y="6593"/>
                    <a:pt x="16099" y="6587"/>
                    <a:pt x="16086" y="6587"/>
                  </a:cubicBezTo>
                  <a:cubicBezTo>
                    <a:pt x="16052" y="6587"/>
                    <a:pt x="15905" y="6630"/>
                    <a:pt x="15873" y="6630"/>
                  </a:cubicBezTo>
                  <a:cubicBezTo>
                    <a:pt x="15867" y="6630"/>
                    <a:pt x="15865" y="6629"/>
                    <a:pt x="15868" y="6625"/>
                  </a:cubicBezTo>
                  <a:lnTo>
                    <a:pt x="15868" y="6625"/>
                  </a:lnTo>
                  <a:cubicBezTo>
                    <a:pt x="15465" y="6730"/>
                    <a:pt x="15055" y="6806"/>
                    <a:pt x="14643" y="6855"/>
                  </a:cubicBezTo>
                  <a:cubicBezTo>
                    <a:pt x="14650" y="6859"/>
                    <a:pt x="14772" y="6852"/>
                    <a:pt x="14701" y="6866"/>
                  </a:cubicBezTo>
                  <a:cubicBezTo>
                    <a:pt x="14619" y="6877"/>
                    <a:pt x="14560" y="6881"/>
                    <a:pt x="14518" y="6881"/>
                  </a:cubicBezTo>
                  <a:cubicBezTo>
                    <a:pt x="14481" y="6881"/>
                    <a:pt x="14458" y="6878"/>
                    <a:pt x="14448" y="6876"/>
                  </a:cubicBezTo>
                  <a:cubicBezTo>
                    <a:pt x="14397" y="6883"/>
                    <a:pt x="14353" y="6887"/>
                    <a:pt x="14311" y="6890"/>
                  </a:cubicBezTo>
                  <a:cubicBezTo>
                    <a:pt x="14272" y="6894"/>
                    <a:pt x="14237" y="6899"/>
                    <a:pt x="14205" y="6903"/>
                  </a:cubicBezTo>
                  <a:cubicBezTo>
                    <a:pt x="14142" y="6910"/>
                    <a:pt x="14098" y="6920"/>
                    <a:pt x="14064" y="6927"/>
                  </a:cubicBezTo>
                  <a:cubicBezTo>
                    <a:pt x="14096" y="6923"/>
                    <a:pt x="14118" y="6922"/>
                    <a:pt x="14131" y="6922"/>
                  </a:cubicBezTo>
                  <a:cubicBezTo>
                    <a:pt x="14155" y="6922"/>
                    <a:pt x="14155" y="6926"/>
                    <a:pt x="14145" y="6934"/>
                  </a:cubicBezTo>
                  <a:cubicBezTo>
                    <a:pt x="14102" y="6937"/>
                    <a:pt x="14060" y="6939"/>
                    <a:pt x="14017" y="6939"/>
                  </a:cubicBezTo>
                  <a:cubicBezTo>
                    <a:pt x="14002" y="6939"/>
                    <a:pt x="13986" y="6939"/>
                    <a:pt x="13971" y="6938"/>
                  </a:cubicBezTo>
                  <a:cubicBezTo>
                    <a:pt x="13961" y="6938"/>
                    <a:pt x="13951" y="6938"/>
                    <a:pt x="13941" y="6938"/>
                  </a:cubicBezTo>
                  <a:cubicBezTo>
                    <a:pt x="13896" y="6938"/>
                    <a:pt x="13850" y="6942"/>
                    <a:pt x="13806" y="6947"/>
                  </a:cubicBezTo>
                  <a:cubicBezTo>
                    <a:pt x="13781" y="6938"/>
                    <a:pt x="13834" y="6934"/>
                    <a:pt x="13890" y="6931"/>
                  </a:cubicBezTo>
                  <a:cubicBezTo>
                    <a:pt x="13948" y="6927"/>
                    <a:pt x="14008" y="6920"/>
                    <a:pt x="13999" y="6910"/>
                  </a:cubicBezTo>
                  <a:lnTo>
                    <a:pt x="13999" y="6910"/>
                  </a:lnTo>
                  <a:lnTo>
                    <a:pt x="13876" y="6917"/>
                  </a:lnTo>
                  <a:cubicBezTo>
                    <a:pt x="13839" y="6917"/>
                    <a:pt x="13804" y="6920"/>
                    <a:pt x="13772" y="6922"/>
                  </a:cubicBezTo>
                  <a:cubicBezTo>
                    <a:pt x="13704" y="6927"/>
                    <a:pt x="13644" y="6931"/>
                    <a:pt x="13579" y="6938"/>
                  </a:cubicBezTo>
                  <a:cubicBezTo>
                    <a:pt x="13549" y="6927"/>
                    <a:pt x="13700" y="6934"/>
                    <a:pt x="13600" y="6924"/>
                  </a:cubicBezTo>
                  <a:lnTo>
                    <a:pt x="13600" y="6924"/>
                  </a:lnTo>
                  <a:lnTo>
                    <a:pt x="13385" y="6934"/>
                  </a:lnTo>
                  <a:lnTo>
                    <a:pt x="12866" y="6934"/>
                  </a:lnTo>
                  <a:lnTo>
                    <a:pt x="12783" y="6931"/>
                  </a:lnTo>
                  <a:lnTo>
                    <a:pt x="12727" y="6910"/>
                  </a:lnTo>
                  <a:cubicBezTo>
                    <a:pt x="12651" y="6905"/>
                    <a:pt x="12573" y="6901"/>
                    <a:pt x="12495" y="6901"/>
                  </a:cubicBezTo>
                  <a:cubicBezTo>
                    <a:pt x="12478" y="6901"/>
                    <a:pt x="12461" y="6901"/>
                    <a:pt x="12444" y="6901"/>
                  </a:cubicBezTo>
                  <a:cubicBezTo>
                    <a:pt x="12395" y="6893"/>
                    <a:pt x="12407" y="6891"/>
                    <a:pt x="12442" y="6891"/>
                  </a:cubicBezTo>
                  <a:cubicBezTo>
                    <a:pt x="12458" y="6891"/>
                    <a:pt x="12478" y="6891"/>
                    <a:pt x="12500" y="6892"/>
                  </a:cubicBezTo>
                  <a:lnTo>
                    <a:pt x="12361" y="6883"/>
                  </a:lnTo>
                  <a:lnTo>
                    <a:pt x="12222" y="6871"/>
                  </a:lnTo>
                  <a:cubicBezTo>
                    <a:pt x="12132" y="6864"/>
                    <a:pt x="12053" y="6857"/>
                    <a:pt x="12002" y="6852"/>
                  </a:cubicBezTo>
                  <a:cubicBezTo>
                    <a:pt x="12004" y="6851"/>
                    <a:pt x="12009" y="6851"/>
                    <a:pt x="12014" y="6851"/>
                  </a:cubicBezTo>
                  <a:cubicBezTo>
                    <a:pt x="12040" y="6851"/>
                    <a:pt x="12090" y="6860"/>
                    <a:pt x="12121" y="6860"/>
                  </a:cubicBezTo>
                  <a:cubicBezTo>
                    <a:pt x="12126" y="6860"/>
                    <a:pt x="12130" y="6860"/>
                    <a:pt x="12134" y="6859"/>
                  </a:cubicBezTo>
                  <a:cubicBezTo>
                    <a:pt x="12078" y="6850"/>
                    <a:pt x="12018" y="6846"/>
                    <a:pt x="11960" y="6841"/>
                  </a:cubicBezTo>
                  <a:lnTo>
                    <a:pt x="11870" y="6834"/>
                  </a:lnTo>
                  <a:lnTo>
                    <a:pt x="11779" y="6822"/>
                  </a:lnTo>
                  <a:cubicBezTo>
                    <a:pt x="11680" y="6813"/>
                    <a:pt x="11583" y="6797"/>
                    <a:pt x="11485" y="6774"/>
                  </a:cubicBezTo>
                  <a:cubicBezTo>
                    <a:pt x="11506" y="6774"/>
                    <a:pt x="11527" y="6776"/>
                    <a:pt x="11548" y="6778"/>
                  </a:cubicBezTo>
                  <a:cubicBezTo>
                    <a:pt x="11383" y="6755"/>
                    <a:pt x="11230" y="6725"/>
                    <a:pt x="11073" y="6697"/>
                  </a:cubicBezTo>
                  <a:cubicBezTo>
                    <a:pt x="10994" y="6681"/>
                    <a:pt x="10915" y="6669"/>
                    <a:pt x="10834" y="6651"/>
                  </a:cubicBezTo>
                  <a:lnTo>
                    <a:pt x="10582" y="6593"/>
                  </a:lnTo>
                  <a:cubicBezTo>
                    <a:pt x="10443" y="6551"/>
                    <a:pt x="10404" y="6545"/>
                    <a:pt x="10378" y="6545"/>
                  </a:cubicBezTo>
                  <a:cubicBezTo>
                    <a:pt x="10369" y="6545"/>
                    <a:pt x="10361" y="6546"/>
                    <a:pt x="10351" y="6546"/>
                  </a:cubicBezTo>
                  <a:cubicBezTo>
                    <a:pt x="10326" y="6546"/>
                    <a:pt x="10284" y="6541"/>
                    <a:pt x="10156" y="6505"/>
                  </a:cubicBezTo>
                  <a:cubicBezTo>
                    <a:pt x="10160" y="6484"/>
                    <a:pt x="10054" y="6454"/>
                    <a:pt x="9931" y="6424"/>
                  </a:cubicBezTo>
                  <a:cubicBezTo>
                    <a:pt x="9806" y="6392"/>
                    <a:pt x="9667" y="6352"/>
                    <a:pt x="9602" y="6327"/>
                  </a:cubicBezTo>
                  <a:lnTo>
                    <a:pt x="9602" y="6327"/>
                  </a:lnTo>
                  <a:lnTo>
                    <a:pt x="9641" y="6347"/>
                  </a:lnTo>
                  <a:cubicBezTo>
                    <a:pt x="9556" y="6327"/>
                    <a:pt x="9470" y="6303"/>
                    <a:pt x="9387" y="6271"/>
                  </a:cubicBezTo>
                  <a:cubicBezTo>
                    <a:pt x="9303" y="6239"/>
                    <a:pt x="9227" y="6204"/>
                    <a:pt x="9176" y="6178"/>
                  </a:cubicBezTo>
                  <a:cubicBezTo>
                    <a:pt x="8946" y="6097"/>
                    <a:pt x="8608" y="5961"/>
                    <a:pt x="8374" y="5884"/>
                  </a:cubicBezTo>
                  <a:lnTo>
                    <a:pt x="8374" y="5884"/>
                  </a:lnTo>
                  <a:lnTo>
                    <a:pt x="8423" y="5896"/>
                  </a:lnTo>
                  <a:cubicBezTo>
                    <a:pt x="8233" y="5824"/>
                    <a:pt x="8124" y="5764"/>
                    <a:pt x="7934" y="5692"/>
                  </a:cubicBezTo>
                  <a:lnTo>
                    <a:pt x="7934" y="5692"/>
                  </a:lnTo>
                  <a:cubicBezTo>
                    <a:pt x="7938" y="5692"/>
                    <a:pt x="7965" y="5702"/>
                    <a:pt x="7971" y="5702"/>
                  </a:cubicBezTo>
                  <a:cubicBezTo>
                    <a:pt x="7974" y="5702"/>
                    <a:pt x="7969" y="5698"/>
                    <a:pt x="7941" y="5683"/>
                  </a:cubicBezTo>
                  <a:cubicBezTo>
                    <a:pt x="7723" y="5576"/>
                    <a:pt x="7503" y="5474"/>
                    <a:pt x="7286" y="5361"/>
                  </a:cubicBezTo>
                  <a:lnTo>
                    <a:pt x="7121" y="5277"/>
                  </a:lnTo>
                  <a:cubicBezTo>
                    <a:pt x="7096" y="5263"/>
                    <a:pt x="7068" y="5249"/>
                    <a:pt x="7040" y="5236"/>
                  </a:cubicBezTo>
                  <a:lnTo>
                    <a:pt x="6954" y="5192"/>
                  </a:lnTo>
                  <a:lnTo>
                    <a:pt x="6630" y="5018"/>
                  </a:lnTo>
                  <a:cubicBezTo>
                    <a:pt x="6523" y="4960"/>
                    <a:pt x="6417" y="4895"/>
                    <a:pt x="6313" y="4835"/>
                  </a:cubicBezTo>
                  <a:lnTo>
                    <a:pt x="6153" y="4742"/>
                  </a:lnTo>
                  <a:lnTo>
                    <a:pt x="5995" y="4647"/>
                  </a:lnTo>
                  <a:cubicBezTo>
                    <a:pt x="5893" y="4582"/>
                    <a:pt x="5787" y="4520"/>
                    <a:pt x="5685" y="4453"/>
                  </a:cubicBezTo>
                  <a:lnTo>
                    <a:pt x="5381" y="4251"/>
                  </a:lnTo>
                  <a:cubicBezTo>
                    <a:pt x="4550" y="3684"/>
                    <a:pt x="3753" y="3070"/>
                    <a:pt x="2991" y="2414"/>
                  </a:cubicBezTo>
                  <a:cubicBezTo>
                    <a:pt x="2595" y="2074"/>
                    <a:pt x="2208" y="1729"/>
                    <a:pt x="1837" y="1386"/>
                  </a:cubicBezTo>
                  <a:cubicBezTo>
                    <a:pt x="1467" y="1043"/>
                    <a:pt x="1110" y="707"/>
                    <a:pt x="779" y="390"/>
                  </a:cubicBezTo>
                  <a:lnTo>
                    <a:pt x="663" y="315"/>
                  </a:lnTo>
                  <a:cubicBezTo>
                    <a:pt x="593" y="271"/>
                    <a:pt x="501" y="214"/>
                    <a:pt x="410" y="160"/>
                  </a:cubicBezTo>
                  <a:cubicBezTo>
                    <a:pt x="277" y="82"/>
                    <a:pt x="145" y="14"/>
                    <a:pt x="95" y="14"/>
                  </a:cubicBezTo>
                  <a:cubicBezTo>
                    <a:pt x="78" y="14"/>
                    <a:pt x="70" y="22"/>
                    <a:pt x="74" y="40"/>
                  </a:cubicBezTo>
                  <a:cubicBezTo>
                    <a:pt x="82" y="49"/>
                    <a:pt x="83" y="52"/>
                    <a:pt x="81" y="52"/>
                  </a:cubicBezTo>
                  <a:cubicBezTo>
                    <a:pt x="73" y="52"/>
                    <a:pt x="12" y="0"/>
                    <a:pt x="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1" name="Google Shape;121;p7"/>
            <p:cNvSpPr/>
            <p:nvPr/>
          </p:nvSpPr>
          <p:spPr>
            <a:xfrm rot="10800000">
              <a:off x="3642955" y="5023573"/>
              <a:ext cx="996643" cy="251259"/>
            </a:xfrm>
            <a:custGeom>
              <a:avLst/>
              <a:gdLst/>
              <a:ahLst/>
              <a:cxnLst/>
              <a:rect l="l" t="t" r="r" b="b"/>
              <a:pathLst>
                <a:path w="16029" h="4041" extrusionOk="0">
                  <a:moveTo>
                    <a:pt x="406" y="321"/>
                  </a:moveTo>
                  <a:cubicBezTo>
                    <a:pt x="419" y="328"/>
                    <a:pt x="430" y="333"/>
                    <a:pt x="437" y="337"/>
                  </a:cubicBezTo>
                  <a:lnTo>
                    <a:pt x="437" y="337"/>
                  </a:lnTo>
                  <a:cubicBezTo>
                    <a:pt x="429" y="332"/>
                    <a:pt x="419" y="327"/>
                    <a:pt x="406" y="321"/>
                  </a:cubicBezTo>
                  <a:close/>
                  <a:moveTo>
                    <a:pt x="878" y="480"/>
                  </a:moveTo>
                  <a:lnTo>
                    <a:pt x="895" y="492"/>
                  </a:lnTo>
                  <a:cubicBezTo>
                    <a:pt x="889" y="487"/>
                    <a:pt x="883" y="484"/>
                    <a:pt x="878" y="480"/>
                  </a:cubicBezTo>
                  <a:close/>
                  <a:moveTo>
                    <a:pt x="15840" y="904"/>
                  </a:moveTo>
                  <a:lnTo>
                    <a:pt x="15840" y="904"/>
                  </a:lnTo>
                  <a:cubicBezTo>
                    <a:pt x="15838" y="906"/>
                    <a:pt x="15836" y="909"/>
                    <a:pt x="15834" y="911"/>
                  </a:cubicBezTo>
                  <a:cubicBezTo>
                    <a:pt x="15836" y="909"/>
                    <a:pt x="15838" y="906"/>
                    <a:pt x="15840" y="904"/>
                  </a:cubicBezTo>
                  <a:close/>
                  <a:moveTo>
                    <a:pt x="15479" y="1252"/>
                  </a:moveTo>
                  <a:cubicBezTo>
                    <a:pt x="15479" y="1253"/>
                    <a:pt x="15478" y="1254"/>
                    <a:pt x="15477" y="1256"/>
                  </a:cubicBezTo>
                  <a:lnTo>
                    <a:pt x="15477" y="1256"/>
                  </a:lnTo>
                  <a:cubicBezTo>
                    <a:pt x="15477" y="1255"/>
                    <a:pt x="15478" y="1253"/>
                    <a:pt x="15479" y="1252"/>
                  </a:cubicBezTo>
                  <a:close/>
                  <a:moveTo>
                    <a:pt x="15118" y="1715"/>
                  </a:moveTo>
                  <a:cubicBezTo>
                    <a:pt x="15119" y="1716"/>
                    <a:pt x="15120" y="1717"/>
                    <a:pt x="15121" y="1718"/>
                  </a:cubicBezTo>
                  <a:lnTo>
                    <a:pt x="15121" y="1718"/>
                  </a:lnTo>
                  <a:lnTo>
                    <a:pt x="15118" y="1715"/>
                  </a:lnTo>
                  <a:close/>
                  <a:moveTo>
                    <a:pt x="14590" y="2255"/>
                  </a:moveTo>
                  <a:cubicBezTo>
                    <a:pt x="14590" y="2255"/>
                    <a:pt x="14590" y="2255"/>
                    <a:pt x="14590" y="2256"/>
                  </a:cubicBezTo>
                  <a:lnTo>
                    <a:pt x="14590" y="2256"/>
                  </a:lnTo>
                  <a:cubicBezTo>
                    <a:pt x="14590" y="2255"/>
                    <a:pt x="14590" y="2255"/>
                    <a:pt x="14590" y="2255"/>
                  </a:cubicBezTo>
                  <a:close/>
                  <a:moveTo>
                    <a:pt x="3822" y="2251"/>
                  </a:moveTo>
                  <a:cubicBezTo>
                    <a:pt x="3827" y="2253"/>
                    <a:pt x="3832" y="2256"/>
                    <a:pt x="3837" y="2260"/>
                  </a:cubicBezTo>
                  <a:cubicBezTo>
                    <a:pt x="3832" y="2256"/>
                    <a:pt x="3827" y="2253"/>
                    <a:pt x="3822" y="2251"/>
                  </a:cubicBezTo>
                  <a:close/>
                  <a:moveTo>
                    <a:pt x="5169" y="3038"/>
                  </a:moveTo>
                  <a:cubicBezTo>
                    <a:pt x="5172" y="3040"/>
                    <a:pt x="5175" y="3041"/>
                    <a:pt x="5177" y="3041"/>
                  </a:cubicBezTo>
                  <a:lnTo>
                    <a:pt x="5177" y="3041"/>
                  </a:lnTo>
                  <a:cubicBezTo>
                    <a:pt x="5174" y="3040"/>
                    <a:pt x="5172" y="3039"/>
                    <a:pt x="5169" y="3038"/>
                  </a:cubicBezTo>
                  <a:close/>
                  <a:moveTo>
                    <a:pt x="5185" y="3038"/>
                  </a:moveTo>
                  <a:cubicBezTo>
                    <a:pt x="5181" y="3038"/>
                    <a:pt x="5185" y="3042"/>
                    <a:pt x="5181" y="3042"/>
                  </a:cubicBezTo>
                  <a:cubicBezTo>
                    <a:pt x="5180" y="3042"/>
                    <a:pt x="5179" y="3042"/>
                    <a:pt x="5177" y="3041"/>
                  </a:cubicBezTo>
                  <a:lnTo>
                    <a:pt x="5177" y="3041"/>
                  </a:lnTo>
                  <a:cubicBezTo>
                    <a:pt x="5199" y="3049"/>
                    <a:pt x="5221" y="3057"/>
                    <a:pt x="5226" y="3057"/>
                  </a:cubicBezTo>
                  <a:cubicBezTo>
                    <a:pt x="5227" y="3057"/>
                    <a:pt x="5227" y="3057"/>
                    <a:pt x="5227" y="3056"/>
                  </a:cubicBezTo>
                  <a:cubicBezTo>
                    <a:pt x="5198" y="3042"/>
                    <a:pt x="5188" y="3038"/>
                    <a:pt x="5185" y="3038"/>
                  </a:cubicBezTo>
                  <a:close/>
                  <a:moveTo>
                    <a:pt x="13281" y="3107"/>
                  </a:moveTo>
                  <a:cubicBezTo>
                    <a:pt x="13279" y="3107"/>
                    <a:pt x="13273" y="3111"/>
                    <a:pt x="13258" y="3119"/>
                  </a:cubicBezTo>
                  <a:lnTo>
                    <a:pt x="13272" y="3116"/>
                  </a:lnTo>
                  <a:lnTo>
                    <a:pt x="13272" y="3116"/>
                  </a:lnTo>
                  <a:cubicBezTo>
                    <a:pt x="13265" y="3123"/>
                    <a:pt x="13254" y="3132"/>
                    <a:pt x="13249" y="3140"/>
                  </a:cubicBezTo>
                  <a:lnTo>
                    <a:pt x="13249" y="3140"/>
                  </a:lnTo>
                  <a:lnTo>
                    <a:pt x="13283" y="3114"/>
                  </a:lnTo>
                  <a:lnTo>
                    <a:pt x="13272" y="3116"/>
                  </a:lnTo>
                  <a:lnTo>
                    <a:pt x="13272" y="3116"/>
                  </a:lnTo>
                  <a:cubicBezTo>
                    <a:pt x="13278" y="3111"/>
                    <a:pt x="13282" y="3107"/>
                    <a:pt x="13281" y="3107"/>
                  </a:cubicBezTo>
                  <a:close/>
                  <a:moveTo>
                    <a:pt x="10184" y="3723"/>
                  </a:moveTo>
                  <a:cubicBezTo>
                    <a:pt x="10179" y="3725"/>
                    <a:pt x="10174" y="3726"/>
                    <a:pt x="10170" y="3727"/>
                  </a:cubicBezTo>
                  <a:lnTo>
                    <a:pt x="10170" y="3727"/>
                  </a:lnTo>
                  <a:cubicBezTo>
                    <a:pt x="10177" y="3726"/>
                    <a:pt x="10182" y="3724"/>
                    <a:pt x="10184" y="3723"/>
                  </a:cubicBezTo>
                  <a:close/>
                  <a:moveTo>
                    <a:pt x="7647" y="3749"/>
                  </a:moveTo>
                  <a:cubicBezTo>
                    <a:pt x="7648" y="3749"/>
                    <a:pt x="7649" y="3749"/>
                    <a:pt x="7650" y="3749"/>
                  </a:cubicBezTo>
                  <a:lnTo>
                    <a:pt x="7650" y="3749"/>
                  </a:lnTo>
                  <a:lnTo>
                    <a:pt x="7647" y="3749"/>
                  </a:lnTo>
                  <a:close/>
                  <a:moveTo>
                    <a:pt x="100" y="1"/>
                  </a:moveTo>
                  <a:lnTo>
                    <a:pt x="100" y="1"/>
                  </a:lnTo>
                  <a:cubicBezTo>
                    <a:pt x="147" y="45"/>
                    <a:pt x="200" y="82"/>
                    <a:pt x="253" y="117"/>
                  </a:cubicBezTo>
                  <a:cubicBezTo>
                    <a:pt x="251" y="117"/>
                    <a:pt x="249" y="117"/>
                    <a:pt x="246" y="117"/>
                  </a:cubicBezTo>
                  <a:cubicBezTo>
                    <a:pt x="222" y="117"/>
                    <a:pt x="204" y="112"/>
                    <a:pt x="194" y="112"/>
                  </a:cubicBezTo>
                  <a:cubicBezTo>
                    <a:pt x="184" y="112"/>
                    <a:pt x="183" y="117"/>
                    <a:pt x="195" y="140"/>
                  </a:cubicBezTo>
                  <a:lnTo>
                    <a:pt x="295" y="207"/>
                  </a:lnTo>
                  <a:lnTo>
                    <a:pt x="281" y="230"/>
                  </a:lnTo>
                  <a:cubicBezTo>
                    <a:pt x="256" y="214"/>
                    <a:pt x="230" y="198"/>
                    <a:pt x="205" y="177"/>
                  </a:cubicBezTo>
                  <a:cubicBezTo>
                    <a:pt x="204" y="177"/>
                    <a:pt x="203" y="177"/>
                    <a:pt x="202" y="177"/>
                  </a:cubicBezTo>
                  <a:cubicBezTo>
                    <a:pt x="175" y="177"/>
                    <a:pt x="66" y="84"/>
                    <a:pt x="45" y="84"/>
                  </a:cubicBezTo>
                  <a:cubicBezTo>
                    <a:pt x="44" y="84"/>
                    <a:pt x="43" y="84"/>
                    <a:pt x="43" y="84"/>
                  </a:cubicBezTo>
                  <a:lnTo>
                    <a:pt x="128" y="138"/>
                  </a:lnTo>
                  <a:cubicBezTo>
                    <a:pt x="136" y="146"/>
                    <a:pt x="137" y="150"/>
                    <a:pt x="134" y="150"/>
                  </a:cubicBezTo>
                  <a:cubicBezTo>
                    <a:pt x="121" y="150"/>
                    <a:pt x="50" y="105"/>
                    <a:pt x="1" y="77"/>
                  </a:cubicBezTo>
                  <a:lnTo>
                    <a:pt x="1" y="77"/>
                  </a:lnTo>
                  <a:cubicBezTo>
                    <a:pt x="47" y="128"/>
                    <a:pt x="186" y="196"/>
                    <a:pt x="307" y="272"/>
                  </a:cubicBezTo>
                  <a:cubicBezTo>
                    <a:pt x="306" y="270"/>
                    <a:pt x="307" y="270"/>
                    <a:pt x="310" y="270"/>
                  </a:cubicBezTo>
                  <a:cubicBezTo>
                    <a:pt x="320" y="270"/>
                    <a:pt x="350" y="280"/>
                    <a:pt x="362" y="280"/>
                  </a:cubicBezTo>
                  <a:cubicBezTo>
                    <a:pt x="372" y="280"/>
                    <a:pt x="367" y="272"/>
                    <a:pt x="318" y="240"/>
                  </a:cubicBezTo>
                  <a:cubicBezTo>
                    <a:pt x="319" y="239"/>
                    <a:pt x="320" y="238"/>
                    <a:pt x="322" y="238"/>
                  </a:cubicBezTo>
                  <a:cubicBezTo>
                    <a:pt x="339" y="238"/>
                    <a:pt x="404" y="275"/>
                    <a:pt x="446" y="300"/>
                  </a:cubicBezTo>
                  <a:cubicBezTo>
                    <a:pt x="444" y="299"/>
                    <a:pt x="443" y="299"/>
                    <a:pt x="443" y="299"/>
                  </a:cubicBezTo>
                  <a:cubicBezTo>
                    <a:pt x="431" y="299"/>
                    <a:pt x="475" y="343"/>
                    <a:pt x="457" y="343"/>
                  </a:cubicBezTo>
                  <a:cubicBezTo>
                    <a:pt x="453" y="343"/>
                    <a:pt x="447" y="342"/>
                    <a:pt x="437" y="337"/>
                  </a:cubicBezTo>
                  <a:lnTo>
                    <a:pt x="437" y="337"/>
                  </a:lnTo>
                  <a:cubicBezTo>
                    <a:pt x="505" y="374"/>
                    <a:pt x="466" y="359"/>
                    <a:pt x="571" y="420"/>
                  </a:cubicBezTo>
                  <a:cubicBezTo>
                    <a:pt x="570" y="420"/>
                    <a:pt x="570" y="420"/>
                    <a:pt x="570" y="420"/>
                  </a:cubicBezTo>
                  <a:cubicBezTo>
                    <a:pt x="557" y="420"/>
                    <a:pt x="774" y="550"/>
                    <a:pt x="744" y="562"/>
                  </a:cubicBezTo>
                  <a:cubicBezTo>
                    <a:pt x="752" y="564"/>
                    <a:pt x="757" y="565"/>
                    <a:pt x="762" y="565"/>
                  </a:cubicBezTo>
                  <a:cubicBezTo>
                    <a:pt x="769" y="565"/>
                    <a:pt x="774" y="563"/>
                    <a:pt x="783" y="563"/>
                  </a:cubicBezTo>
                  <a:cubicBezTo>
                    <a:pt x="798" y="563"/>
                    <a:pt x="825" y="571"/>
                    <a:pt x="897" y="617"/>
                  </a:cubicBezTo>
                  <a:cubicBezTo>
                    <a:pt x="879" y="587"/>
                    <a:pt x="778" y="518"/>
                    <a:pt x="798" y="518"/>
                  </a:cubicBezTo>
                  <a:cubicBezTo>
                    <a:pt x="802" y="518"/>
                    <a:pt x="814" y="522"/>
                    <a:pt x="835" y="531"/>
                  </a:cubicBezTo>
                  <a:lnTo>
                    <a:pt x="765" y="499"/>
                  </a:lnTo>
                  <a:cubicBezTo>
                    <a:pt x="675" y="432"/>
                    <a:pt x="799" y="501"/>
                    <a:pt x="683" y="417"/>
                  </a:cubicBezTo>
                  <a:lnTo>
                    <a:pt x="683" y="417"/>
                  </a:lnTo>
                  <a:cubicBezTo>
                    <a:pt x="719" y="442"/>
                    <a:pt x="796" y="481"/>
                    <a:pt x="805" y="499"/>
                  </a:cubicBezTo>
                  <a:cubicBezTo>
                    <a:pt x="803" y="492"/>
                    <a:pt x="806" y="489"/>
                    <a:pt x="811" y="489"/>
                  </a:cubicBezTo>
                  <a:cubicBezTo>
                    <a:pt x="844" y="489"/>
                    <a:pt x="980" y="586"/>
                    <a:pt x="1009" y="586"/>
                  </a:cubicBezTo>
                  <a:cubicBezTo>
                    <a:pt x="1011" y="586"/>
                    <a:pt x="1012" y="586"/>
                    <a:pt x="1013" y="585"/>
                  </a:cubicBezTo>
                  <a:cubicBezTo>
                    <a:pt x="1034" y="610"/>
                    <a:pt x="1071" y="633"/>
                    <a:pt x="1138" y="675"/>
                  </a:cubicBezTo>
                  <a:cubicBezTo>
                    <a:pt x="1129" y="677"/>
                    <a:pt x="1141" y="691"/>
                    <a:pt x="1132" y="691"/>
                  </a:cubicBezTo>
                  <a:cubicBezTo>
                    <a:pt x="1127" y="691"/>
                    <a:pt x="1119" y="688"/>
                    <a:pt x="1101" y="680"/>
                  </a:cubicBezTo>
                  <a:cubicBezTo>
                    <a:pt x="1059" y="654"/>
                    <a:pt x="1020" y="626"/>
                    <a:pt x="983" y="596"/>
                  </a:cubicBezTo>
                  <a:lnTo>
                    <a:pt x="983" y="596"/>
                  </a:lnTo>
                  <a:cubicBezTo>
                    <a:pt x="990" y="643"/>
                    <a:pt x="1150" y="717"/>
                    <a:pt x="1256" y="796"/>
                  </a:cubicBezTo>
                  <a:cubicBezTo>
                    <a:pt x="1248" y="789"/>
                    <a:pt x="1244" y="784"/>
                    <a:pt x="1248" y="784"/>
                  </a:cubicBezTo>
                  <a:cubicBezTo>
                    <a:pt x="1251" y="784"/>
                    <a:pt x="1259" y="786"/>
                    <a:pt x="1273" y="793"/>
                  </a:cubicBezTo>
                  <a:cubicBezTo>
                    <a:pt x="1333" y="839"/>
                    <a:pt x="1467" y="931"/>
                    <a:pt x="1440" y="931"/>
                  </a:cubicBezTo>
                  <a:cubicBezTo>
                    <a:pt x="1438" y="931"/>
                    <a:pt x="1436" y="931"/>
                    <a:pt x="1432" y="930"/>
                  </a:cubicBezTo>
                  <a:lnTo>
                    <a:pt x="1432" y="930"/>
                  </a:lnTo>
                  <a:lnTo>
                    <a:pt x="1778" y="1148"/>
                  </a:lnTo>
                  <a:cubicBezTo>
                    <a:pt x="1777" y="1148"/>
                    <a:pt x="1777" y="1148"/>
                    <a:pt x="1776" y="1148"/>
                  </a:cubicBezTo>
                  <a:cubicBezTo>
                    <a:pt x="1765" y="1148"/>
                    <a:pt x="1725" y="1117"/>
                    <a:pt x="1703" y="1108"/>
                  </a:cubicBezTo>
                  <a:lnTo>
                    <a:pt x="1703" y="1108"/>
                  </a:lnTo>
                  <a:lnTo>
                    <a:pt x="1893" y="1231"/>
                  </a:lnTo>
                  <a:cubicBezTo>
                    <a:pt x="1902" y="1239"/>
                    <a:pt x="1903" y="1243"/>
                    <a:pt x="1901" y="1243"/>
                  </a:cubicBezTo>
                  <a:cubicBezTo>
                    <a:pt x="1890" y="1243"/>
                    <a:pt x="1818" y="1198"/>
                    <a:pt x="1798" y="1196"/>
                  </a:cubicBezTo>
                  <a:lnTo>
                    <a:pt x="1798" y="1196"/>
                  </a:lnTo>
                  <a:lnTo>
                    <a:pt x="1935" y="1284"/>
                  </a:lnTo>
                  <a:lnTo>
                    <a:pt x="1912" y="1282"/>
                  </a:lnTo>
                  <a:lnTo>
                    <a:pt x="1912" y="1282"/>
                  </a:lnTo>
                  <a:cubicBezTo>
                    <a:pt x="1949" y="1296"/>
                    <a:pt x="2109" y="1398"/>
                    <a:pt x="2137" y="1437"/>
                  </a:cubicBezTo>
                  <a:cubicBezTo>
                    <a:pt x="2292" y="1530"/>
                    <a:pt x="2308" y="1497"/>
                    <a:pt x="2505" y="1643"/>
                  </a:cubicBezTo>
                  <a:cubicBezTo>
                    <a:pt x="2504" y="1644"/>
                    <a:pt x="2503" y="1644"/>
                    <a:pt x="2501" y="1644"/>
                  </a:cubicBezTo>
                  <a:cubicBezTo>
                    <a:pt x="2475" y="1644"/>
                    <a:pt x="2382" y="1573"/>
                    <a:pt x="2331" y="1553"/>
                  </a:cubicBezTo>
                  <a:lnTo>
                    <a:pt x="2331" y="1553"/>
                  </a:lnTo>
                  <a:cubicBezTo>
                    <a:pt x="2366" y="1583"/>
                    <a:pt x="2496" y="1650"/>
                    <a:pt x="2507" y="1678"/>
                  </a:cubicBezTo>
                  <a:cubicBezTo>
                    <a:pt x="2658" y="1766"/>
                    <a:pt x="2660" y="1727"/>
                    <a:pt x="2739" y="1759"/>
                  </a:cubicBezTo>
                  <a:cubicBezTo>
                    <a:pt x="2790" y="1791"/>
                    <a:pt x="2800" y="1800"/>
                    <a:pt x="2794" y="1800"/>
                  </a:cubicBezTo>
                  <a:cubicBezTo>
                    <a:pt x="2786" y="1800"/>
                    <a:pt x="2755" y="1786"/>
                    <a:pt x="2749" y="1786"/>
                  </a:cubicBezTo>
                  <a:cubicBezTo>
                    <a:pt x="2748" y="1786"/>
                    <a:pt x="2748" y="1787"/>
                    <a:pt x="2748" y="1787"/>
                  </a:cubicBezTo>
                  <a:cubicBezTo>
                    <a:pt x="2783" y="1812"/>
                    <a:pt x="2857" y="1822"/>
                    <a:pt x="2878" y="1863"/>
                  </a:cubicBezTo>
                  <a:cubicBezTo>
                    <a:pt x="2906" y="1875"/>
                    <a:pt x="2930" y="1882"/>
                    <a:pt x="2940" y="1882"/>
                  </a:cubicBezTo>
                  <a:cubicBezTo>
                    <a:pt x="2954" y="1882"/>
                    <a:pt x="2947" y="1870"/>
                    <a:pt x="2901" y="1836"/>
                  </a:cubicBezTo>
                  <a:lnTo>
                    <a:pt x="2901" y="1836"/>
                  </a:lnTo>
                  <a:cubicBezTo>
                    <a:pt x="2957" y="1875"/>
                    <a:pt x="3017" y="1905"/>
                    <a:pt x="3079" y="1933"/>
                  </a:cubicBezTo>
                  <a:cubicBezTo>
                    <a:pt x="3074" y="1932"/>
                    <a:pt x="3070" y="1932"/>
                    <a:pt x="3067" y="1932"/>
                  </a:cubicBezTo>
                  <a:cubicBezTo>
                    <a:pt x="3032" y="1932"/>
                    <a:pt x="3146" y="1990"/>
                    <a:pt x="3142" y="2012"/>
                  </a:cubicBezTo>
                  <a:cubicBezTo>
                    <a:pt x="3235" y="2077"/>
                    <a:pt x="3445" y="2220"/>
                    <a:pt x="3552" y="2255"/>
                  </a:cubicBezTo>
                  <a:lnTo>
                    <a:pt x="3508" y="2262"/>
                  </a:lnTo>
                  <a:lnTo>
                    <a:pt x="3624" y="2331"/>
                  </a:lnTo>
                  <a:cubicBezTo>
                    <a:pt x="3641" y="2347"/>
                    <a:pt x="3645" y="2353"/>
                    <a:pt x="3640" y="2353"/>
                  </a:cubicBezTo>
                  <a:cubicBezTo>
                    <a:pt x="3625" y="2353"/>
                    <a:pt x="3502" y="2275"/>
                    <a:pt x="3457" y="2248"/>
                  </a:cubicBezTo>
                  <a:lnTo>
                    <a:pt x="3457" y="2248"/>
                  </a:lnTo>
                  <a:cubicBezTo>
                    <a:pt x="3608" y="2350"/>
                    <a:pt x="3712" y="2415"/>
                    <a:pt x="3851" y="2503"/>
                  </a:cubicBezTo>
                  <a:cubicBezTo>
                    <a:pt x="3814" y="2470"/>
                    <a:pt x="3842" y="2482"/>
                    <a:pt x="3828" y="2461"/>
                  </a:cubicBezTo>
                  <a:lnTo>
                    <a:pt x="3828" y="2461"/>
                  </a:lnTo>
                  <a:cubicBezTo>
                    <a:pt x="3881" y="2482"/>
                    <a:pt x="3943" y="2531"/>
                    <a:pt x="3994" y="2558"/>
                  </a:cubicBezTo>
                  <a:cubicBezTo>
                    <a:pt x="3998" y="2565"/>
                    <a:pt x="3998" y="2569"/>
                    <a:pt x="3993" y="2569"/>
                  </a:cubicBezTo>
                  <a:cubicBezTo>
                    <a:pt x="3987" y="2569"/>
                    <a:pt x="3975" y="2564"/>
                    <a:pt x="3953" y="2551"/>
                  </a:cubicBezTo>
                  <a:lnTo>
                    <a:pt x="3953" y="2551"/>
                  </a:lnTo>
                  <a:lnTo>
                    <a:pt x="4050" y="2609"/>
                  </a:lnTo>
                  <a:cubicBezTo>
                    <a:pt x="4041" y="2616"/>
                    <a:pt x="4052" y="2628"/>
                    <a:pt x="4044" y="2628"/>
                  </a:cubicBezTo>
                  <a:cubicBezTo>
                    <a:pt x="4039" y="2628"/>
                    <a:pt x="4022" y="2621"/>
                    <a:pt x="3978" y="2600"/>
                  </a:cubicBezTo>
                  <a:lnTo>
                    <a:pt x="3978" y="2600"/>
                  </a:lnTo>
                  <a:lnTo>
                    <a:pt x="4071" y="2651"/>
                  </a:lnTo>
                  <a:cubicBezTo>
                    <a:pt x="4105" y="2674"/>
                    <a:pt x="4113" y="2682"/>
                    <a:pt x="4108" y="2682"/>
                  </a:cubicBezTo>
                  <a:cubicBezTo>
                    <a:pt x="4100" y="2682"/>
                    <a:pt x="4049" y="2657"/>
                    <a:pt x="4032" y="2651"/>
                  </a:cubicBezTo>
                  <a:lnTo>
                    <a:pt x="4032" y="2651"/>
                  </a:lnTo>
                  <a:lnTo>
                    <a:pt x="4184" y="2751"/>
                  </a:lnTo>
                  <a:cubicBezTo>
                    <a:pt x="4197" y="2756"/>
                    <a:pt x="4204" y="2757"/>
                    <a:pt x="4207" y="2757"/>
                  </a:cubicBezTo>
                  <a:cubicBezTo>
                    <a:pt x="4214" y="2757"/>
                    <a:pt x="4207" y="2750"/>
                    <a:pt x="4212" y="2750"/>
                  </a:cubicBezTo>
                  <a:cubicBezTo>
                    <a:pt x="4217" y="2750"/>
                    <a:pt x="4231" y="2756"/>
                    <a:pt x="4272" y="2778"/>
                  </a:cubicBezTo>
                  <a:cubicBezTo>
                    <a:pt x="4409" y="2880"/>
                    <a:pt x="4599" y="2985"/>
                    <a:pt x="4763" y="3084"/>
                  </a:cubicBezTo>
                  <a:cubicBezTo>
                    <a:pt x="4726" y="3056"/>
                    <a:pt x="4689" y="3031"/>
                    <a:pt x="4652" y="3003"/>
                  </a:cubicBezTo>
                  <a:lnTo>
                    <a:pt x="4652" y="3003"/>
                  </a:lnTo>
                  <a:cubicBezTo>
                    <a:pt x="4699" y="3031"/>
                    <a:pt x="4723" y="3038"/>
                    <a:pt x="4739" y="3038"/>
                  </a:cubicBezTo>
                  <a:cubicBezTo>
                    <a:pt x="4754" y="3038"/>
                    <a:pt x="4762" y="3032"/>
                    <a:pt x="4775" y="3032"/>
                  </a:cubicBezTo>
                  <a:cubicBezTo>
                    <a:pt x="4778" y="3032"/>
                    <a:pt x="4781" y="3033"/>
                    <a:pt x="4784" y="3033"/>
                  </a:cubicBezTo>
                  <a:cubicBezTo>
                    <a:pt x="4831" y="3063"/>
                    <a:pt x="4886" y="3091"/>
                    <a:pt x="4940" y="3121"/>
                  </a:cubicBezTo>
                  <a:cubicBezTo>
                    <a:pt x="4993" y="3149"/>
                    <a:pt x="5044" y="3179"/>
                    <a:pt x="5083" y="3202"/>
                  </a:cubicBezTo>
                  <a:cubicBezTo>
                    <a:pt x="5056" y="3193"/>
                    <a:pt x="5039" y="3189"/>
                    <a:pt x="5029" y="3189"/>
                  </a:cubicBezTo>
                  <a:cubicBezTo>
                    <a:pt x="5003" y="3189"/>
                    <a:pt x="5035" y="3220"/>
                    <a:pt x="5095" y="3260"/>
                  </a:cubicBezTo>
                  <a:cubicBezTo>
                    <a:pt x="5146" y="3293"/>
                    <a:pt x="5204" y="3316"/>
                    <a:pt x="5264" y="3327"/>
                  </a:cubicBezTo>
                  <a:cubicBezTo>
                    <a:pt x="5299" y="3332"/>
                    <a:pt x="5336" y="3339"/>
                    <a:pt x="5370" y="3353"/>
                  </a:cubicBezTo>
                  <a:cubicBezTo>
                    <a:pt x="5366" y="3353"/>
                    <a:pt x="5363" y="3352"/>
                    <a:pt x="5360" y="3352"/>
                  </a:cubicBezTo>
                  <a:cubicBezTo>
                    <a:pt x="5287" y="3352"/>
                    <a:pt x="5504" y="3427"/>
                    <a:pt x="5477" y="3436"/>
                  </a:cubicBezTo>
                  <a:cubicBezTo>
                    <a:pt x="5739" y="3550"/>
                    <a:pt x="6010" y="3647"/>
                    <a:pt x="6283" y="3726"/>
                  </a:cubicBezTo>
                  <a:cubicBezTo>
                    <a:pt x="6279" y="3720"/>
                    <a:pt x="6221" y="3696"/>
                    <a:pt x="6238" y="3696"/>
                  </a:cubicBezTo>
                  <a:cubicBezTo>
                    <a:pt x="6240" y="3696"/>
                    <a:pt x="6244" y="3697"/>
                    <a:pt x="6251" y="3698"/>
                  </a:cubicBezTo>
                  <a:cubicBezTo>
                    <a:pt x="6290" y="3710"/>
                    <a:pt x="6329" y="3721"/>
                    <a:pt x="6366" y="3740"/>
                  </a:cubicBezTo>
                  <a:cubicBezTo>
                    <a:pt x="6383" y="3744"/>
                    <a:pt x="6397" y="3754"/>
                    <a:pt x="6413" y="3765"/>
                  </a:cubicBezTo>
                  <a:cubicBezTo>
                    <a:pt x="6496" y="3788"/>
                    <a:pt x="6584" y="3802"/>
                    <a:pt x="6672" y="3807"/>
                  </a:cubicBezTo>
                  <a:cubicBezTo>
                    <a:pt x="6614" y="3795"/>
                    <a:pt x="6610" y="3791"/>
                    <a:pt x="6624" y="3784"/>
                  </a:cubicBezTo>
                  <a:lnTo>
                    <a:pt x="6624" y="3784"/>
                  </a:lnTo>
                  <a:cubicBezTo>
                    <a:pt x="6756" y="3816"/>
                    <a:pt x="6714" y="3828"/>
                    <a:pt x="6846" y="3839"/>
                  </a:cubicBezTo>
                  <a:cubicBezTo>
                    <a:pt x="6852" y="3845"/>
                    <a:pt x="6848" y="3847"/>
                    <a:pt x="6838" y="3847"/>
                  </a:cubicBezTo>
                  <a:cubicBezTo>
                    <a:pt x="6813" y="3847"/>
                    <a:pt x="6749" y="3834"/>
                    <a:pt x="6722" y="3834"/>
                  </a:cubicBezTo>
                  <a:cubicBezTo>
                    <a:pt x="6713" y="3834"/>
                    <a:pt x="6708" y="3835"/>
                    <a:pt x="6709" y="3839"/>
                  </a:cubicBezTo>
                  <a:cubicBezTo>
                    <a:pt x="6802" y="3860"/>
                    <a:pt x="6897" y="3876"/>
                    <a:pt x="6992" y="3883"/>
                  </a:cubicBezTo>
                  <a:cubicBezTo>
                    <a:pt x="6996" y="3887"/>
                    <a:pt x="6994" y="3888"/>
                    <a:pt x="6989" y="3888"/>
                  </a:cubicBezTo>
                  <a:cubicBezTo>
                    <a:pt x="6980" y="3888"/>
                    <a:pt x="6959" y="3883"/>
                    <a:pt x="6955" y="3883"/>
                  </a:cubicBezTo>
                  <a:cubicBezTo>
                    <a:pt x="6952" y="3883"/>
                    <a:pt x="6957" y="3886"/>
                    <a:pt x="6976" y="3893"/>
                  </a:cubicBezTo>
                  <a:cubicBezTo>
                    <a:pt x="6999" y="3897"/>
                    <a:pt x="7022" y="3902"/>
                    <a:pt x="7048" y="3904"/>
                  </a:cubicBezTo>
                  <a:lnTo>
                    <a:pt x="7122" y="3913"/>
                  </a:lnTo>
                  <a:lnTo>
                    <a:pt x="7268" y="3932"/>
                  </a:lnTo>
                  <a:cubicBezTo>
                    <a:pt x="7316" y="3937"/>
                    <a:pt x="7365" y="3944"/>
                    <a:pt x="7407" y="3946"/>
                  </a:cubicBezTo>
                  <a:lnTo>
                    <a:pt x="7527" y="3955"/>
                  </a:lnTo>
                  <a:lnTo>
                    <a:pt x="7562" y="3976"/>
                  </a:lnTo>
                  <a:cubicBezTo>
                    <a:pt x="7614" y="3984"/>
                    <a:pt x="7667" y="3988"/>
                    <a:pt x="7719" y="3988"/>
                  </a:cubicBezTo>
                  <a:cubicBezTo>
                    <a:pt x="7730" y="3988"/>
                    <a:pt x="7741" y="3988"/>
                    <a:pt x="7752" y="3988"/>
                  </a:cubicBezTo>
                  <a:cubicBezTo>
                    <a:pt x="7785" y="3996"/>
                    <a:pt x="7777" y="3998"/>
                    <a:pt x="7753" y="3998"/>
                  </a:cubicBezTo>
                  <a:cubicBezTo>
                    <a:pt x="7743" y="3998"/>
                    <a:pt x="7729" y="3998"/>
                    <a:pt x="7715" y="3997"/>
                  </a:cubicBezTo>
                  <a:lnTo>
                    <a:pt x="7715" y="3997"/>
                  </a:lnTo>
                  <a:cubicBezTo>
                    <a:pt x="7835" y="4008"/>
                    <a:pt x="7983" y="4008"/>
                    <a:pt x="8051" y="4013"/>
                  </a:cubicBezTo>
                  <a:cubicBezTo>
                    <a:pt x="8047" y="4016"/>
                    <a:pt x="8041" y="4016"/>
                    <a:pt x="8033" y="4016"/>
                  </a:cubicBezTo>
                  <a:cubicBezTo>
                    <a:pt x="8018" y="4016"/>
                    <a:pt x="7997" y="4013"/>
                    <a:pt x="7980" y="4013"/>
                  </a:cubicBezTo>
                  <a:cubicBezTo>
                    <a:pt x="7973" y="4013"/>
                    <a:pt x="7967" y="4014"/>
                    <a:pt x="7963" y="4015"/>
                  </a:cubicBezTo>
                  <a:cubicBezTo>
                    <a:pt x="8002" y="4020"/>
                    <a:pt x="8041" y="4022"/>
                    <a:pt x="8081" y="4022"/>
                  </a:cubicBezTo>
                  <a:lnTo>
                    <a:pt x="8201" y="4022"/>
                  </a:lnTo>
                  <a:cubicBezTo>
                    <a:pt x="8212" y="4022"/>
                    <a:pt x="8223" y="4022"/>
                    <a:pt x="8235" y="4022"/>
                  </a:cubicBezTo>
                  <a:cubicBezTo>
                    <a:pt x="8291" y="4022"/>
                    <a:pt x="8347" y="4027"/>
                    <a:pt x="8403" y="4036"/>
                  </a:cubicBezTo>
                  <a:cubicBezTo>
                    <a:pt x="8399" y="4037"/>
                    <a:pt x="8396" y="4037"/>
                    <a:pt x="8393" y="4037"/>
                  </a:cubicBezTo>
                  <a:lnTo>
                    <a:pt x="8393" y="4037"/>
                  </a:lnTo>
                  <a:cubicBezTo>
                    <a:pt x="8382" y="4037"/>
                    <a:pt x="8372" y="4037"/>
                    <a:pt x="8361" y="4036"/>
                  </a:cubicBezTo>
                  <a:lnTo>
                    <a:pt x="8361" y="4036"/>
                  </a:lnTo>
                  <a:cubicBezTo>
                    <a:pt x="8368" y="4037"/>
                    <a:pt x="8375" y="4038"/>
                    <a:pt x="8382" y="4038"/>
                  </a:cubicBezTo>
                  <a:cubicBezTo>
                    <a:pt x="8386" y="4038"/>
                    <a:pt x="8389" y="4038"/>
                    <a:pt x="8393" y="4037"/>
                  </a:cubicBezTo>
                  <a:lnTo>
                    <a:pt x="8393" y="4037"/>
                  </a:lnTo>
                  <a:cubicBezTo>
                    <a:pt x="8492" y="4041"/>
                    <a:pt x="8587" y="4041"/>
                    <a:pt x="8683" y="4041"/>
                  </a:cubicBezTo>
                  <a:cubicBezTo>
                    <a:pt x="8789" y="4041"/>
                    <a:pt x="8898" y="4034"/>
                    <a:pt x="9019" y="4034"/>
                  </a:cubicBezTo>
                  <a:cubicBezTo>
                    <a:pt x="9054" y="4037"/>
                    <a:pt x="9080" y="4038"/>
                    <a:pt x="9099" y="4038"/>
                  </a:cubicBezTo>
                  <a:cubicBezTo>
                    <a:pt x="9200" y="4038"/>
                    <a:pt x="9123" y="4008"/>
                    <a:pt x="9306" y="4004"/>
                  </a:cubicBezTo>
                  <a:cubicBezTo>
                    <a:pt x="9306" y="4018"/>
                    <a:pt x="9333" y="4022"/>
                    <a:pt x="9373" y="4022"/>
                  </a:cubicBezTo>
                  <a:cubicBezTo>
                    <a:pt x="9400" y="4022"/>
                    <a:pt x="9432" y="4020"/>
                    <a:pt x="9466" y="4018"/>
                  </a:cubicBezTo>
                  <a:cubicBezTo>
                    <a:pt x="9552" y="4011"/>
                    <a:pt x="9647" y="3999"/>
                    <a:pt x="9693" y="3999"/>
                  </a:cubicBezTo>
                  <a:lnTo>
                    <a:pt x="9663" y="3995"/>
                  </a:lnTo>
                  <a:cubicBezTo>
                    <a:pt x="9726" y="3985"/>
                    <a:pt x="9791" y="3980"/>
                    <a:pt x="9855" y="3980"/>
                  </a:cubicBezTo>
                  <a:cubicBezTo>
                    <a:pt x="9901" y="3980"/>
                    <a:pt x="9946" y="3983"/>
                    <a:pt x="9992" y="3988"/>
                  </a:cubicBezTo>
                  <a:cubicBezTo>
                    <a:pt x="10073" y="3983"/>
                    <a:pt x="10172" y="3976"/>
                    <a:pt x="10274" y="3967"/>
                  </a:cubicBezTo>
                  <a:cubicBezTo>
                    <a:pt x="10374" y="3957"/>
                    <a:pt x="10474" y="3946"/>
                    <a:pt x="10552" y="3930"/>
                  </a:cubicBezTo>
                  <a:lnTo>
                    <a:pt x="10552" y="3930"/>
                  </a:lnTo>
                  <a:lnTo>
                    <a:pt x="10522" y="3941"/>
                  </a:lnTo>
                  <a:cubicBezTo>
                    <a:pt x="10652" y="3918"/>
                    <a:pt x="10738" y="3925"/>
                    <a:pt x="10870" y="3902"/>
                  </a:cubicBezTo>
                  <a:lnTo>
                    <a:pt x="10870" y="3902"/>
                  </a:lnTo>
                  <a:cubicBezTo>
                    <a:pt x="10865" y="3904"/>
                    <a:pt x="10825" y="3914"/>
                    <a:pt x="10858" y="3914"/>
                  </a:cubicBezTo>
                  <a:cubicBezTo>
                    <a:pt x="10861" y="3914"/>
                    <a:pt x="10865" y="3914"/>
                    <a:pt x="10870" y="3913"/>
                  </a:cubicBezTo>
                  <a:cubicBezTo>
                    <a:pt x="11029" y="3902"/>
                    <a:pt x="11189" y="3886"/>
                    <a:pt x="11349" y="3869"/>
                  </a:cubicBezTo>
                  <a:cubicBezTo>
                    <a:pt x="11509" y="3853"/>
                    <a:pt x="11669" y="3835"/>
                    <a:pt x="11829" y="3816"/>
                  </a:cubicBezTo>
                  <a:cubicBezTo>
                    <a:pt x="12155" y="3777"/>
                    <a:pt x="12477" y="3721"/>
                    <a:pt x="12795" y="3649"/>
                  </a:cubicBezTo>
                  <a:cubicBezTo>
                    <a:pt x="12954" y="3612"/>
                    <a:pt x="13110" y="3566"/>
                    <a:pt x="13263" y="3510"/>
                  </a:cubicBezTo>
                  <a:cubicBezTo>
                    <a:pt x="13339" y="3480"/>
                    <a:pt x="13418" y="3448"/>
                    <a:pt x="13497" y="3415"/>
                  </a:cubicBezTo>
                  <a:cubicBezTo>
                    <a:pt x="13575" y="3383"/>
                    <a:pt x="13649" y="3341"/>
                    <a:pt x="13728" y="3304"/>
                  </a:cubicBezTo>
                  <a:cubicBezTo>
                    <a:pt x="14036" y="3137"/>
                    <a:pt x="14323" y="2936"/>
                    <a:pt x="14585" y="2704"/>
                  </a:cubicBezTo>
                  <a:cubicBezTo>
                    <a:pt x="14842" y="2477"/>
                    <a:pt x="15083" y="2229"/>
                    <a:pt x="15303" y="1965"/>
                  </a:cubicBezTo>
                  <a:cubicBezTo>
                    <a:pt x="15519" y="1711"/>
                    <a:pt x="15713" y="1453"/>
                    <a:pt x="15887" y="1208"/>
                  </a:cubicBezTo>
                  <a:cubicBezTo>
                    <a:pt x="15887" y="1208"/>
                    <a:pt x="15938" y="1067"/>
                    <a:pt x="15973" y="928"/>
                  </a:cubicBezTo>
                  <a:cubicBezTo>
                    <a:pt x="16008" y="798"/>
                    <a:pt x="16029" y="672"/>
                    <a:pt x="15983" y="672"/>
                  </a:cubicBezTo>
                  <a:cubicBezTo>
                    <a:pt x="15980" y="672"/>
                    <a:pt x="15978" y="672"/>
                    <a:pt x="15975" y="673"/>
                  </a:cubicBezTo>
                  <a:cubicBezTo>
                    <a:pt x="15971" y="676"/>
                    <a:pt x="15969" y="678"/>
                    <a:pt x="15968" y="678"/>
                  </a:cubicBezTo>
                  <a:cubicBezTo>
                    <a:pt x="15960" y="678"/>
                    <a:pt x="15993" y="617"/>
                    <a:pt x="15986" y="617"/>
                  </a:cubicBezTo>
                  <a:lnTo>
                    <a:pt x="15986" y="617"/>
                  </a:lnTo>
                  <a:cubicBezTo>
                    <a:pt x="15984" y="617"/>
                    <a:pt x="15977" y="624"/>
                    <a:pt x="15964" y="640"/>
                  </a:cubicBezTo>
                  <a:lnTo>
                    <a:pt x="15922" y="731"/>
                  </a:lnTo>
                  <a:cubicBezTo>
                    <a:pt x="15922" y="727"/>
                    <a:pt x="15921" y="725"/>
                    <a:pt x="15919" y="725"/>
                  </a:cubicBezTo>
                  <a:cubicBezTo>
                    <a:pt x="15909" y="725"/>
                    <a:pt x="15880" y="750"/>
                    <a:pt x="15869" y="754"/>
                  </a:cubicBezTo>
                  <a:cubicBezTo>
                    <a:pt x="15867" y="760"/>
                    <a:pt x="15869" y="763"/>
                    <a:pt x="15873" y="763"/>
                  </a:cubicBezTo>
                  <a:cubicBezTo>
                    <a:pt x="15884" y="763"/>
                    <a:pt x="15915" y="735"/>
                    <a:pt x="15928" y="735"/>
                  </a:cubicBezTo>
                  <a:cubicBezTo>
                    <a:pt x="15936" y="735"/>
                    <a:pt x="15937" y="745"/>
                    <a:pt x="15922" y="779"/>
                  </a:cubicBezTo>
                  <a:cubicBezTo>
                    <a:pt x="15915" y="807"/>
                    <a:pt x="15869" y="867"/>
                    <a:pt x="15840" y="904"/>
                  </a:cubicBezTo>
                  <a:lnTo>
                    <a:pt x="15840" y="904"/>
                  </a:lnTo>
                  <a:cubicBezTo>
                    <a:pt x="15853" y="887"/>
                    <a:pt x="15860" y="881"/>
                    <a:pt x="15862" y="881"/>
                  </a:cubicBezTo>
                  <a:cubicBezTo>
                    <a:pt x="15869" y="881"/>
                    <a:pt x="15840" y="933"/>
                    <a:pt x="15827" y="958"/>
                  </a:cubicBezTo>
                  <a:cubicBezTo>
                    <a:pt x="15785" y="1002"/>
                    <a:pt x="15730" y="1083"/>
                    <a:pt x="15704" y="1097"/>
                  </a:cubicBezTo>
                  <a:cubicBezTo>
                    <a:pt x="15690" y="1124"/>
                    <a:pt x="15674" y="1148"/>
                    <a:pt x="15653" y="1171"/>
                  </a:cubicBezTo>
                  <a:lnTo>
                    <a:pt x="15646" y="1171"/>
                  </a:lnTo>
                  <a:cubicBezTo>
                    <a:pt x="15635" y="1188"/>
                    <a:pt x="15632" y="1194"/>
                    <a:pt x="15633" y="1194"/>
                  </a:cubicBezTo>
                  <a:cubicBezTo>
                    <a:pt x="15636" y="1194"/>
                    <a:pt x="15656" y="1170"/>
                    <a:pt x="15660" y="1170"/>
                  </a:cubicBezTo>
                  <a:lnTo>
                    <a:pt x="15660" y="1170"/>
                  </a:lnTo>
                  <a:cubicBezTo>
                    <a:pt x="15661" y="1170"/>
                    <a:pt x="15661" y="1171"/>
                    <a:pt x="15660" y="1173"/>
                  </a:cubicBezTo>
                  <a:cubicBezTo>
                    <a:pt x="15632" y="1215"/>
                    <a:pt x="15570" y="1272"/>
                    <a:pt x="15519" y="1339"/>
                  </a:cubicBezTo>
                  <a:lnTo>
                    <a:pt x="15519" y="1339"/>
                  </a:lnTo>
                  <a:cubicBezTo>
                    <a:pt x="15563" y="1281"/>
                    <a:pt x="15602" y="1221"/>
                    <a:pt x="15637" y="1157"/>
                  </a:cubicBezTo>
                  <a:lnTo>
                    <a:pt x="15637" y="1157"/>
                  </a:lnTo>
                  <a:cubicBezTo>
                    <a:pt x="15610" y="1187"/>
                    <a:pt x="15596" y="1199"/>
                    <a:pt x="15591" y="1199"/>
                  </a:cubicBezTo>
                  <a:cubicBezTo>
                    <a:pt x="15576" y="1199"/>
                    <a:pt x="15629" y="1106"/>
                    <a:pt x="15635" y="1078"/>
                  </a:cubicBezTo>
                  <a:lnTo>
                    <a:pt x="15635" y="1078"/>
                  </a:lnTo>
                  <a:cubicBezTo>
                    <a:pt x="15565" y="1182"/>
                    <a:pt x="15549" y="1226"/>
                    <a:pt x="15493" y="1314"/>
                  </a:cubicBezTo>
                  <a:cubicBezTo>
                    <a:pt x="15471" y="1337"/>
                    <a:pt x="15458" y="1345"/>
                    <a:pt x="15451" y="1345"/>
                  </a:cubicBezTo>
                  <a:cubicBezTo>
                    <a:pt x="15432" y="1345"/>
                    <a:pt x="15461" y="1280"/>
                    <a:pt x="15477" y="1256"/>
                  </a:cubicBezTo>
                  <a:lnTo>
                    <a:pt x="15477" y="1256"/>
                  </a:lnTo>
                  <a:cubicBezTo>
                    <a:pt x="15415" y="1348"/>
                    <a:pt x="15358" y="1452"/>
                    <a:pt x="15327" y="1502"/>
                  </a:cubicBezTo>
                  <a:cubicBezTo>
                    <a:pt x="15359" y="1421"/>
                    <a:pt x="15345" y="1428"/>
                    <a:pt x="15375" y="1356"/>
                  </a:cubicBezTo>
                  <a:lnTo>
                    <a:pt x="15375" y="1356"/>
                  </a:lnTo>
                  <a:cubicBezTo>
                    <a:pt x="15308" y="1416"/>
                    <a:pt x="15310" y="1442"/>
                    <a:pt x="15289" y="1481"/>
                  </a:cubicBezTo>
                  <a:cubicBezTo>
                    <a:pt x="15303" y="1460"/>
                    <a:pt x="15320" y="1442"/>
                    <a:pt x="15338" y="1426"/>
                  </a:cubicBezTo>
                  <a:lnTo>
                    <a:pt x="15338" y="1426"/>
                  </a:lnTo>
                  <a:cubicBezTo>
                    <a:pt x="15269" y="1507"/>
                    <a:pt x="15310" y="1518"/>
                    <a:pt x="15287" y="1572"/>
                  </a:cubicBezTo>
                  <a:cubicBezTo>
                    <a:pt x="15234" y="1622"/>
                    <a:pt x="15144" y="1718"/>
                    <a:pt x="15122" y="1718"/>
                  </a:cubicBezTo>
                  <a:cubicBezTo>
                    <a:pt x="15122" y="1718"/>
                    <a:pt x="15121" y="1718"/>
                    <a:pt x="15121" y="1718"/>
                  </a:cubicBezTo>
                  <a:lnTo>
                    <a:pt x="15121" y="1718"/>
                  </a:lnTo>
                  <a:lnTo>
                    <a:pt x="15137" y="1731"/>
                  </a:lnTo>
                  <a:cubicBezTo>
                    <a:pt x="15111" y="1765"/>
                    <a:pt x="15101" y="1774"/>
                    <a:pt x="15095" y="1774"/>
                  </a:cubicBezTo>
                  <a:cubicBezTo>
                    <a:pt x="15090" y="1774"/>
                    <a:pt x="15090" y="1763"/>
                    <a:pt x="15083" y="1763"/>
                  </a:cubicBezTo>
                  <a:cubicBezTo>
                    <a:pt x="15082" y="1763"/>
                    <a:pt x="15082" y="1764"/>
                    <a:pt x="15081" y="1764"/>
                  </a:cubicBezTo>
                  <a:cubicBezTo>
                    <a:pt x="15076" y="1782"/>
                    <a:pt x="15086" y="1787"/>
                    <a:pt x="15083" y="1803"/>
                  </a:cubicBezTo>
                  <a:cubicBezTo>
                    <a:pt x="15081" y="1819"/>
                    <a:pt x="15069" y="1847"/>
                    <a:pt x="15018" y="1907"/>
                  </a:cubicBezTo>
                  <a:cubicBezTo>
                    <a:pt x="15016" y="1901"/>
                    <a:pt x="15013" y="1898"/>
                    <a:pt x="15009" y="1898"/>
                  </a:cubicBezTo>
                  <a:cubicBezTo>
                    <a:pt x="14986" y="1898"/>
                    <a:pt x="14933" y="1983"/>
                    <a:pt x="14908" y="1983"/>
                  </a:cubicBezTo>
                  <a:cubicBezTo>
                    <a:pt x="14905" y="1983"/>
                    <a:pt x="14902" y="1982"/>
                    <a:pt x="14900" y="1979"/>
                  </a:cubicBezTo>
                  <a:cubicBezTo>
                    <a:pt x="14852" y="2035"/>
                    <a:pt x="14842" y="2072"/>
                    <a:pt x="14789" y="2125"/>
                  </a:cubicBezTo>
                  <a:cubicBezTo>
                    <a:pt x="14780" y="2131"/>
                    <a:pt x="14774" y="2133"/>
                    <a:pt x="14770" y="2133"/>
                  </a:cubicBezTo>
                  <a:cubicBezTo>
                    <a:pt x="14742" y="2133"/>
                    <a:pt x="14835" y="2006"/>
                    <a:pt x="14868" y="1979"/>
                  </a:cubicBezTo>
                  <a:cubicBezTo>
                    <a:pt x="14888" y="1956"/>
                    <a:pt x="14897" y="1949"/>
                    <a:pt x="14900" y="1949"/>
                  </a:cubicBezTo>
                  <a:cubicBezTo>
                    <a:pt x="14905" y="1949"/>
                    <a:pt x="14888" y="1977"/>
                    <a:pt x="14891" y="1977"/>
                  </a:cubicBezTo>
                  <a:cubicBezTo>
                    <a:pt x="14892" y="1977"/>
                    <a:pt x="14894" y="1975"/>
                    <a:pt x="14898" y="1970"/>
                  </a:cubicBezTo>
                  <a:lnTo>
                    <a:pt x="14956" y="1889"/>
                  </a:lnTo>
                  <a:lnTo>
                    <a:pt x="14956" y="1889"/>
                  </a:lnTo>
                  <a:cubicBezTo>
                    <a:pt x="14917" y="1919"/>
                    <a:pt x="14853" y="1981"/>
                    <a:pt x="14835" y="1981"/>
                  </a:cubicBezTo>
                  <a:cubicBezTo>
                    <a:pt x="14833" y="1981"/>
                    <a:pt x="14831" y="1980"/>
                    <a:pt x="14831" y="1977"/>
                  </a:cubicBezTo>
                  <a:cubicBezTo>
                    <a:pt x="14814" y="1998"/>
                    <a:pt x="14810" y="2004"/>
                    <a:pt x="14813" y="2004"/>
                  </a:cubicBezTo>
                  <a:cubicBezTo>
                    <a:pt x="14819" y="2004"/>
                    <a:pt x="14842" y="1986"/>
                    <a:pt x="14849" y="1986"/>
                  </a:cubicBezTo>
                  <a:cubicBezTo>
                    <a:pt x="14853" y="1986"/>
                    <a:pt x="14850" y="1993"/>
                    <a:pt x="14831" y="2019"/>
                  </a:cubicBezTo>
                  <a:lnTo>
                    <a:pt x="14778" y="2060"/>
                  </a:lnTo>
                  <a:cubicBezTo>
                    <a:pt x="14706" y="2146"/>
                    <a:pt x="14812" y="2063"/>
                    <a:pt x="14715" y="2171"/>
                  </a:cubicBezTo>
                  <a:cubicBezTo>
                    <a:pt x="14725" y="2157"/>
                    <a:pt x="14728" y="2151"/>
                    <a:pt x="14726" y="2151"/>
                  </a:cubicBezTo>
                  <a:cubicBezTo>
                    <a:pt x="14722" y="2151"/>
                    <a:pt x="14703" y="2170"/>
                    <a:pt x="14680" y="2192"/>
                  </a:cubicBezTo>
                  <a:cubicBezTo>
                    <a:pt x="14648" y="2222"/>
                    <a:pt x="14609" y="2258"/>
                    <a:pt x="14595" y="2258"/>
                  </a:cubicBezTo>
                  <a:cubicBezTo>
                    <a:pt x="14593" y="2258"/>
                    <a:pt x="14591" y="2257"/>
                    <a:pt x="14590" y="2256"/>
                  </a:cubicBezTo>
                  <a:lnTo>
                    <a:pt x="14590" y="2256"/>
                  </a:lnTo>
                  <a:cubicBezTo>
                    <a:pt x="14598" y="2270"/>
                    <a:pt x="14554" y="2318"/>
                    <a:pt x="14504" y="2361"/>
                  </a:cubicBezTo>
                  <a:cubicBezTo>
                    <a:pt x="14453" y="2405"/>
                    <a:pt x="14402" y="2454"/>
                    <a:pt x="14400" y="2475"/>
                  </a:cubicBezTo>
                  <a:lnTo>
                    <a:pt x="14460" y="2429"/>
                  </a:lnTo>
                  <a:lnTo>
                    <a:pt x="14437" y="2429"/>
                  </a:lnTo>
                  <a:cubicBezTo>
                    <a:pt x="14469" y="2398"/>
                    <a:pt x="14495" y="2373"/>
                    <a:pt x="14523" y="2345"/>
                  </a:cubicBezTo>
                  <a:cubicBezTo>
                    <a:pt x="14550" y="2320"/>
                    <a:pt x="14576" y="2290"/>
                    <a:pt x="14611" y="2262"/>
                  </a:cubicBezTo>
                  <a:lnTo>
                    <a:pt x="14611" y="2262"/>
                  </a:lnTo>
                  <a:cubicBezTo>
                    <a:pt x="14569" y="2317"/>
                    <a:pt x="14645" y="2266"/>
                    <a:pt x="14597" y="2329"/>
                  </a:cubicBezTo>
                  <a:cubicBezTo>
                    <a:pt x="14560" y="2375"/>
                    <a:pt x="14546" y="2386"/>
                    <a:pt x="14541" y="2386"/>
                  </a:cubicBezTo>
                  <a:cubicBezTo>
                    <a:pt x="14539" y="2386"/>
                    <a:pt x="14539" y="2384"/>
                    <a:pt x="14539" y="2382"/>
                  </a:cubicBezTo>
                  <a:cubicBezTo>
                    <a:pt x="14539" y="2374"/>
                    <a:pt x="14546" y="2358"/>
                    <a:pt x="14543" y="2358"/>
                  </a:cubicBezTo>
                  <a:lnTo>
                    <a:pt x="14543" y="2358"/>
                  </a:lnTo>
                  <a:cubicBezTo>
                    <a:pt x="14543" y="2358"/>
                    <a:pt x="14542" y="2358"/>
                    <a:pt x="14541" y="2359"/>
                  </a:cubicBezTo>
                  <a:lnTo>
                    <a:pt x="14465" y="2449"/>
                  </a:lnTo>
                  <a:lnTo>
                    <a:pt x="14534" y="2408"/>
                  </a:lnTo>
                  <a:lnTo>
                    <a:pt x="14534" y="2408"/>
                  </a:lnTo>
                  <a:cubicBezTo>
                    <a:pt x="14502" y="2440"/>
                    <a:pt x="14462" y="2477"/>
                    <a:pt x="14418" y="2519"/>
                  </a:cubicBezTo>
                  <a:cubicBezTo>
                    <a:pt x="14374" y="2558"/>
                    <a:pt x="14323" y="2598"/>
                    <a:pt x="14275" y="2637"/>
                  </a:cubicBezTo>
                  <a:cubicBezTo>
                    <a:pt x="14226" y="2669"/>
                    <a:pt x="14208" y="2679"/>
                    <a:pt x="14203" y="2679"/>
                  </a:cubicBezTo>
                  <a:cubicBezTo>
                    <a:pt x="14196" y="2679"/>
                    <a:pt x="14217" y="2657"/>
                    <a:pt x="14209" y="2657"/>
                  </a:cubicBezTo>
                  <a:cubicBezTo>
                    <a:pt x="14204" y="2657"/>
                    <a:pt x="14193" y="2663"/>
                    <a:pt x="14166" y="2679"/>
                  </a:cubicBezTo>
                  <a:cubicBezTo>
                    <a:pt x="14122" y="2718"/>
                    <a:pt x="14138" y="2716"/>
                    <a:pt x="14069" y="2764"/>
                  </a:cubicBezTo>
                  <a:cubicBezTo>
                    <a:pt x="14113" y="2744"/>
                    <a:pt x="14131" y="2714"/>
                    <a:pt x="14159" y="2695"/>
                  </a:cubicBezTo>
                  <a:cubicBezTo>
                    <a:pt x="14161" y="2695"/>
                    <a:pt x="14162" y="2694"/>
                    <a:pt x="14163" y="2694"/>
                  </a:cubicBezTo>
                  <a:cubicBezTo>
                    <a:pt x="14190" y="2694"/>
                    <a:pt x="14044" y="2793"/>
                    <a:pt x="14059" y="2804"/>
                  </a:cubicBezTo>
                  <a:cubicBezTo>
                    <a:pt x="14049" y="2808"/>
                    <a:pt x="14042" y="2810"/>
                    <a:pt x="14038" y="2810"/>
                  </a:cubicBezTo>
                  <a:cubicBezTo>
                    <a:pt x="14030" y="2810"/>
                    <a:pt x="14034" y="2801"/>
                    <a:pt x="14046" y="2785"/>
                  </a:cubicBezTo>
                  <a:lnTo>
                    <a:pt x="14046" y="2785"/>
                  </a:lnTo>
                  <a:cubicBezTo>
                    <a:pt x="14032" y="2795"/>
                    <a:pt x="14018" y="2806"/>
                    <a:pt x="14004" y="2818"/>
                  </a:cubicBezTo>
                  <a:lnTo>
                    <a:pt x="13962" y="2848"/>
                  </a:lnTo>
                  <a:cubicBezTo>
                    <a:pt x="13932" y="2866"/>
                    <a:pt x="13907" y="2883"/>
                    <a:pt x="13881" y="2899"/>
                  </a:cubicBezTo>
                  <a:cubicBezTo>
                    <a:pt x="13858" y="2913"/>
                    <a:pt x="13835" y="2924"/>
                    <a:pt x="13812" y="2936"/>
                  </a:cubicBezTo>
                  <a:cubicBezTo>
                    <a:pt x="13793" y="2943"/>
                    <a:pt x="13777" y="2947"/>
                    <a:pt x="13756" y="2950"/>
                  </a:cubicBezTo>
                  <a:lnTo>
                    <a:pt x="13717" y="3001"/>
                  </a:lnTo>
                  <a:cubicBezTo>
                    <a:pt x="13670" y="3026"/>
                    <a:pt x="13650" y="3036"/>
                    <a:pt x="13645" y="3036"/>
                  </a:cubicBezTo>
                  <a:cubicBezTo>
                    <a:pt x="13633" y="3036"/>
                    <a:pt x="13737" y="2965"/>
                    <a:pt x="13718" y="2965"/>
                  </a:cubicBezTo>
                  <a:cubicBezTo>
                    <a:pt x="13712" y="2965"/>
                    <a:pt x="13696" y="2971"/>
                    <a:pt x="13663" y="2987"/>
                  </a:cubicBezTo>
                  <a:cubicBezTo>
                    <a:pt x="13591" y="3029"/>
                    <a:pt x="13517" y="3063"/>
                    <a:pt x="13490" y="3091"/>
                  </a:cubicBezTo>
                  <a:lnTo>
                    <a:pt x="13557" y="3059"/>
                  </a:lnTo>
                  <a:lnTo>
                    <a:pt x="13557" y="3059"/>
                  </a:lnTo>
                  <a:cubicBezTo>
                    <a:pt x="13513" y="3096"/>
                    <a:pt x="13520" y="3103"/>
                    <a:pt x="13446" y="3151"/>
                  </a:cubicBezTo>
                  <a:cubicBezTo>
                    <a:pt x="13388" y="3177"/>
                    <a:pt x="13411" y="3147"/>
                    <a:pt x="13346" y="3191"/>
                  </a:cubicBezTo>
                  <a:cubicBezTo>
                    <a:pt x="13295" y="3207"/>
                    <a:pt x="13267" y="3214"/>
                    <a:pt x="13253" y="3214"/>
                  </a:cubicBezTo>
                  <a:cubicBezTo>
                    <a:pt x="13227" y="3214"/>
                    <a:pt x="13254" y="3189"/>
                    <a:pt x="13276" y="3167"/>
                  </a:cubicBezTo>
                  <a:lnTo>
                    <a:pt x="13276" y="3167"/>
                  </a:lnTo>
                  <a:cubicBezTo>
                    <a:pt x="13218" y="3194"/>
                    <a:pt x="13143" y="3225"/>
                    <a:pt x="13135" y="3237"/>
                  </a:cubicBezTo>
                  <a:cubicBezTo>
                    <a:pt x="13132" y="3232"/>
                    <a:pt x="13138" y="3219"/>
                    <a:pt x="13169" y="3199"/>
                  </a:cubicBezTo>
                  <a:lnTo>
                    <a:pt x="13169" y="3199"/>
                  </a:lnTo>
                  <a:cubicBezTo>
                    <a:pt x="13284" y="3177"/>
                    <a:pt x="13222" y="3160"/>
                    <a:pt x="13251" y="3160"/>
                  </a:cubicBezTo>
                  <a:cubicBezTo>
                    <a:pt x="13254" y="3160"/>
                    <a:pt x="13259" y="3160"/>
                    <a:pt x="13265" y="3161"/>
                  </a:cubicBezTo>
                  <a:lnTo>
                    <a:pt x="13290" y="3151"/>
                  </a:lnTo>
                  <a:lnTo>
                    <a:pt x="13290" y="3151"/>
                  </a:lnTo>
                  <a:cubicBezTo>
                    <a:pt x="13286" y="3156"/>
                    <a:pt x="13281" y="3162"/>
                    <a:pt x="13276" y="3167"/>
                  </a:cubicBezTo>
                  <a:lnTo>
                    <a:pt x="13276" y="3167"/>
                  </a:lnTo>
                  <a:cubicBezTo>
                    <a:pt x="13307" y="3153"/>
                    <a:pt x="13332" y="3140"/>
                    <a:pt x="13339" y="3133"/>
                  </a:cubicBezTo>
                  <a:lnTo>
                    <a:pt x="13339" y="3133"/>
                  </a:lnTo>
                  <a:lnTo>
                    <a:pt x="13290" y="3151"/>
                  </a:lnTo>
                  <a:lnTo>
                    <a:pt x="13290" y="3151"/>
                  </a:lnTo>
                  <a:cubicBezTo>
                    <a:pt x="13292" y="3149"/>
                    <a:pt x="13294" y="3146"/>
                    <a:pt x="13295" y="3144"/>
                  </a:cubicBezTo>
                  <a:lnTo>
                    <a:pt x="13295" y="3144"/>
                  </a:lnTo>
                  <a:cubicBezTo>
                    <a:pt x="13274" y="3151"/>
                    <a:pt x="13261" y="3153"/>
                    <a:pt x="13254" y="3153"/>
                  </a:cubicBezTo>
                  <a:cubicBezTo>
                    <a:pt x="13242" y="3153"/>
                    <a:pt x="13243" y="3147"/>
                    <a:pt x="13249" y="3140"/>
                  </a:cubicBezTo>
                  <a:lnTo>
                    <a:pt x="13249" y="3140"/>
                  </a:lnTo>
                  <a:lnTo>
                    <a:pt x="13207" y="3170"/>
                  </a:lnTo>
                  <a:lnTo>
                    <a:pt x="13207" y="3170"/>
                  </a:lnTo>
                  <a:lnTo>
                    <a:pt x="13163" y="3163"/>
                  </a:lnTo>
                  <a:cubicBezTo>
                    <a:pt x="13120" y="3178"/>
                    <a:pt x="13097" y="3203"/>
                    <a:pt x="13072" y="3203"/>
                  </a:cubicBezTo>
                  <a:cubicBezTo>
                    <a:pt x="13070" y="3203"/>
                    <a:pt x="13068" y="3203"/>
                    <a:pt x="13066" y="3202"/>
                  </a:cubicBezTo>
                  <a:cubicBezTo>
                    <a:pt x="13063" y="3202"/>
                    <a:pt x="13061" y="3203"/>
                    <a:pt x="13059" y="3203"/>
                  </a:cubicBezTo>
                  <a:cubicBezTo>
                    <a:pt x="13018" y="3203"/>
                    <a:pt x="13081" y="3171"/>
                    <a:pt x="13059" y="3171"/>
                  </a:cubicBezTo>
                  <a:cubicBezTo>
                    <a:pt x="13051" y="3171"/>
                    <a:pt x="13029" y="3175"/>
                    <a:pt x="12985" y="3188"/>
                  </a:cubicBezTo>
                  <a:cubicBezTo>
                    <a:pt x="12806" y="3237"/>
                    <a:pt x="12825" y="3269"/>
                    <a:pt x="12700" y="3295"/>
                  </a:cubicBezTo>
                  <a:cubicBezTo>
                    <a:pt x="12727" y="3295"/>
                    <a:pt x="12758" y="3290"/>
                    <a:pt x="12783" y="3281"/>
                  </a:cubicBezTo>
                  <a:lnTo>
                    <a:pt x="12783" y="3281"/>
                  </a:lnTo>
                  <a:cubicBezTo>
                    <a:pt x="12746" y="3302"/>
                    <a:pt x="12820" y="3293"/>
                    <a:pt x="12753" y="3318"/>
                  </a:cubicBezTo>
                  <a:cubicBezTo>
                    <a:pt x="12744" y="3318"/>
                    <a:pt x="12734" y="3317"/>
                    <a:pt x="12725" y="3317"/>
                  </a:cubicBezTo>
                  <a:cubicBezTo>
                    <a:pt x="12695" y="3317"/>
                    <a:pt x="12665" y="3320"/>
                    <a:pt x="12635" y="3327"/>
                  </a:cubicBezTo>
                  <a:cubicBezTo>
                    <a:pt x="12584" y="3337"/>
                    <a:pt x="12526" y="3351"/>
                    <a:pt x="12473" y="3360"/>
                  </a:cubicBezTo>
                  <a:cubicBezTo>
                    <a:pt x="12498" y="3344"/>
                    <a:pt x="12429" y="3346"/>
                    <a:pt x="12461" y="3332"/>
                  </a:cubicBezTo>
                  <a:lnTo>
                    <a:pt x="12461" y="3332"/>
                  </a:lnTo>
                  <a:cubicBezTo>
                    <a:pt x="12419" y="3341"/>
                    <a:pt x="12380" y="3353"/>
                    <a:pt x="12341" y="3371"/>
                  </a:cubicBezTo>
                  <a:cubicBezTo>
                    <a:pt x="12368" y="3368"/>
                    <a:pt x="12386" y="3367"/>
                    <a:pt x="12395" y="3367"/>
                  </a:cubicBezTo>
                  <a:cubicBezTo>
                    <a:pt x="12421" y="3367"/>
                    <a:pt x="12383" y="3377"/>
                    <a:pt x="12341" y="3388"/>
                  </a:cubicBezTo>
                  <a:cubicBezTo>
                    <a:pt x="12283" y="3402"/>
                    <a:pt x="12220" y="3418"/>
                    <a:pt x="12306" y="3418"/>
                  </a:cubicBezTo>
                  <a:cubicBezTo>
                    <a:pt x="12230" y="3429"/>
                    <a:pt x="12181" y="3432"/>
                    <a:pt x="12140" y="3432"/>
                  </a:cubicBezTo>
                  <a:cubicBezTo>
                    <a:pt x="12098" y="3432"/>
                    <a:pt x="12064" y="3429"/>
                    <a:pt x="12019" y="3429"/>
                  </a:cubicBezTo>
                  <a:cubicBezTo>
                    <a:pt x="12012" y="3429"/>
                    <a:pt x="12005" y="3429"/>
                    <a:pt x="11998" y="3429"/>
                  </a:cubicBezTo>
                  <a:cubicBezTo>
                    <a:pt x="12004" y="3423"/>
                    <a:pt x="12147" y="3398"/>
                    <a:pt x="12081" y="3398"/>
                  </a:cubicBezTo>
                  <a:cubicBezTo>
                    <a:pt x="12072" y="3398"/>
                    <a:pt x="12058" y="3398"/>
                    <a:pt x="12039" y="3399"/>
                  </a:cubicBezTo>
                  <a:cubicBezTo>
                    <a:pt x="11870" y="3443"/>
                    <a:pt x="12074" y="3427"/>
                    <a:pt x="11944" y="3469"/>
                  </a:cubicBezTo>
                  <a:lnTo>
                    <a:pt x="12053" y="3464"/>
                  </a:lnTo>
                  <a:lnTo>
                    <a:pt x="12053" y="3464"/>
                  </a:lnTo>
                  <a:cubicBezTo>
                    <a:pt x="12070" y="3490"/>
                    <a:pt x="11866" y="3492"/>
                    <a:pt x="11838" y="3503"/>
                  </a:cubicBezTo>
                  <a:cubicBezTo>
                    <a:pt x="11771" y="3503"/>
                    <a:pt x="11931" y="3485"/>
                    <a:pt x="11863" y="3473"/>
                  </a:cubicBezTo>
                  <a:lnTo>
                    <a:pt x="11863" y="3473"/>
                  </a:lnTo>
                  <a:cubicBezTo>
                    <a:pt x="11769" y="3478"/>
                    <a:pt x="11720" y="3499"/>
                    <a:pt x="11657" y="3499"/>
                  </a:cubicBezTo>
                  <a:cubicBezTo>
                    <a:pt x="11654" y="3499"/>
                    <a:pt x="11651" y="3499"/>
                    <a:pt x="11648" y="3499"/>
                  </a:cubicBezTo>
                  <a:cubicBezTo>
                    <a:pt x="11678" y="3483"/>
                    <a:pt x="11708" y="3471"/>
                    <a:pt x="11741" y="3459"/>
                  </a:cubicBezTo>
                  <a:lnTo>
                    <a:pt x="11741" y="3459"/>
                  </a:lnTo>
                  <a:cubicBezTo>
                    <a:pt x="11689" y="3465"/>
                    <a:pt x="11660" y="3467"/>
                    <a:pt x="11645" y="3467"/>
                  </a:cubicBezTo>
                  <a:cubicBezTo>
                    <a:pt x="11596" y="3467"/>
                    <a:pt x="11690" y="3445"/>
                    <a:pt x="11600" y="3445"/>
                  </a:cubicBezTo>
                  <a:cubicBezTo>
                    <a:pt x="11591" y="3445"/>
                    <a:pt x="11580" y="3445"/>
                    <a:pt x="11567" y="3446"/>
                  </a:cubicBezTo>
                  <a:cubicBezTo>
                    <a:pt x="11509" y="3455"/>
                    <a:pt x="11548" y="3466"/>
                    <a:pt x="11456" y="3473"/>
                  </a:cubicBezTo>
                  <a:cubicBezTo>
                    <a:pt x="11489" y="3482"/>
                    <a:pt x="11500" y="3487"/>
                    <a:pt x="11535" y="3487"/>
                  </a:cubicBezTo>
                  <a:cubicBezTo>
                    <a:pt x="11559" y="3487"/>
                    <a:pt x="11594" y="3485"/>
                    <a:pt x="11655" y="3478"/>
                  </a:cubicBezTo>
                  <a:lnTo>
                    <a:pt x="11655" y="3478"/>
                  </a:lnTo>
                  <a:cubicBezTo>
                    <a:pt x="11606" y="3513"/>
                    <a:pt x="11458" y="3492"/>
                    <a:pt x="11354" y="3520"/>
                  </a:cubicBezTo>
                  <a:cubicBezTo>
                    <a:pt x="11393" y="3520"/>
                    <a:pt x="11433" y="3517"/>
                    <a:pt x="11472" y="3510"/>
                  </a:cubicBezTo>
                  <a:lnTo>
                    <a:pt x="11472" y="3510"/>
                  </a:lnTo>
                  <a:cubicBezTo>
                    <a:pt x="11486" y="3531"/>
                    <a:pt x="11521" y="3531"/>
                    <a:pt x="11440" y="3564"/>
                  </a:cubicBezTo>
                  <a:cubicBezTo>
                    <a:pt x="11537" y="3547"/>
                    <a:pt x="11576" y="3517"/>
                    <a:pt x="11717" y="3508"/>
                  </a:cubicBezTo>
                  <a:lnTo>
                    <a:pt x="11717" y="3508"/>
                  </a:lnTo>
                  <a:cubicBezTo>
                    <a:pt x="11757" y="3529"/>
                    <a:pt x="11548" y="3545"/>
                    <a:pt x="11548" y="3578"/>
                  </a:cubicBezTo>
                  <a:cubicBezTo>
                    <a:pt x="11499" y="3595"/>
                    <a:pt x="11393" y="3600"/>
                    <a:pt x="11309" y="3600"/>
                  </a:cubicBezTo>
                  <a:cubicBezTo>
                    <a:pt x="11279" y="3600"/>
                    <a:pt x="11252" y="3600"/>
                    <a:pt x="11231" y="3598"/>
                  </a:cubicBezTo>
                  <a:cubicBezTo>
                    <a:pt x="11097" y="3633"/>
                    <a:pt x="10930" y="3647"/>
                    <a:pt x="10828" y="3686"/>
                  </a:cubicBezTo>
                  <a:cubicBezTo>
                    <a:pt x="10752" y="3691"/>
                    <a:pt x="10673" y="3698"/>
                    <a:pt x="10596" y="3712"/>
                  </a:cubicBezTo>
                  <a:cubicBezTo>
                    <a:pt x="10499" y="3726"/>
                    <a:pt x="10399" y="3735"/>
                    <a:pt x="10300" y="3740"/>
                  </a:cubicBezTo>
                  <a:cubicBezTo>
                    <a:pt x="10292" y="3737"/>
                    <a:pt x="10272" y="3736"/>
                    <a:pt x="10250" y="3736"/>
                  </a:cubicBezTo>
                  <a:cubicBezTo>
                    <a:pt x="10224" y="3736"/>
                    <a:pt x="10195" y="3737"/>
                    <a:pt x="10174" y="3737"/>
                  </a:cubicBezTo>
                  <a:cubicBezTo>
                    <a:pt x="10148" y="3737"/>
                    <a:pt x="10137" y="3735"/>
                    <a:pt x="10170" y="3727"/>
                  </a:cubicBezTo>
                  <a:lnTo>
                    <a:pt x="10170" y="3727"/>
                  </a:lnTo>
                  <a:cubicBezTo>
                    <a:pt x="10128" y="3734"/>
                    <a:pt x="10020" y="3746"/>
                    <a:pt x="10054" y="3754"/>
                  </a:cubicBezTo>
                  <a:cubicBezTo>
                    <a:pt x="10077" y="3749"/>
                    <a:pt x="10101" y="3747"/>
                    <a:pt x="10121" y="3747"/>
                  </a:cubicBezTo>
                  <a:lnTo>
                    <a:pt x="10094" y="3768"/>
                  </a:lnTo>
                  <a:cubicBezTo>
                    <a:pt x="10090" y="3767"/>
                    <a:pt x="10086" y="3767"/>
                    <a:pt x="10083" y="3767"/>
                  </a:cubicBezTo>
                  <a:cubicBezTo>
                    <a:pt x="10002" y="3767"/>
                    <a:pt x="9915" y="3789"/>
                    <a:pt x="9838" y="3789"/>
                  </a:cubicBezTo>
                  <a:cubicBezTo>
                    <a:pt x="9831" y="3789"/>
                    <a:pt x="9825" y="3789"/>
                    <a:pt x="9818" y="3788"/>
                  </a:cubicBezTo>
                  <a:cubicBezTo>
                    <a:pt x="9788" y="3777"/>
                    <a:pt x="9978" y="3770"/>
                    <a:pt x="9920" y="3756"/>
                  </a:cubicBezTo>
                  <a:lnTo>
                    <a:pt x="9920" y="3756"/>
                  </a:lnTo>
                  <a:cubicBezTo>
                    <a:pt x="9847" y="3785"/>
                    <a:pt x="9571" y="3810"/>
                    <a:pt x="9435" y="3810"/>
                  </a:cubicBezTo>
                  <a:cubicBezTo>
                    <a:pt x="9419" y="3810"/>
                    <a:pt x="9405" y="3810"/>
                    <a:pt x="9394" y="3809"/>
                  </a:cubicBezTo>
                  <a:cubicBezTo>
                    <a:pt x="9322" y="3807"/>
                    <a:pt x="9313" y="3786"/>
                    <a:pt x="9283" y="3784"/>
                  </a:cubicBezTo>
                  <a:lnTo>
                    <a:pt x="9162" y="3788"/>
                  </a:lnTo>
                  <a:cubicBezTo>
                    <a:pt x="9149" y="3781"/>
                    <a:pt x="9146" y="3774"/>
                    <a:pt x="9123" y="3765"/>
                  </a:cubicBezTo>
                  <a:cubicBezTo>
                    <a:pt x="9115" y="3765"/>
                    <a:pt x="9106" y="3765"/>
                    <a:pt x="9098" y="3765"/>
                  </a:cubicBezTo>
                  <a:cubicBezTo>
                    <a:pt x="9060" y="3765"/>
                    <a:pt x="9024" y="3768"/>
                    <a:pt x="8986" y="3772"/>
                  </a:cubicBezTo>
                  <a:cubicBezTo>
                    <a:pt x="8829" y="3761"/>
                    <a:pt x="8915" y="3742"/>
                    <a:pt x="8993" y="3726"/>
                  </a:cubicBezTo>
                  <a:lnTo>
                    <a:pt x="9081" y="3735"/>
                  </a:lnTo>
                  <a:cubicBezTo>
                    <a:pt x="9146" y="3723"/>
                    <a:pt x="9239" y="3723"/>
                    <a:pt x="9186" y="3705"/>
                  </a:cubicBezTo>
                  <a:cubicBezTo>
                    <a:pt x="9165" y="3705"/>
                    <a:pt x="9144" y="3712"/>
                    <a:pt x="9128" y="3721"/>
                  </a:cubicBezTo>
                  <a:cubicBezTo>
                    <a:pt x="9109" y="3719"/>
                    <a:pt x="9093" y="3714"/>
                    <a:pt x="9074" y="3712"/>
                  </a:cubicBezTo>
                  <a:cubicBezTo>
                    <a:pt x="9023" y="3721"/>
                    <a:pt x="8878" y="3726"/>
                    <a:pt x="8894" y="3740"/>
                  </a:cubicBezTo>
                  <a:cubicBezTo>
                    <a:pt x="8840" y="3735"/>
                    <a:pt x="8783" y="3737"/>
                    <a:pt x="8727" y="3735"/>
                  </a:cubicBezTo>
                  <a:cubicBezTo>
                    <a:pt x="8718" y="3735"/>
                    <a:pt x="8709" y="3736"/>
                    <a:pt x="8700" y="3736"/>
                  </a:cubicBezTo>
                  <a:cubicBezTo>
                    <a:pt x="8657" y="3736"/>
                    <a:pt x="8614" y="3732"/>
                    <a:pt x="8572" y="3726"/>
                  </a:cubicBezTo>
                  <a:lnTo>
                    <a:pt x="8572" y="3726"/>
                  </a:lnTo>
                  <a:cubicBezTo>
                    <a:pt x="8637" y="3737"/>
                    <a:pt x="8553" y="3742"/>
                    <a:pt x="8572" y="3756"/>
                  </a:cubicBezTo>
                  <a:lnTo>
                    <a:pt x="8685" y="3763"/>
                  </a:lnTo>
                  <a:cubicBezTo>
                    <a:pt x="8631" y="3763"/>
                    <a:pt x="8563" y="3767"/>
                    <a:pt x="8500" y="3767"/>
                  </a:cubicBezTo>
                  <a:cubicBezTo>
                    <a:pt x="8455" y="3767"/>
                    <a:pt x="8412" y="3765"/>
                    <a:pt x="8377" y="3758"/>
                  </a:cubicBezTo>
                  <a:cubicBezTo>
                    <a:pt x="8389" y="3751"/>
                    <a:pt x="8391" y="3747"/>
                    <a:pt x="8347" y="3735"/>
                  </a:cubicBezTo>
                  <a:lnTo>
                    <a:pt x="8347" y="3735"/>
                  </a:lnTo>
                  <a:cubicBezTo>
                    <a:pt x="8407" y="3751"/>
                    <a:pt x="8190" y="3744"/>
                    <a:pt x="8319" y="3768"/>
                  </a:cubicBezTo>
                  <a:cubicBezTo>
                    <a:pt x="8344" y="3766"/>
                    <a:pt x="8367" y="3766"/>
                    <a:pt x="8393" y="3766"/>
                  </a:cubicBezTo>
                  <a:cubicBezTo>
                    <a:pt x="8418" y="3766"/>
                    <a:pt x="8445" y="3766"/>
                    <a:pt x="8477" y="3768"/>
                  </a:cubicBezTo>
                  <a:cubicBezTo>
                    <a:pt x="8518" y="3788"/>
                    <a:pt x="8419" y="3791"/>
                    <a:pt x="8361" y="3800"/>
                  </a:cubicBezTo>
                  <a:lnTo>
                    <a:pt x="8057" y="3800"/>
                  </a:lnTo>
                  <a:cubicBezTo>
                    <a:pt x="8004" y="3791"/>
                    <a:pt x="7986" y="3769"/>
                    <a:pt x="7905" y="3769"/>
                  </a:cubicBezTo>
                  <a:cubicBezTo>
                    <a:pt x="7898" y="3769"/>
                    <a:pt x="7890" y="3769"/>
                    <a:pt x="7881" y="3770"/>
                  </a:cubicBezTo>
                  <a:cubicBezTo>
                    <a:pt x="8009" y="3802"/>
                    <a:pt x="7756" y="3793"/>
                    <a:pt x="7719" y="3809"/>
                  </a:cubicBezTo>
                  <a:cubicBezTo>
                    <a:pt x="7624" y="3788"/>
                    <a:pt x="7559" y="3807"/>
                    <a:pt x="7483" y="3781"/>
                  </a:cubicBezTo>
                  <a:cubicBezTo>
                    <a:pt x="7485" y="3781"/>
                    <a:pt x="7488" y="3781"/>
                    <a:pt x="7492" y="3781"/>
                  </a:cubicBezTo>
                  <a:cubicBezTo>
                    <a:pt x="7531" y="3781"/>
                    <a:pt x="7622" y="3791"/>
                    <a:pt x="7678" y="3791"/>
                  </a:cubicBezTo>
                  <a:cubicBezTo>
                    <a:pt x="7693" y="3791"/>
                    <a:pt x="7706" y="3790"/>
                    <a:pt x="7715" y="3788"/>
                  </a:cubicBezTo>
                  <a:cubicBezTo>
                    <a:pt x="7717" y="3781"/>
                    <a:pt x="7710" y="3770"/>
                    <a:pt x="7722" y="3763"/>
                  </a:cubicBezTo>
                  <a:cubicBezTo>
                    <a:pt x="7729" y="3755"/>
                    <a:pt x="7750" y="3751"/>
                    <a:pt x="7800" y="3751"/>
                  </a:cubicBezTo>
                  <a:cubicBezTo>
                    <a:pt x="7810" y="3751"/>
                    <a:pt x="7822" y="3751"/>
                    <a:pt x="7835" y="3751"/>
                  </a:cubicBezTo>
                  <a:cubicBezTo>
                    <a:pt x="7791" y="3747"/>
                    <a:pt x="7761" y="3744"/>
                    <a:pt x="7742" y="3742"/>
                  </a:cubicBezTo>
                  <a:cubicBezTo>
                    <a:pt x="7736" y="3741"/>
                    <a:pt x="7729" y="3740"/>
                    <a:pt x="7723" y="3740"/>
                  </a:cubicBezTo>
                  <a:cubicBezTo>
                    <a:pt x="7717" y="3740"/>
                    <a:pt x="7711" y="3741"/>
                    <a:pt x="7705" y="3742"/>
                  </a:cubicBezTo>
                  <a:cubicBezTo>
                    <a:pt x="7691" y="3747"/>
                    <a:pt x="7676" y="3750"/>
                    <a:pt x="7662" y="3750"/>
                  </a:cubicBezTo>
                  <a:cubicBezTo>
                    <a:pt x="7658" y="3750"/>
                    <a:pt x="7654" y="3750"/>
                    <a:pt x="7650" y="3749"/>
                  </a:cubicBezTo>
                  <a:lnTo>
                    <a:pt x="7650" y="3749"/>
                  </a:lnTo>
                  <a:lnTo>
                    <a:pt x="7708" y="3756"/>
                  </a:lnTo>
                  <a:cubicBezTo>
                    <a:pt x="7683" y="3758"/>
                    <a:pt x="7719" y="3771"/>
                    <a:pt x="7693" y="3771"/>
                  </a:cubicBezTo>
                  <a:cubicBezTo>
                    <a:pt x="7689" y="3771"/>
                    <a:pt x="7684" y="3770"/>
                    <a:pt x="7678" y="3770"/>
                  </a:cubicBezTo>
                  <a:cubicBezTo>
                    <a:pt x="7548" y="3751"/>
                    <a:pt x="7420" y="3721"/>
                    <a:pt x="7298" y="3675"/>
                  </a:cubicBezTo>
                  <a:lnTo>
                    <a:pt x="7298" y="3675"/>
                  </a:lnTo>
                  <a:cubicBezTo>
                    <a:pt x="7316" y="3685"/>
                    <a:pt x="7295" y="3689"/>
                    <a:pt x="7269" y="3689"/>
                  </a:cubicBezTo>
                  <a:cubicBezTo>
                    <a:pt x="7255" y="3689"/>
                    <a:pt x="7239" y="3688"/>
                    <a:pt x="7228" y="3686"/>
                  </a:cubicBezTo>
                  <a:cubicBezTo>
                    <a:pt x="7096" y="3649"/>
                    <a:pt x="7235" y="3654"/>
                    <a:pt x="7156" y="3619"/>
                  </a:cubicBezTo>
                  <a:lnTo>
                    <a:pt x="7156" y="3619"/>
                  </a:lnTo>
                  <a:cubicBezTo>
                    <a:pt x="7150" y="3620"/>
                    <a:pt x="7143" y="3620"/>
                    <a:pt x="7136" y="3620"/>
                  </a:cubicBezTo>
                  <a:cubicBezTo>
                    <a:pt x="7103" y="3620"/>
                    <a:pt x="7061" y="3612"/>
                    <a:pt x="7047" y="3612"/>
                  </a:cubicBezTo>
                  <a:cubicBezTo>
                    <a:pt x="7040" y="3612"/>
                    <a:pt x="7039" y="3614"/>
                    <a:pt x="7048" y="3619"/>
                  </a:cubicBezTo>
                  <a:cubicBezTo>
                    <a:pt x="6994" y="3608"/>
                    <a:pt x="7022" y="3608"/>
                    <a:pt x="6985" y="3596"/>
                  </a:cubicBezTo>
                  <a:cubicBezTo>
                    <a:pt x="6973" y="3597"/>
                    <a:pt x="6961" y="3598"/>
                    <a:pt x="6948" y="3598"/>
                  </a:cubicBezTo>
                  <a:cubicBezTo>
                    <a:pt x="6911" y="3598"/>
                    <a:pt x="6873" y="3593"/>
                    <a:pt x="6834" y="3582"/>
                  </a:cubicBezTo>
                  <a:cubicBezTo>
                    <a:pt x="6839" y="3580"/>
                    <a:pt x="6844" y="3577"/>
                    <a:pt x="6857" y="3577"/>
                  </a:cubicBezTo>
                  <a:cubicBezTo>
                    <a:pt x="6870" y="3577"/>
                    <a:pt x="6890" y="3580"/>
                    <a:pt x="6925" y="3589"/>
                  </a:cubicBezTo>
                  <a:cubicBezTo>
                    <a:pt x="6848" y="3566"/>
                    <a:pt x="6825" y="3538"/>
                    <a:pt x="6860" y="3534"/>
                  </a:cubicBezTo>
                  <a:lnTo>
                    <a:pt x="6860" y="3534"/>
                  </a:lnTo>
                  <a:lnTo>
                    <a:pt x="6985" y="3571"/>
                  </a:lnTo>
                  <a:cubicBezTo>
                    <a:pt x="7048" y="3568"/>
                    <a:pt x="6869" y="3538"/>
                    <a:pt x="6876" y="3524"/>
                  </a:cubicBezTo>
                  <a:lnTo>
                    <a:pt x="6876" y="3524"/>
                  </a:lnTo>
                  <a:cubicBezTo>
                    <a:pt x="6934" y="3534"/>
                    <a:pt x="6973" y="3552"/>
                    <a:pt x="7010" y="3554"/>
                  </a:cubicBezTo>
                  <a:cubicBezTo>
                    <a:pt x="6978" y="3531"/>
                    <a:pt x="6865" y="3524"/>
                    <a:pt x="6800" y="3510"/>
                  </a:cubicBezTo>
                  <a:cubicBezTo>
                    <a:pt x="6700" y="3483"/>
                    <a:pt x="6742" y="3478"/>
                    <a:pt x="6742" y="3469"/>
                  </a:cubicBezTo>
                  <a:cubicBezTo>
                    <a:pt x="6726" y="3467"/>
                    <a:pt x="6715" y="3466"/>
                    <a:pt x="6707" y="3466"/>
                  </a:cubicBezTo>
                  <a:cubicBezTo>
                    <a:pt x="6673" y="3466"/>
                    <a:pt x="6711" y="3482"/>
                    <a:pt x="6751" y="3499"/>
                  </a:cubicBezTo>
                  <a:cubicBezTo>
                    <a:pt x="6774" y="3508"/>
                    <a:pt x="6800" y="3517"/>
                    <a:pt x="6809" y="3524"/>
                  </a:cubicBezTo>
                  <a:cubicBezTo>
                    <a:pt x="6814" y="3528"/>
                    <a:pt x="6812" y="3531"/>
                    <a:pt x="6795" y="3531"/>
                  </a:cubicBezTo>
                  <a:cubicBezTo>
                    <a:pt x="6789" y="3531"/>
                    <a:pt x="6779" y="3530"/>
                    <a:pt x="6767" y="3529"/>
                  </a:cubicBezTo>
                  <a:cubicBezTo>
                    <a:pt x="6766" y="3529"/>
                    <a:pt x="6764" y="3529"/>
                    <a:pt x="6762" y="3529"/>
                  </a:cubicBezTo>
                  <a:cubicBezTo>
                    <a:pt x="6695" y="3529"/>
                    <a:pt x="6547" y="3487"/>
                    <a:pt x="6443" y="3462"/>
                  </a:cubicBezTo>
                  <a:lnTo>
                    <a:pt x="6443" y="3462"/>
                  </a:lnTo>
                  <a:cubicBezTo>
                    <a:pt x="6480" y="3482"/>
                    <a:pt x="6480" y="3490"/>
                    <a:pt x="6461" y="3490"/>
                  </a:cubicBezTo>
                  <a:cubicBezTo>
                    <a:pt x="6459" y="3490"/>
                    <a:pt x="6456" y="3490"/>
                    <a:pt x="6452" y="3490"/>
                  </a:cubicBezTo>
                  <a:cubicBezTo>
                    <a:pt x="6404" y="3483"/>
                    <a:pt x="6357" y="3473"/>
                    <a:pt x="6311" y="3459"/>
                  </a:cubicBezTo>
                  <a:lnTo>
                    <a:pt x="6311" y="3459"/>
                  </a:lnTo>
                  <a:cubicBezTo>
                    <a:pt x="6383" y="3483"/>
                    <a:pt x="6390" y="3492"/>
                    <a:pt x="6401" y="3501"/>
                  </a:cubicBezTo>
                  <a:cubicBezTo>
                    <a:pt x="6413" y="3508"/>
                    <a:pt x="6427" y="3517"/>
                    <a:pt x="6515" y="3531"/>
                  </a:cubicBezTo>
                  <a:lnTo>
                    <a:pt x="6515" y="3550"/>
                  </a:lnTo>
                  <a:cubicBezTo>
                    <a:pt x="6441" y="3531"/>
                    <a:pt x="6360" y="3496"/>
                    <a:pt x="6288" y="3473"/>
                  </a:cubicBezTo>
                  <a:cubicBezTo>
                    <a:pt x="6301" y="3473"/>
                    <a:pt x="6293" y="3467"/>
                    <a:pt x="6302" y="3467"/>
                  </a:cubicBezTo>
                  <a:cubicBezTo>
                    <a:pt x="6305" y="3467"/>
                    <a:pt x="6308" y="3468"/>
                    <a:pt x="6313" y="3469"/>
                  </a:cubicBezTo>
                  <a:cubicBezTo>
                    <a:pt x="6241" y="3448"/>
                    <a:pt x="6167" y="3429"/>
                    <a:pt x="6098" y="3406"/>
                  </a:cubicBezTo>
                  <a:lnTo>
                    <a:pt x="6121" y="3404"/>
                  </a:lnTo>
                  <a:cubicBezTo>
                    <a:pt x="6058" y="3378"/>
                    <a:pt x="5987" y="3351"/>
                    <a:pt x="5922" y="3323"/>
                  </a:cubicBezTo>
                  <a:cubicBezTo>
                    <a:pt x="5859" y="3293"/>
                    <a:pt x="5801" y="3269"/>
                    <a:pt x="5762" y="3256"/>
                  </a:cubicBezTo>
                  <a:lnTo>
                    <a:pt x="5762" y="3256"/>
                  </a:lnTo>
                  <a:cubicBezTo>
                    <a:pt x="5809" y="3276"/>
                    <a:pt x="5849" y="3301"/>
                    <a:pt x="5832" y="3301"/>
                  </a:cubicBezTo>
                  <a:cubicBezTo>
                    <a:pt x="5827" y="3301"/>
                    <a:pt x="5818" y="3299"/>
                    <a:pt x="5804" y="3295"/>
                  </a:cubicBezTo>
                  <a:cubicBezTo>
                    <a:pt x="5746" y="3281"/>
                    <a:pt x="5690" y="3263"/>
                    <a:pt x="5637" y="3237"/>
                  </a:cubicBezTo>
                  <a:cubicBezTo>
                    <a:pt x="5616" y="3212"/>
                    <a:pt x="5466" y="3140"/>
                    <a:pt x="5495" y="3140"/>
                  </a:cubicBezTo>
                  <a:cubicBezTo>
                    <a:pt x="5502" y="3140"/>
                    <a:pt x="5516" y="3144"/>
                    <a:pt x="5542" y="3151"/>
                  </a:cubicBezTo>
                  <a:cubicBezTo>
                    <a:pt x="5451" y="3117"/>
                    <a:pt x="5421" y="3105"/>
                    <a:pt x="5394" y="3096"/>
                  </a:cubicBezTo>
                  <a:cubicBezTo>
                    <a:pt x="5366" y="3086"/>
                    <a:pt x="5338" y="3077"/>
                    <a:pt x="5252" y="3042"/>
                  </a:cubicBezTo>
                  <a:lnTo>
                    <a:pt x="5252" y="3042"/>
                  </a:lnTo>
                  <a:cubicBezTo>
                    <a:pt x="5289" y="3059"/>
                    <a:pt x="5329" y="3075"/>
                    <a:pt x="5366" y="3091"/>
                  </a:cubicBezTo>
                  <a:cubicBezTo>
                    <a:pt x="5373" y="3112"/>
                    <a:pt x="5268" y="3091"/>
                    <a:pt x="5373" y="3151"/>
                  </a:cubicBezTo>
                  <a:cubicBezTo>
                    <a:pt x="5241" y="3098"/>
                    <a:pt x="5310" y="3163"/>
                    <a:pt x="5139" y="3080"/>
                  </a:cubicBezTo>
                  <a:cubicBezTo>
                    <a:pt x="5116" y="3065"/>
                    <a:pt x="5114" y="3058"/>
                    <a:pt x="5126" y="3058"/>
                  </a:cubicBezTo>
                  <a:cubicBezTo>
                    <a:pt x="5146" y="3058"/>
                    <a:pt x="5208" y="3079"/>
                    <a:pt x="5271" y="3107"/>
                  </a:cubicBezTo>
                  <a:cubicBezTo>
                    <a:pt x="5227" y="3080"/>
                    <a:pt x="5178" y="3056"/>
                    <a:pt x="5129" y="3038"/>
                  </a:cubicBezTo>
                  <a:cubicBezTo>
                    <a:pt x="5123" y="3031"/>
                    <a:pt x="5125" y="3029"/>
                    <a:pt x="5130" y="3029"/>
                  </a:cubicBezTo>
                  <a:cubicBezTo>
                    <a:pt x="5138" y="3029"/>
                    <a:pt x="5153" y="3033"/>
                    <a:pt x="5169" y="3038"/>
                  </a:cubicBezTo>
                  <a:lnTo>
                    <a:pt x="5169" y="3038"/>
                  </a:lnTo>
                  <a:cubicBezTo>
                    <a:pt x="5163" y="3036"/>
                    <a:pt x="5154" y="3032"/>
                    <a:pt x="5141" y="3026"/>
                  </a:cubicBezTo>
                  <a:cubicBezTo>
                    <a:pt x="4991" y="2968"/>
                    <a:pt x="5062" y="2957"/>
                    <a:pt x="4921" y="2894"/>
                  </a:cubicBezTo>
                  <a:lnTo>
                    <a:pt x="4921" y="2894"/>
                  </a:lnTo>
                  <a:cubicBezTo>
                    <a:pt x="4946" y="2908"/>
                    <a:pt x="4985" y="2932"/>
                    <a:pt x="4975" y="2932"/>
                  </a:cubicBezTo>
                  <a:cubicBezTo>
                    <a:pt x="4973" y="2932"/>
                    <a:pt x="4969" y="2931"/>
                    <a:pt x="4963" y="2929"/>
                  </a:cubicBezTo>
                  <a:cubicBezTo>
                    <a:pt x="4782" y="2829"/>
                    <a:pt x="4854" y="2887"/>
                    <a:pt x="4719" y="2820"/>
                  </a:cubicBezTo>
                  <a:cubicBezTo>
                    <a:pt x="4659" y="2760"/>
                    <a:pt x="4701" y="2758"/>
                    <a:pt x="4587" y="2683"/>
                  </a:cubicBezTo>
                  <a:lnTo>
                    <a:pt x="4587" y="2683"/>
                  </a:lnTo>
                  <a:lnTo>
                    <a:pt x="4652" y="2723"/>
                  </a:lnTo>
                  <a:cubicBezTo>
                    <a:pt x="4611" y="2686"/>
                    <a:pt x="4567" y="2653"/>
                    <a:pt x="4518" y="2623"/>
                  </a:cubicBezTo>
                  <a:cubicBezTo>
                    <a:pt x="4265" y="2496"/>
                    <a:pt x="4052" y="2401"/>
                    <a:pt x="3798" y="2260"/>
                  </a:cubicBezTo>
                  <a:lnTo>
                    <a:pt x="3798" y="2260"/>
                  </a:lnTo>
                  <a:lnTo>
                    <a:pt x="3888" y="2310"/>
                  </a:lnTo>
                  <a:cubicBezTo>
                    <a:pt x="3892" y="2315"/>
                    <a:pt x="3893" y="2316"/>
                    <a:pt x="3891" y="2316"/>
                  </a:cubicBezTo>
                  <a:cubicBezTo>
                    <a:pt x="3882" y="2316"/>
                    <a:pt x="3817" y="2278"/>
                    <a:pt x="3808" y="2278"/>
                  </a:cubicBezTo>
                  <a:cubicBezTo>
                    <a:pt x="3807" y="2278"/>
                    <a:pt x="3807" y="2278"/>
                    <a:pt x="3807" y="2278"/>
                  </a:cubicBezTo>
                  <a:lnTo>
                    <a:pt x="3758" y="2236"/>
                  </a:lnTo>
                  <a:lnTo>
                    <a:pt x="3758" y="2236"/>
                  </a:lnTo>
                  <a:cubicBezTo>
                    <a:pt x="3736" y="2239"/>
                    <a:pt x="3864" y="2320"/>
                    <a:pt x="3836" y="2320"/>
                  </a:cubicBezTo>
                  <a:cubicBezTo>
                    <a:pt x="3835" y="2320"/>
                    <a:pt x="3834" y="2320"/>
                    <a:pt x="3832" y="2320"/>
                  </a:cubicBezTo>
                  <a:cubicBezTo>
                    <a:pt x="3821" y="2310"/>
                    <a:pt x="3809" y="2304"/>
                    <a:pt x="3795" y="2297"/>
                  </a:cubicBezTo>
                  <a:lnTo>
                    <a:pt x="3795" y="2297"/>
                  </a:lnTo>
                  <a:lnTo>
                    <a:pt x="3844" y="2331"/>
                  </a:lnTo>
                  <a:cubicBezTo>
                    <a:pt x="3733" y="2255"/>
                    <a:pt x="3626" y="2220"/>
                    <a:pt x="3554" y="2144"/>
                  </a:cubicBezTo>
                  <a:lnTo>
                    <a:pt x="3554" y="2144"/>
                  </a:lnTo>
                  <a:cubicBezTo>
                    <a:pt x="3637" y="2196"/>
                    <a:pt x="3667" y="2207"/>
                    <a:pt x="3683" y="2207"/>
                  </a:cubicBezTo>
                  <a:cubicBezTo>
                    <a:pt x="3695" y="2207"/>
                    <a:pt x="3699" y="2201"/>
                    <a:pt x="3711" y="2201"/>
                  </a:cubicBezTo>
                  <a:cubicBezTo>
                    <a:pt x="3726" y="2201"/>
                    <a:pt x="3753" y="2210"/>
                    <a:pt x="3822" y="2251"/>
                  </a:cubicBezTo>
                  <a:lnTo>
                    <a:pt x="3822" y="2251"/>
                  </a:lnTo>
                  <a:cubicBezTo>
                    <a:pt x="3776" y="2223"/>
                    <a:pt x="3776" y="2217"/>
                    <a:pt x="3787" y="2217"/>
                  </a:cubicBezTo>
                  <a:cubicBezTo>
                    <a:pt x="3795" y="2217"/>
                    <a:pt x="3809" y="2220"/>
                    <a:pt x="3815" y="2220"/>
                  </a:cubicBezTo>
                  <a:cubicBezTo>
                    <a:pt x="3818" y="2220"/>
                    <a:pt x="3819" y="2220"/>
                    <a:pt x="3818" y="2218"/>
                  </a:cubicBezTo>
                  <a:cubicBezTo>
                    <a:pt x="3760" y="2176"/>
                    <a:pt x="3781" y="2209"/>
                    <a:pt x="3716" y="2160"/>
                  </a:cubicBezTo>
                  <a:cubicBezTo>
                    <a:pt x="3717" y="2159"/>
                    <a:pt x="3718" y="2159"/>
                    <a:pt x="3719" y="2159"/>
                  </a:cubicBezTo>
                  <a:cubicBezTo>
                    <a:pt x="3734" y="2159"/>
                    <a:pt x="3816" y="2203"/>
                    <a:pt x="3829" y="2203"/>
                  </a:cubicBezTo>
                  <a:cubicBezTo>
                    <a:pt x="3832" y="2203"/>
                    <a:pt x="3830" y="2199"/>
                    <a:pt x="3816" y="2188"/>
                  </a:cubicBezTo>
                  <a:cubicBezTo>
                    <a:pt x="3814" y="2189"/>
                    <a:pt x="3812" y="2189"/>
                    <a:pt x="3809" y="2189"/>
                  </a:cubicBezTo>
                  <a:cubicBezTo>
                    <a:pt x="3786" y="2189"/>
                    <a:pt x="3736" y="2154"/>
                    <a:pt x="3703" y="2146"/>
                  </a:cubicBezTo>
                  <a:cubicBezTo>
                    <a:pt x="3678" y="2129"/>
                    <a:pt x="3680" y="2127"/>
                    <a:pt x="3685" y="2127"/>
                  </a:cubicBezTo>
                  <a:cubicBezTo>
                    <a:pt x="3687" y="2127"/>
                    <a:pt x="3688" y="2127"/>
                    <a:pt x="3690" y="2127"/>
                  </a:cubicBezTo>
                  <a:cubicBezTo>
                    <a:pt x="3694" y="2127"/>
                    <a:pt x="3698" y="2126"/>
                    <a:pt x="3691" y="2118"/>
                  </a:cubicBezTo>
                  <a:cubicBezTo>
                    <a:pt x="3666" y="2107"/>
                    <a:pt x="3642" y="2093"/>
                    <a:pt x="3619" y="2079"/>
                  </a:cubicBezTo>
                  <a:lnTo>
                    <a:pt x="3619" y="2079"/>
                  </a:lnTo>
                  <a:lnTo>
                    <a:pt x="3642" y="2081"/>
                  </a:lnTo>
                  <a:cubicBezTo>
                    <a:pt x="3513" y="1977"/>
                    <a:pt x="3591" y="2067"/>
                    <a:pt x="3434" y="1961"/>
                  </a:cubicBezTo>
                  <a:lnTo>
                    <a:pt x="3434" y="1961"/>
                  </a:lnTo>
                  <a:cubicBezTo>
                    <a:pt x="3422" y="1970"/>
                    <a:pt x="3473" y="1998"/>
                    <a:pt x="3540" y="2039"/>
                  </a:cubicBezTo>
                  <a:cubicBezTo>
                    <a:pt x="3543" y="2046"/>
                    <a:pt x="3540" y="2049"/>
                    <a:pt x="3533" y="2049"/>
                  </a:cubicBezTo>
                  <a:cubicBezTo>
                    <a:pt x="3499" y="2049"/>
                    <a:pt x="3361" y="1968"/>
                    <a:pt x="3320" y="1968"/>
                  </a:cubicBezTo>
                  <a:cubicBezTo>
                    <a:pt x="3314" y="1968"/>
                    <a:pt x="3310" y="1970"/>
                    <a:pt x="3309" y="1975"/>
                  </a:cubicBezTo>
                  <a:cubicBezTo>
                    <a:pt x="3253" y="1941"/>
                    <a:pt x="3244" y="1933"/>
                    <a:pt x="3250" y="1933"/>
                  </a:cubicBezTo>
                  <a:cubicBezTo>
                    <a:pt x="3254" y="1933"/>
                    <a:pt x="3266" y="1938"/>
                    <a:pt x="3272" y="1938"/>
                  </a:cubicBezTo>
                  <a:cubicBezTo>
                    <a:pt x="3280" y="1938"/>
                    <a:pt x="3277" y="1931"/>
                    <a:pt x="3232" y="1898"/>
                  </a:cubicBezTo>
                  <a:cubicBezTo>
                    <a:pt x="3219" y="1883"/>
                    <a:pt x="3218" y="1877"/>
                    <a:pt x="3224" y="1877"/>
                  </a:cubicBezTo>
                  <a:cubicBezTo>
                    <a:pt x="3245" y="1877"/>
                    <a:pt x="3350" y="1941"/>
                    <a:pt x="3381" y="1947"/>
                  </a:cubicBezTo>
                  <a:lnTo>
                    <a:pt x="3255" y="1849"/>
                  </a:lnTo>
                  <a:lnTo>
                    <a:pt x="3255" y="1849"/>
                  </a:lnTo>
                  <a:cubicBezTo>
                    <a:pt x="3313" y="1854"/>
                    <a:pt x="3389" y="1910"/>
                    <a:pt x="3427" y="1910"/>
                  </a:cubicBezTo>
                  <a:cubicBezTo>
                    <a:pt x="3429" y="1910"/>
                    <a:pt x="3430" y="1910"/>
                    <a:pt x="3432" y="1910"/>
                  </a:cubicBezTo>
                  <a:cubicBezTo>
                    <a:pt x="3332" y="1843"/>
                    <a:pt x="3341" y="1856"/>
                    <a:pt x="3235" y="1801"/>
                  </a:cubicBezTo>
                  <a:lnTo>
                    <a:pt x="3235" y="1801"/>
                  </a:lnTo>
                  <a:cubicBezTo>
                    <a:pt x="3282" y="1839"/>
                    <a:pt x="3291" y="1850"/>
                    <a:pt x="3285" y="1850"/>
                  </a:cubicBezTo>
                  <a:cubicBezTo>
                    <a:pt x="3276" y="1850"/>
                    <a:pt x="3233" y="1827"/>
                    <a:pt x="3220" y="1827"/>
                  </a:cubicBezTo>
                  <a:cubicBezTo>
                    <a:pt x="3212" y="1827"/>
                    <a:pt x="3213" y="1834"/>
                    <a:pt x="3232" y="1854"/>
                  </a:cubicBezTo>
                  <a:cubicBezTo>
                    <a:pt x="3184" y="1810"/>
                    <a:pt x="3133" y="1771"/>
                    <a:pt x="3079" y="1738"/>
                  </a:cubicBezTo>
                  <a:lnTo>
                    <a:pt x="3079" y="1738"/>
                  </a:lnTo>
                  <a:cubicBezTo>
                    <a:pt x="3101" y="1750"/>
                    <a:pt x="3111" y="1753"/>
                    <a:pt x="3117" y="1753"/>
                  </a:cubicBezTo>
                  <a:cubicBezTo>
                    <a:pt x="3123" y="1753"/>
                    <a:pt x="3124" y="1750"/>
                    <a:pt x="3130" y="1750"/>
                  </a:cubicBezTo>
                  <a:cubicBezTo>
                    <a:pt x="3137" y="1750"/>
                    <a:pt x="3150" y="1755"/>
                    <a:pt x="3186" y="1778"/>
                  </a:cubicBezTo>
                  <a:cubicBezTo>
                    <a:pt x="3038" y="1685"/>
                    <a:pt x="3072" y="1715"/>
                    <a:pt x="2927" y="1622"/>
                  </a:cubicBezTo>
                  <a:cubicBezTo>
                    <a:pt x="2924" y="1622"/>
                    <a:pt x="2921" y="1621"/>
                    <a:pt x="2920" y="1621"/>
                  </a:cubicBezTo>
                  <a:cubicBezTo>
                    <a:pt x="2897" y="1621"/>
                    <a:pt x="2971" y="1678"/>
                    <a:pt x="2956" y="1678"/>
                  </a:cubicBezTo>
                  <a:cubicBezTo>
                    <a:pt x="2950" y="1678"/>
                    <a:pt x="2928" y="1668"/>
                    <a:pt x="2876" y="1639"/>
                  </a:cubicBezTo>
                  <a:cubicBezTo>
                    <a:pt x="2853" y="1624"/>
                    <a:pt x="2847" y="1617"/>
                    <a:pt x="2851" y="1617"/>
                  </a:cubicBezTo>
                  <a:cubicBezTo>
                    <a:pt x="2854" y="1617"/>
                    <a:pt x="2861" y="1620"/>
                    <a:pt x="2871" y="1627"/>
                  </a:cubicBezTo>
                  <a:cubicBezTo>
                    <a:pt x="2837" y="1602"/>
                    <a:pt x="2823" y="1594"/>
                    <a:pt x="2818" y="1594"/>
                  </a:cubicBezTo>
                  <a:cubicBezTo>
                    <a:pt x="2808" y="1594"/>
                    <a:pt x="2839" y="1630"/>
                    <a:pt x="2823" y="1630"/>
                  </a:cubicBezTo>
                  <a:cubicBezTo>
                    <a:pt x="2818" y="1630"/>
                    <a:pt x="2810" y="1627"/>
                    <a:pt x="2797" y="1620"/>
                  </a:cubicBezTo>
                  <a:cubicBezTo>
                    <a:pt x="2750" y="1594"/>
                    <a:pt x="2732" y="1575"/>
                    <a:pt x="2740" y="1575"/>
                  </a:cubicBezTo>
                  <a:cubicBezTo>
                    <a:pt x="2742" y="1575"/>
                    <a:pt x="2746" y="1576"/>
                    <a:pt x="2751" y="1578"/>
                  </a:cubicBezTo>
                  <a:cubicBezTo>
                    <a:pt x="2712" y="1560"/>
                    <a:pt x="2697" y="1557"/>
                    <a:pt x="2688" y="1557"/>
                  </a:cubicBezTo>
                  <a:cubicBezTo>
                    <a:pt x="2683" y="1557"/>
                    <a:pt x="2680" y="1557"/>
                    <a:pt x="2677" y="1557"/>
                  </a:cubicBezTo>
                  <a:cubicBezTo>
                    <a:pt x="2670" y="1557"/>
                    <a:pt x="2662" y="1555"/>
                    <a:pt x="2642" y="1544"/>
                  </a:cubicBezTo>
                  <a:lnTo>
                    <a:pt x="2642" y="1544"/>
                  </a:lnTo>
                  <a:lnTo>
                    <a:pt x="2667" y="1562"/>
                  </a:lnTo>
                  <a:cubicBezTo>
                    <a:pt x="2665" y="1561"/>
                    <a:pt x="2663" y="1561"/>
                    <a:pt x="2662" y="1561"/>
                  </a:cubicBezTo>
                  <a:cubicBezTo>
                    <a:pt x="2653" y="1561"/>
                    <a:pt x="2660" y="1579"/>
                    <a:pt x="2645" y="1579"/>
                  </a:cubicBezTo>
                  <a:cubicBezTo>
                    <a:pt x="2634" y="1579"/>
                    <a:pt x="2613" y="1570"/>
                    <a:pt x="2568" y="1541"/>
                  </a:cubicBezTo>
                  <a:cubicBezTo>
                    <a:pt x="2482" y="1483"/>
                    <a:pt x="2514" y="1493"/>
                    <a:pt x="2517" y="1486"/>
                  </a:cubicBezTo>
                  <a:cubicBezTo>
                    <a:pt x="2456" y="1453"/>
                    <a:pt x="2403" y="1416"/>
                    <a:pt x="2352" y="1372"/>
                  </a:cubicBezTo>
                  <a:lnTo>
                    <a:pt x="2352" y="1372"/>
                  </a:lnTo>
                  <a:cubicBezTo>
                    <a:pt x="2353" y="1375"/>
                    <a:pt x="2352" y="1377"/>
                    <a:pt x="2350" y="1377"/>
                  </a:cubicBezTo>
                  <a:cubicBezTo>
                    <a:pt x="2346" y="1377"/>
                    <a:pt x="2339" y="1373"/>
                    <a:pt x="2327" y="1365"/>
                  </a:cubicBezTo>
                  <a:cubicBezTo>
                    <a:pt x="2208" y="1296"/>
                    <a:pt x="2269" y="1307"/>
                    <a:pt x="2227" y="1280"/>
                  </a:cubicBezTo>
                  <a:cubicBezTo>
                    <a:pt x="2180" y="1245"/>
                    <a:pt x="2161" y="1235"/>
                    <a:pt x="2152" y="1235"/>
                  </a:cubicBezTo>
                  <a:cubicBezTo>
                    <a:pt x="2142" y="1235"/>
                    <a:pt x="2149" y="1252"/>
                    <a:pt x="2135" y="1252"/>
                  </a:cubicBezTo>
                  <a:cubicBezTo>
                    <a:pt x="2124" y="1252"/>
                    <a:pt x="2100" y="1242"/>
                    <a:pt x="2044" y="1206"/>
                  </a:cubicBezTo>
                  <a:lnTo>
                    <a:pt x="2044" y="1206"/>
                  </a:lnTo>
                  <a:lnTo>
                    <a:pt x="2255" y="1349"/>
                  </a:lnTo>
                  <a:cubicBezTo>
                    <a:pt x="2241" y="1351"/>
                    <a:pt x="2227" y="1363"/>
                    <a:pt x="2273" y="1391"/>
                  </a:cubicBezTo>
                  <a:cubicBezTo>
                    <a:pt x="2274" y="1390"/>
                    <a:pt x="2276" y="1389"/>
                    <a:pt x="2279" y="1389"/>
                  </a:cubicBezTo>
                  <a:cubicBezTo>
                    <a:pt x="2301" y="1389"/>
                    <a:pt x="2375" y="1426"/>
                    <a:pt x="2438" y="1467"/>
                  </a:cubicBezTo>
                  <a:cubicBezTo>
                    <a:pt x="2439" y="1470"/>
                    <a:pt x="2438" y="1472"/>
                    <a:pt x="2435" y="1472"/>
                  </a:cubicBezTo>
                  <a:cubicBezTo>
                    <a:pt x="2416" y="1472"/>
                    <a:pt x="2330" y="1421"/>
                    <a:pt x="2317" y="1421"/>
                  </a:cubicBezTo>
                  <a:cubicBezTo>
                    <a:pt x="2312" y="1421"/>
                    <a:pt x="2318" y="1429"/>
                    <a:pt x="2347" y="1453"/>
                  </a:cubicBezTo>
                  <a:cubicBezTo>
                    <a:pt x="2306" y="1426"/>
                    <a:pt x="2243" y="1389"/>
                    <a:pt x="2190" y="1354"/>
                  </a:cubicBezTo>
                  <a:lnTo>
                    <a:pt x="2190" y="1354"/>
                  </a:lnTo>
                  <a:cubicBezTo>
                    <a:pt x="2194" y="1355"/>
                    <a:pt x="2197" y="1356"/>
                    <a:pt x="2199" y="1356"/>
                  </a:cubicBezTo>
                  <a:cubicBezTo>
                    <a:pt x="2222" y="1356"/>
                    <a:pt x="2083" y="1274"/>
                    <a:pt x="2100" y="1274"/>
                  </a:cubicBezTo>
                  <a:cubicBezTo>
                    <a:pt x="2103" y="1274"/>
                    <a:pt x="2111" y="1276"/>
                    <a:pt x="2125" y="1282"/>
                  </a:cubicBezTo>
                  <a:cubicBezTo>
                    <a:pt x="1891" y="1136"/>
                    <a:pt x="1866" y="1104"/>
                    <a:pt x="1643" y="976"/>
                  </a:cubicBezTo>
                  <a:lnTo>
                    <a:pt x="1643" y="976"/>
                  </a:lnTo>
                  <a:cubicBezTo>
                    <a:pt x="1745" y="1011"/>
                    <a:pt x="1840" y="1060"/>
                    <a:pt x="1926" y="1122"/>
                  </a:cubicBezTo>
                  <a:lnTo>
                    <a:pt x="1930" y="1136"/>
                  </a:lnTo>
                  <a:cubicBezTo>
                    <a:pt x="1959" y="1152"/>
                    <a:pt x="1972" y="1158"/>
                    <a:pt x="1975" y="1158"/>
                  </a:cubicBezTo>
                  <a:cubicBezTo>
                    <a:pt x="1987" y="1158"/>
                    <a:pt x="1836" y="1057"/>
                    <a:pt x="1863" y="1057"/>
                  </a:cubicBezTo>
                  <a:cubicBezTo>
                    <a:pt x="1676" y="972"/>
                    <a:pt x="1490" y="800"/>
                    <a:pt x="1275" y="673"/>
                  </a:cubicBezTo>
                  <a:lnTo>
                    <a:pt x="1275" y="673"/>
                  </a:lnTo>
                  <a:cubicBezTo>
                    <a:pt x="1289" y="686"/>
                    <a:pt x="1288" y="690"/>
                    <a:pt x="1282" y="690"/>
                  </a:cubicBezTo>
                  <a:cubicBezTo>
                    <a:pt x="1275" y="690"/>
                    <a:pt x="1258" y="684"/>
                    <a:pt x="1249" y="684"/>
                  </a:cubicBezTo>
                  <a:cubicBezTo>
                    <a:pt x="1249" y="684"/>
                    <a:pt x="1248" y="684"/>
                    <a:pt x="1247" y="684"/>
                  </a:cubicBezTo>
                  <a:cubicBezTo>
                    <a:pt x="1335" y="738"/>
                    <a:pt x="1321" y="726"/>
                    <a:pt x="1377" y="775"/>
                  </a:cubicBezTo>
                  <a:cubicBezTo>
                    <a:pt x="1376" y="775"/>
                    <a:pt x="1375" y="775"/>
                    <a:pt x="1373" y="775"/>
                  </a:cubicBezTo>
                  <a:cubicBezTo>
                    <a:pt x="1353" y="775"/>
                    <a:pt x="1308" y="742"/>
                    <a:pt x="1277" y="733"/>
                  </a:cubicBezTo>
                  <a:cubicBezTo>
                    <a:pt x="1277" y="733"/>
                    <a:pt x="1276" y="733"/>
                    <a:pt x="1275" y="733"/>
                  </a:cubicBezTo>
                  <a:cubicBezTo>
                    <a:pt x="1254" y="733"/>
                    <a:pt x="1343" y="775"/>
                    <a:pt x="1368" y="800"/>
                  </a:cubicBezTo>
                  <a:cubicBezTo>
                    <a:pt x="1326" y="775"/>
                    <a:pt x="1282" y="754"/>
                    <a:pt x="1236" y="740"/>
                  </a:cubicBezTo>
                  <a:cubicBezTo>
                    <a:pt x="1215" y="717"/>
                    <a:pt x="1196" y="694"/>
                    <a:pt x="1180" y="668"/>
                  </a:cubicBezTo>
                  <a:cubicBezTo>
                    <a:pt x="992" y="542"/>
                    <a:pt x="992" y="570"/>
                    <a:pt x="854" y="477"/>
                  </a:cubicBezTo>
                  <a:lnTo>
                    <a:pt x="854" y="477"/>
                  </a:lnTo>
                  <a:cubicBezTo>
                    <a:pt x="862" y="483"/>
                    <a:pt x="866" y="485"/>
                    <a:pt x="867" y="485"/>
                  </a:cubicBezTo>
                  <a:cubicBezTo>
                    <a:pt x="871" y="485"/>
                    <a:pt x="853" y="468"/>
                    <a:pt x="857" y="468"/>
                  </a:cubicBezTo>
                  <a:cubicBezTo>
                    <a:pt x="858" y="468"/>
                    <a:pt x="864" y="471"/>
                    <a:pt x="878" y="480"/>
                  </a:cubicBezTo>
                  <a:lnTo>
                    <a:pt x="878" y="480"/>
                  </a:lnTo>
                  <a:lnTo>
                    <a:pt x="842" y="455"/>
                  </a:lnTo>
                  <a:lnTo>
                    <a:pt x="842" y="455"/>
                  </a:lnTo>
                  <a:cubicBezTo>
                    <a:pt x="972" y="518"/>
                    <a:pt x="1170" y="646"/>
                    <a:pt x="1213" y="646"/>
                  </a:cubicBezTo>
                  <a:cubicBezTo>
                    <a:pt x="1219" y="646"/>
                    <a:pt x="1222" y="643"/>
                    <a:pt x="1222" y="638"/>
                  </a:cubicBezTo>
                  <a:cubicBezTo>
                    <a:pt x="1108" y="566"/>
                    <a:pt x="1015" y="531"/>
                    <a:pt x="879" y="443"/>
                  </a:cubicBezTo>
                  <a:lnTo>
                    <a:pt x="888" y="441"/>
                  </a:lnTo>
                  <a:cubicBezTo>
                    <a:pt x="856" y="420"/>
                    <a:pt x="844" y="414"/>
                    <a:pt x="842" y="414"/>
                  </a:cubicBezTo>
                  <a:cubicBezTo>
                    <a:pt x="837" y="414"/>
                    <a:pt x="869" y="440"/>
                    <a:pt x="861" y="440"/>
                  </a:cubicBezTo>
                  <a:cubicBezTo>
                    <a:pt x="861" y="440"/>
                    <a:pt x="860" y="439"/>
                    <a:pt x="858" y="439"/>
                  </a:cubicBezTo>
                  <a:cubicBezTo>
                    <a:pt x="740" y="376"/>
                    <a:pt x="733" y="318"/>
                    <a:pt x="643" y="288"/>
                  </a:cubicBezTo>
                  <a:lnTo>
                    <a:pt x="643" y="288"/>
                  </a:lnTo>
                  <a:lnTo>
                    <a:pt x="754" y="367"/>
                  </a:lnTo>
                  <a:cubicBezTo>
                    <a:pt x="730" y="356"/>
                    <a:pt x="720" y="351"/>
                    <a:pt x="718" y="351"/>
                  </a:cubicBezTo>
                  <a:cubicBezTo>
                    <a:pt x="711" y="351"/>
                    <a:pt x="769" y="387"/>
                    <a:pt x="744" y="390"/>
                  </a:cubicBezTo>
                  <a:cubicBezTo>
                    <a:pt x="582" y="307"/>
                    <a:pt x="325" y="126"/>
                    <a:pt x="100"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22" name="Google Shape;122;p7"/>
          <p:cNvSpPr txBox="1">
            <a:spLocks noGrp="1"/>
          </p:cNvSpPr>
          <p:nvPr>
            <p:ph type="body" idx="1"/>
          </p:nvPr>
        </p:nvSpPr>
        <p:spPr>
          <a:xfrm>
            <a:off x="715100" y="1482338"/>
            <a:ext cx="4807200" cy="2491500"/>
          </a:xfrm>
          <a:prstGeom prst="rect">
            <a:avLst/>
          </a:prstGeom>
        </p:spPr>
        <p:txBody>
          <a:bodyPr spcFirstLastPara="1" wrap="square" lIns="91425" tIns="91425" rIns="91425" bIns="91425" anchor="ctr" anchorCtr="0">
            <a:noAutofit/>
          </a:bodyPr>
          <a:lstStyle>
            <a:lvl1pPr marL="457200" lvl="0" indent="-304800" rtl="0">
              <a:spcBef>
                <a:spcPts val="0"/>
              </a:spcBef>
              <a:spcAft>
                <a:spcPts val="0"/>
              </a:spcAft>
              <a:buClr>
                <a:schemeClr val="accent4"/>
              </a:buClr>
              <a:buSzPts val="1200"/>
              <a:buChar char="●"/>
              <a:defRPr sz="1400">
                <a:solidFill>
                  <a:srgbClr val="434343"/>
                </a:solidFill>
                <a:latin typeface="Montserrat"/>
                <a:ea typeface="Montserrat"/>
                <a:cs typeface="Montserrat"/>
                <a:sym typeface="Montserrat"/>
              </a:defRPr>
            </a:lvl1pPr>
            <a:lvl2pPr marL="914400" lvl="1" indent="-304800" rtl="0">
              <a:lnSpc>
                <a:spcPct val="115000"/>
              </a:lnSpc>
              <a:spcBef>
                <a:spcPts val="0"/>
              </a:spcBef>
              <a:spcAft>
                <a:spcPts val="0"/>
              </a:spcAft>
              <a:buClr>
                <a:srgbClr val="000000"/>
              </a:buClr>
              <a:buSzPts val="1200"/>
              <a:buFont typeface="Open Sans"/>
              <a:buChar char="○"/>
              <a:defRPr>
                <a:solidFill>
                  <a:srgbClr val="434343"/>
                </a:solidFill>
              </a:defRPr>
            </a:lvl2pPr>
            <a:lvl3pPr marL="1371600" lvl="2" indent="-304800" rtl="0">
              <a:lnSpc>
                <a:spcPct val="115000"/>
              </a:lnSpc>
              <a:spcBef>
                <a:spcPts val="0"/>
              </a:spcBef>
              <a:spcAft>
                <a:spcPts val="0"/>
              </a:spcAft>
              <a:buClr>
                <a:srgbClr val="000000"/>
              </a:buClr>
              <a:buSzPts val="1200"/>
              <a:buFont typeface="Arial"/>
              <a:buChar char="■"/>
              <a:defRPr>
                <a:solidFill>
                  <a:srgbClr val="434343"/>
                </a:solidFill>
              </a:defRPr>
            </a:lvl3pPr>
            <a:lvl4pPr marL="1828800" lvl="3" indent="-304800" rtl="0">
              <a:lnSpc>
                <a:spcPct val="115000"/>
              </a:lnSpc>
              <a:spcBef>
                <a:spcPts val="0"/>
              </a:spcBef>
              <a:spcAft>
                <a:spcPts val="0"/>
              </a:spcAft>
              <a:buClr>
                <a:srgbClr val="000000"/>
              </a:buClr>
              <a:buSzPts val="1200"/>
              <a:buFont typeface="Arial"/>
              <a:buChar char="●"/>
              <a:defRPr>
                <a:solidFill>
                  <a:srgbClr val="434343"/>
                </a:solidFill>
              </a:defRPr>
            </a:lvl4pPr>
            <a:lvl5pPr marL="2286000" lvl="4" indent="-304800" rtl="0">
              <a:lnSpc>
                <a:spcPct val="115000"/>
              </a:lnSpc>
              <a:spcBef>
                <a:spcPts val="0"/>
              </a:spcBef>
              <a:spcAft>
                <a:spcPts val="0"/>
              </a:spcAft>
              <a:buClr>
                <a:srgbClr val="000000"/>
              </a:buClr>
              <a:buSzPts val="1200"/>
              <a:buFont typeface="Arial"/>
              <a:buChar char="○"/>
              <a:defRPr>
                <a:solidFill>
                  <a:srgbClr val="434343"/>
                </a:solidFill>
              </a:defRPr>
            </a:lvl5pPr>
            <a:lvl6pPr marL="2743200" lvl="5" indent="-304800" rtl="0">
              <a:lnSpc>
                <a:spcPct val="115000"/>
              </a:lnSpc>
              <a:spcBef>
                <a:spcPts val="0"/>
              </a:spcBef>
              <a:spcAft>
                <a:spcPts val="0"/>
              </a:spcAft>
              <a:buClr>
                <a:srgbClr val="000000"/>
              </a:buClr>
              <a:buSzPts val="1200"/>
              <a:buFont typeface="Arial"/>
              <a:buChar char="■"/>
              <a:defRPr>
                <a:solidFill>
                  <a:srgbClr val="434343"/>
                </a:solidFill>
              </a:defRPr>
            </a:lvl6pPr>
            <a:lvl7pPr marL="3200400" lvl="6" indent="-304800" rtl="0">
              <a:lnSpc>
                <a:spcPct val="115000"/>
              </a:lnSpc>
              <a:spcBef>
                <a:spcPts val="0"/>
              </a:spcBef>
              <a:spcAft>
                <a:spcPts val="0"/>
              </a:spcAft>
              <a:buClr>
                <a:srgbClr val="000000"/>
              </a:buClr>
              <a:buSzPts val="1200"/>
              <a:buFont typeface="Arial"/>
              <a:buChar char="●"/>
              <a:defRPr>
                <a:solidFill>
                  <a:srgbClr val="434343"/>
                </a:solidFill>
              </a:defRPr>
            </a:lvl7pPr>
            <a:lvl8pPr marL="3657600" lvl="7" indent="-304800" rtl="0">
              <a:lnSpc>
                <a:spcPct val="115000"/>
              </a:lnSpc>
              <a:spcBef>
                <a:spcPts val="0"/>
              </a:spcBef>
              <a:spcAft>
                <a:spcPts val="0"/>
              </a:spcAft>
              <a:buClr>
                <a:srgbClr val="000000"/>
              </a:buClr>
              <a:buSzPts val="1200"/>
              <a:buFont typeface="Arial"/>
              <a:buChar char="○"/>
              <a:defRPr>
                <a:solidFill>
                  <a:srgbClr val="434343"/>
                </a:solidFill>
              </a:defRPr>
            </a:lvl8pPr>
            <a:lvl9pPr marL="4114800" lvl="8" indent="-304800" rtl="0">
              <a:lnSpc>
                <a:spcPct val="115000"/>
              </a:lnSpc>
              <a:spcBef>
                <a:spcPts val="0"/>
              </a:spcBef>
              <a:spcAft>
                <a:spcPts val="0"/>
              </a:spcAft>
              <a:buClr>
                <a:srgbClr val="000000"/>
              </a:buClr>
              <a:buSzPts val="1200"/>
              <a:buFont typeface="Arial"/>
              <a:buChar char="■"/>
              <a:defRPr>
                <a:solidFill>
                  <a:srgbClr val="434343"/>
                </a:solidFill>
              </a:defRPr>
            </a:lvl9pPr>
          </a:lstStyle>
          <a:p>
            <a:endParaRPr/>
          </a:p>
        </p:txBody>
      </p:sp>
      <p:sp>
        <p:nvSpPr>
          <p:cNvPr id="123" name="Google Shape;123;p7"/>
          <p:cNvSpPr txBox="1">
            <a:spLocks noGrp="1"/>
          </p:cNvSpPr>
          <p:nvPr>
            <p:ph type="title"/>
          </p:nvPr>
        </p:nvSpPr>
        <p:spPr>
          <a:xfrm>
            <a:off x="715100" y="1017263"/>
            <a:ext cx="3852000" cy="482700"/>
          </a:xfrm>
          <a:prstGeom prst="rect">
            <a:avLst/>
          </a:prstGeom>
        </p:spPr>
        <p:txBody>
          <a:bodyPr spcFirstLastPara="1" wrap="square" lIns="91425" tIns="91425" rIns="91425" bIns="91425" anchor="ctr" anchorCtr="0">
            <a:noAutofit/>
          </a:bodyPr>
          <a:lstStyle>
            <a:lvl1pPr lvl="0" rtl="0">
              <a:spcBef>
                <a:spcPts val="0"/>
              </a:spcBef>
              <a:spcAft>
                <a:spcPts val="0"/>
              </a:spcAft>
              <a:buSzPts val="30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Main point">
  <p:cSld name="MAIN_POINT">
    <p:spTree>
      <p:nvGrpSpPr>
        <p:cNvPr id="1" name="Shape 124"/>
        <p:cNvGrpSpPr/>
        <p:nvPr/>
      </p:nvGrpSpPr>
      <p:grpSpPr>
        <a:xfrm>
          <a:off x="0" y="0"/>
          <a:ext cx="0" cy="0"/>
          <a:chOff x="0" y="0"/>
          <a:chExt cx="0" cy="0"/>
        </a:xfrm>
      </p:grpSpPr>
      <p:sp>
        <p:nvSpPr>
          <p:cNvPr id="125" name="Google Shape;125;p8"/>
          <p:cNvSpPr/>
          <p:nvPr/>
        </p:nvSpPr>
        <p:spPr>
          <a:xfrm flipH="1">
            <a:off x="-726125" y="380950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6" name="Google Shape;126;p8"/>
          <p:cNvSpPr/>
          <p:nvPr/>
        </p:nvSpPr>
        <p:spPr>
          <a:xfrm rot="4260057">
            <a:off x="7478296" y="187949"/>
            <a:ext cx="2775353" cy="1342896"/>
          </a:xfrm>
          <a:custGeom>
            <a:avLst/>
            <a:gdLst/>
            <a:ahLst/>
            <a:cxnLst/>
            <a:rect l="l" t="t" r="r" b="b"/>
            <a:pathLst>
              <a:path w="21889" h="10202" extrusionOk="0">
                <a:moveTo>
                  <a:pt x="11978" y="0"/>
                </a:moveTo>
                <a:cubicBezTo>
                  <a:pt x="8962" y="0"/>
                  <a:pt x="5952" y="431"/>
                  <a:pt x="3042" y="1286"/>
                </a:cubicBezTo>
                <a:cubicBezTo>
                  <a:pt x="1552" y="1724"/>
                  <a:pt x="364" y="1400"/>
                  <a:pt x="10" y="2861"/>
                </a:cubicBezTo>
                <a:cubicBezTo>
                  <a:pt x="0" y="2905"/>
                  <a:pt x="0" y="2949"/>
                  <a:pt x="14" y="2993"/>
                </a:cubicBezTo>
                <a:lnTo>
                  <a:pt x="17" y="2993"/>
                </a:lnTo>
                <a:lnTo>
                  <a:pt x="21" y="3007"/>
                </a:lnTo>
                <a:cubicBezTo>
                  <a:pt x="350" y="4279"/>
                  <a:pt x="570" y="5122"/>
                  <a:pt x="899" y="6394"/>
                </a:cubicBezTo>
                <a:cubicBezTo>
                  <a:pt x="1251" y="7751"/>
                  <a:pt x="1823" y="9336"/>
                  <a:pt x="3188" y="9672"/>
                </a:cubicBezTo>
                <a:cubicBezTo>
                  <a:pt x="3356" y="9713"/>
                  <a:pt x="3522" y="9732"/>
                  <a:pt x="3687" y="9732"/>
                </a:cubicBezTo>
                <a:cubicBezTo>
                  <a:pt x="4873" y="9732"/>
                  <a:pt x="5960" y="8752"/>
                  <a:pt x="7061" y="8150"/>
                </a:cubicBezTo>
                <a:cubicBezTo>
                  <a:pt x="7953" y="7661"/>
                  <a:pt x="8970" y="7411"/>
                  <a:pt x="9987" y="7411"/>
                </a:cubicBezTo>
                <a:cubicBezTo>
                  <a:pt x="10613" y="7411"/>
                  <a:pt x="11239" y="7506"/>
                  <a:pt x="11835" y="7698"/>
                </a:cubicBezTo>
                <a:cubicBezTo>
                  <a:pt x="13100" y="8106"/>
                  <a:pt x="14191" y="8914"/>
                  <a:pt x="15382" y="9507"/>
                </a:cubicBezTo>
                <a:cubicBezTo>
                  <a:pt x="16175" y="9904"/>
                  <a:pt x="17071" y="10202"/>
                  <a:pt x="17943" y="10202"/>
                </a:cubicBezTo>
                <a:cubicBezTo>
                  <a:pt x="18381" y="10202"/>
                  <a:pt x="18811" y="10127"/>
                  <a:pt x="19220" y="9952"/>
                </a:cubicBezTo>
                <a:cubicBezTo>
                  <a:pt x="20742" y="9301"/>
                  <a:pt x="21416" y="7522"/>
                  <a:pt x="21680" y="5889"/>
                </a:cubicBezTo>
                <a:cubicBezTo>
                  <a:pt x="21812" y="5062"/>
                  <a:pt x="21881" y="4228"/>
                  <a:pt x="21886" y="3392"/>
                </a:cubicBezTo>
                <a:cubicBezTo>
                  <a:pt x="21888" y="3021"/>
                  <a:pt x="21872" y="2634"/>
                  <a:pt x="21689" y="2312"/>
                </a:cubicBezTo>
                <a:cubicBezTo>
                  <a:pt x="21515" y="2009"/>
                  <a:pt x="21212" y="1800"/>
                  <a:pt x="20906" y="1627"/>
                </a:cubicBezTo>
                <a:cubicBezTo>
                  <a:pt x="19665" y="918"/>
                  <a:pt x="18240" y="594"/>
                  <a:pt x="16825" y="374"/>
                </a:cubicBezTo>
                <a:cubicBezTo>
                  <a:pt x="15217" y="124"/>
                  <a:pt x="13597" y="0"/>
                  <a:pt x="11978"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27" name="Google Shape;127;p8"/>
          <p:cNvGrpSpPr/>
          <p:nvPr/>
        </p:nvGrpSpPr>
        <p:grpSpPr>
          <a:xfrm>
            <a:off x="6608125" y="3473975"/>
            <a:ext cx="2290183" cy="1579980"/>
            <a:chOff x="6608125" y="3473975"/>
            <a:chExt cx="2290183" cy="1579980"/>
          </a:xfrm>
        </p:grpSpPr>
        <p:sp>
          <p:nvSpPr>
            <p:cNvPr id="128" name="Google Shape;128;p8"/>
            <p:cNvSpPr/>
            <p:nvPr/>
          </p:nvSpPr>
          <p:spPr>
            <a:xfrm>
              <a:off x="6643630" y="3519898"/>
              <a:ext cx="2254679" cy="1534057"/>
            </a:xfrm>
            <a:custGeom>
              <a:avLst/>
              <a:gdLst/>
              <a:ahLst/>
              <a:cxnLst/>
              <a:rect l="l" t="t" r="r" b="b"/>
              <a:pathLst>
                <a:path w="37658" h="25621" extrusionOk="0">
                  <a:moveTo>
                    <a:pt x="28351" y="0"/>
                  </a:moveTo>
                  <a:cubicBezTo>
                    <a:pt x="27793" y="0"/>
                    <a:pt x="27259" y="73"/>
                    <a:pt x="27259" y="387"/>
                  </a:cubicBezTo>
                  <a:lnTo>
                    <a:pt x="27259" y="6968"/>
                  </a:lnTo>
                  <a:cubicBezTo>
                    <a:pt x="27259" y="7486"/>
                    <a:pt x="26957" y="7658"/>
                    <a:pt x="26460" y="7658"/>
                  </a:cubicBezTo>
                  <a:cubicBezTo>
                    <a:pt x="26457" y="7658"/>
                    <a:pt x="26453" y="7658"/>
                    <a:pt x="26450" y="7658"/>
                  </a:cubicBezTo>
                  <a:cubicBezTo>
                    <a:pt x="24634" y="7651"/>
                    <a:pt x="22816" y="7582"/>
                    <a:pt x="21000" y="7582"/>
                  </a:cubicBezTo>
                  <a:cubicBezTo>
                    <a:pt x="20952" y="7581"/>
                    <a:pt x="20904" y="7580"/>
                    <a:pt x="20857" y="7580"/>
                  </a:cubicBezTo>
                  <a:cubicBezTo>
                    <a:pt x="20636" y="7580"/>
                    <a:pt x="20415" y="7596"/>
                    <a:pt x="20221" y="7695"/>
                  </a:cubicBezTo>
                  <a:cubicBezTo>
                    <a:pt x="19730" y="7946"/>
                    <a:pt x="19883" y="8624"/>
                    <a:pt x="19892" y="9067"/>
                  </a:cubicBezTo>
                  <a:cubicBezTo>
                    <a:pt x="19906" y="9755"/>
                    <a:pt x="19915" y="10440"/>
                    <a:pt x="19920" y="11126"/>
                  </a:cubicBezTo>
                  <a:cubicBezTo>
                    <a:pt x="19929" y="12423"/>
                    <a:pt x="19925" y="13765"/>
                    <a:pt x="19913" y="15036"/>
                  </a:cubicBezTo>
                  <a:cubicBezTo>
                    <a:pt x="19910" y="15434"/>
                    <a:pt x="19699" y="15569"/>
                    <a:pt x="19420" y="15569"/>
                  </a:cubicBezTo>
                  <a:cubicBezTo>
                    <a:pt x="19265" y="15569"/>
                    <a:pt x="19089" y="15527"/>
                    <a:pt x="18917" y="15465"/>
                  </a:cubicBezTo>
                  <a:cubicBezTo>
                    <a:pt x="18197" y="15210"/>
                    <a:pt x="17502" y="14888"/>
                    <a:pt x="16823" y="14541"/>
                  </a:cubicBezTo>
                  <a:cubicBezTo>
                    <a:pt x="16314" y="14282"/>
                    <a:pt x="15639" y="13731"/>
                    <a:pt x="15037" y="13731"/>
                  </a:cubicBezTo>
                  <a:cubicBezTo>
                    <a:pt x="15024" y="13731"/>
                    <a:pt x="15012" y="13732"/>
                    <a:pt x="15000" y="13732"/>
                  </a:cubicBezTo>
                  <a:cubicBezTo>
                    <a:pt x="14752" y="13744"/>
                    <a:pt x="14534" y="13885"/>
                    <a:pt x="14326" y="14019"/>
                  </a:cubicBezTo>
                  <a:cubicBezTo>
                    <a:pt x="13480" y="14568"/>
                    <a:pt x="12535" y="15379"/>
                    <a:pt x="11653" y="15870"/>
                  </a:cubicBezTo>
                  <a:cubicBezTo>
                    <a:pt x="10293" y="16018"/>
                    <a:pt x="8625" y="15968"/>
                    <a:pt x="7184" y="15991"/>
                  </a:cubicBezTo>
                  <a:cubicBezTo>
                    <a:pt x="7041" y="15993"/>
                    <a:pt x="6876" y="16005"/>
                    <a:pt x="6788" y="16118"/>
                  </a:cubicBezTo>
                  <a:cubicBezTo>
                    <a:pt x="6584" y="16387"/>
                    <a:pt x="6723" y="17075"/>
                    <a:pt x="6723" y="17387"/>
                  </a:cubicBezTo>
                  <a:cubicBezTo>
                    <a:pt x="6726" y="17888"/>
                    <a:pt x="6726" y="18388"/>
                    <a:pt x="6726" y="18891"/>
                  </a:cubicBezTo>
                  <a:cubicBezTo>
                    <a:pt x="6726" y="19305"/>
                    <a:pt x="6388" y="19376"/>
                    <a:pt x="6027" y="19376"/>
                  </a:cubicBezTo>
                  <a:cubicBezTo>
                    <a:pt x="5837" y="19376"/>
                    <a:pt x="5641" y="19356"/>
                    <a:pt x="5484" y="19356"/>
                  </a:cubicBezTo>
                  <a:lnTo>
                    <a:pt x="603" y="19352"/>
                  </a:lnTo>
                  <a:cubicBezTo>
                    <a:pt x="555" y="19352"/>
                    <a:pt x="506" y="19356"/>
                    <a:pt x="460" y="19366"/>
                  </a:cubicBezTo>
                  <a:cubicBezTo>
                    <a:pt x="1" y="19463"/>
                    <a:pt x="128" y="20054"/>
                    <a:pt x="128" y="20459"/>
                  </a:cubicBezTo>
                  <a:lnTo>
                    <a:pt x="128" y="25291"/>
                  </a:lnTo>
                  <a:cubicBezTo>
                    <a:pt x="126" y="25472"/>
                    <a:pt x="274" y="25620"/>
                    <a:pt x="457" y="25620"/>
                  </a:cubicBezTo>
                  <a:lnTo>
                    <a:pt x="37317" y="25620"/>
                  </a:lnTo>
                  <a:cubicBezTo>
                    <a:pt x="37500" y="25620"/>
                    <a:pt x="37648" y="25472"/>
                    <a:pt x="37648" y="25291"/>
                  </a:cubicBezTo>
                  <a:lnTo>
                    <a:pt x="37648" y="25250"/>
                  </a:lnTo>
                  <a:cubicBezTo>
                    <a:pt x="37657" y="18912"/>
                    <a:pt x="37657" y="12576"/>
                    <a:pt x="37648" y="6241"/>
                  </a:cubicBezTo>
                  <a:cubicBezTo>
                    <a:pt x="37648" y="6060"/>
                    <a:pt x="37500" y="5912"/>
                    <a:pt x="37317" y="5912"/>
                  </a:cubicBezTo>
                  <a:cubicBezTo>
                    <a:pt x="36276" y="5912"/>
                    <a:pt x="35236" y="5912"/>
                    <a:pt x="34196" y="5914"/>
                  </a:cubicBezTo>
                  <a:cubicBezTo>
                    <a:pt x="34081" y="5914"/>
                    <a:pt x="33960" y="5914"/>
                    <a:pt x="33858" y="5863"/>
                  </a:cubicBezTo>
                  <a:cubicBezTo>
                    <a:pt x="33300" y="5592"/>
                    <a:pt x="33733" y="3102"/>
                    <a:pt x="33742" y="2613"/>
                  </a:cubicBezTo>
                  <a:cubicBezTo>
                    <a:pt x="33752" y="2034"/>
                    <a:pt x="34034" y="466"/>
                    <a:pt x="33437" y="148"/>
                  </a:cubicBezTo>
                  <a:cubicBezTo>
                    <a:pt x="33237" y="44"/>
                    <a:pt x="33003" y="44"/>
                    <a:pt x="32779" y="44"/>
                  </a:cubicBezTo>
                  <a:lnTo>
                    <a:pt x="29531" y="56"/>
                  </a:lnTo>
                  <a:cubicBezTo>
                    <a:pt x="29529" y="56"/>
                    <a:pt x="29528" y="56"/>
                    <a:pt x="29526" y="56"/>
                  </a:cubicBezTo>
                  <a:cubicBezTo>
                    <a:pt x="29343" y="56"/>
                    <a:pt x="28838" y="0"/>
                    <a:pt x="28351"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9" name="Google Shape;129;p8"/>
            <p:cNvSpPr/>
            <p:nvPr/>
          </p:nvSpPr>
          <p:spPr>
            <a:xfrm>
              <a:off x="6608125" y="3473975"/>
              <a:ext cx="2254679" cy="1546092"/>
            </a:xfrm>
            <a:custGeom>
              <a:avLst/>
              <a:gdLst/>
              <a:ahLst/>
              <a:cxnLst/>
              <a:rect l="l" t="t" r="r" b="b"/>
              <a:pathLst>
                <a:path w="37658" h="25822" fill="none" extrusionOk="0">
                  <a:moveTo>
                    <a:pt x="460" y="19568"/>
                  </a:moveTo>
                  <a:cubicBezTo>
                    <a:pt x="508" y="19558"/>
                    <a:pt x="557" y="19554"/>
                    <a:pt x="606" y="19554"/>
                  </a:cubicBezTo>
                  <a:lnTo>
                    <a:pt x="5484" y="19558"/>
                  </a:lnTo>
                  <a:cubicBezTo>
                    <a:pt x="5938" y="19558"/>
                    <a:pt x="6726" y="19727"/>
                    <a:pt x="6726" y="19093"/>
                  </a:cubicBezTo>
                  <a:lnTo>
                    <a:pt x="6723" y="17589"/>
                  </a:lnTo>
                  <a:cubicBezTo>
                    <a:pt x="6723" y="17277"/>
                    <a:pt x="6584" y="16589"/>
                    <a:pt x="6788" y="16322"/>
                  </a:cubicBezTo>
                  <a:cubicBezTo>
                    <a:pt x="6876" y="16206"/>
                    <a:pt x="7041" y="16195"/>
                    <a:pt x="7184" y="16192"/>
                  </a:cubicBezTo>
                  <a:cubicBezTo>
                    <a:pt x="8625" y="16169"/>
                    <a:pt x="10293" y="16223"/>
                    <a:pt x="11653" y="16072"/>
                  </a:cubicBezTo>
                  <a:cubicBezTo>
                    <a:pt x="12535" y="15583"/>
                    <a:pt x="13480" y="14772"/>
                    <a:pt x="14326" y="14221"/>
                  </a:cubicBezTo>
                  <a:cubicBezTo>
                    <a:pt x="14534" y="14087"/>
                    <a:pt x="14752" y="13946"/>
                    <a:pt x="15000" y="13936"/>
                  </a:cubicBezTo>
                  <a:cubicBezTo>
                    <a:pt x="15611" y="13911"/>
                    <a:pt x="16304" y="14478"/>
                    <a:pt x="16825" y="14745"/>
                  </a:cubicBezTo>
                  <a:cubicBezTo>
                    <a:pt x="17504" y="15092"/>
                    <a:pt x="18199" y="15412"/>
                    <a:pt x="18917" y="15669"/>
                  </a:cubicBezTo>
                  <a:cubicBezTo>
                    <a:pt x="19401" y="15840"/>
                    <a:pt x="19911" y="15857"/>
                    <a:pt x="19915" y="15238"/>
                  </a:cubicBezTo>
                  <a:cubicBezTo>
                    <a:pt x="19927" y="13966"/>
                    <a:pt x="19932" y="12627"/>
                    <a:pt x="19922" y="11330"/>
                  </a:cubicBezTo>
                  <a:cubicBezTo>
                    <a:pt x="19918" y="10642"/>
                    <a:pt x="19908" y="9957"/>
                    <a:pt x="19895" y="9271"/>
                  </a:cubicBezTo>
                  <a:cubicBezTo>
                    <a:pt x="19885" y="8828"/>
                    <a:pt x="19732" y="8150"/>
                    <a:pt x="20221" y="7900"/>
                  </a:cubicBezTo>
                  <a:cubicBezTo>
                    <a:pt x="20457" y="7779"/>
                    <a:pt x="20735" y="7781"/>
                    <a:pt x="21000" y="7786"/>
                  </a:cubicBezTo>
                  <a:cubicBezTo>
                    <a:pt x="22818" y="7786"/>
                    <a:pt x="24636" y="7856"/>
                    <a:pt x="26452" y="7863"/>
                  </a:cubicBezTo>
                  <a:cubicBezTo>
                    <a:pt x="26955" y="7865"/>
                    <a:pt x="27259" y="7693"/>
                    <a:pt x="27259" y="7172"/>
                  </a:cubicBezTo>
                  <a:cubicBezTo>
                    <a:pt x="27259" y="4979"/>
                    <a:pt x="27259" y="2785"/>
                    <a:pt x="27259" y="591"/>
                  </a:cubicBezTo>
                  <a:cubicBezTo>
                    <a:pt x="27259" y="1"/>
                    <a:pt x="29151" y="262"/>
                    <a:pt x="29531" y="260"/>
                  </a:cubicBezTo>
                  <a:lnTo>
                    <a:pt x="32779" y="248"/>
                  </a:lnTo>
                  <a:cubicBezTo>
                    <a:pt x="33003" y="248"/>
                    <a:pt x="33237" y="248"/>
                    <a:pt x="33437" y="353"/>
                  </a:cubicBezTo>
                  <a:cubicBezTo>
                    <a:pt x="34034" y="670"/>
                    <a:pt x="33754" y="2238"/>
                    <a:pt x="33742" y="2815"/>
                  </a:cubicBezTo>
                  <a:cubicBezTo>
                    <a:pt x="33733" y="3306"/>
                    <a:pt x="33300" y="5794"/>
                    <a:pt x="33858" y="6067"/>
                  </a:cubicBezTo>
                  <a:cubicBezTo>
                    <a:pt x="33960" y="6118"/>
                    <a:pt x="34080" y="6118"/>
                    <a:pt x="34196" y="6118"/>
                  </a:cubicBezTo>
                  <a:cubicBezTo>
                    <a:pt x="35236" y="6116"/>
                    <a:pt x="36276" y="6116"/>
                    <a:pt x="37317" y="6116"/>
                  </a:cubicBezTo>
                  <a:cubicBezTo>
                    <a:pt x="37500" y="6116"/>
                    <a:pt x="37648" y="6264"/>
                    <a:pt x="37648" y="6445"/>
                  </a:cubicBezTo>
                  <a:cubicBezTo>
                    <a:pt x="37657" y="12780"/>
                    <a:pt x="37657" y="19116"/>
                    <a:pt x="37648" y="25454"/>
                  </a:cubicBezTo>
                  <a:lnTo>
                    <a:pt x="37648" y="25493"/>
                  </a:lnTo>
                  <a:cubicBezTo>
                    <a:pt x="37646" y="25676"/>
                    <a:pt x="37500" y="25822"/>
                    <a:pt x="37319" y="25822"/>
                  </a:cubicBezTo>
                  <a:lnTo>
                    <a:pt x="457" y="25822"/>
                  </a:lnTo>
                  <a:cubicBezTo>
                    <a:pt x="274" y="25822"/>
                    <a:pt x="126" y="25674"/>
                    <a:pt x="128" y="25493"/>
                  </a:cubicBezTo>
                  <a:lnTo>
                    <a:pt x="128" y="20661"/>
                  </a:lnTo>
                  <a:cubicBezTo>
                    <a:pt x="128" y="20256"/>
                    <a:pt x="1" y="19665"/>
                    <a:pt x="460" y="19568"/>
                  </a:cubicBezTo>
                  <a:close/>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30" name="Google Shape;130;p8"/>
          <p:cNvGrpSpPr/>
          <p:nvPr/>
        </p:nvGrpSpPr>
        <p:grpSpPr>
          <a:xfrm flipH="1">
            <a:off x="1658641" y="3918789"/>
            <a:ext cx="471060" cy="1149322"/>
            <a:chOff x="6665350" y="3757987"/>
            <a:chExt cx="439955" cy="1073430"/>
          </a:xfrm>
        </p:grpSpPr>
        <p:sp>
          <p:nvSpPr>
            <p:cNvPr id="131" name="Google Shape;131;p8"/>
            <p:cNvSpPr/>
            <p:nvPr/>
          </p:nvSpPr>
          <p:spPr>
            <a:xfrm>
              <a:off x="6691723" y="3824726"/>
              <a:ext cx="413582" cy="744057"/>
            </a:xfrm>
            <a:custGeom>
              <a:avLst/>
              <a:gdLst/>
              <a:ahLst/>
              <a:cxnLst/>
              <a:rect l="l" t="t" r="r" b="b"/>
              <a:pathLst>
                <a:path w="4877" h="8774" extrusionOk="0">
                  <a:moveTo>
                    <a:pt x="2410" y="1"/>
                  </a:moveTo>
                  <a:cubicBezTo>
                    <a:pt x="1882" y="1"/>
                    <a:pt x="1020" y="2319"/>
                    <a:pt x="1416" y="2890"/>
                  </a:cubicBezTo>
                  <a:cubicBezTo>
                    <a:pt x="830" y="3969"/>
                    <a:pt x="760" y="5292"/>
                    <a:pt x="862" y="6190"/>
                  </a:cubicBezTo>
                  <a:cubicBezTo>
                    <a:pt x="345" y="6881"/>
                    <a:pt x="0" y="8155"/>
                    <a:pt x="552" y="8639"/>
                  </a:cubicBezTo>
                  <a:cubicBezTo>
                    <a:pt x="662" y="8735"/>
                    <a:pt x="799" y="8774"/>
                    <a:pt x="947" y="8774"/>
                  </a:cubicBezTo>
                  <a:cubicBezTo>
                    <a:pt x="1540" y="8774"/>
                    <a:pt x="2312" y="8157"/>
                    <a:pt x="2312" y="8157"/>
                  </a:cubicBezTo>
                  <a:cubicBezTo>
                    <a:pt x="2387" y="8220"/>
                    <a:pt x="2492" y="8242"/>
                    <a:pt x="2599" y="8242"/>
                  </a:cubicBezTo>
                  <a:cubicBezTo>
                    <a:pt x="2813" y="8242"/>
                    <a:pt x="3035" y="8157"/>
                    <a:pt x="3035" y="8157"/>
                  </a:cubicBezTo>
                  <a:cubicBezTo>
                    <a:pt x="3374" y="8358"/>
                    <a:pt x="3641" y="8444"/>
                    <a:pt x="3847" y="8444"/>
                  </a:cubicBezTo>
                  <a:cubicBezTo>
                    <a:pt x="4876" y="8444"/>
                    <a:pt x="4393" y="6316"/>
                    <a:pt x="3934" y="5915"/>
                  </a:cubicBezTo>
                  <a:cubicBezTo>
                    <a:pt x="4105" y="5396"/>
                    <a:pt x="3760" y="2982"/>
                    <a:pt x="3174" y="2890"/>
                  </a:cubicBezTo>
                  <a:cubicBezTo>
                    <a:pt x="3554" y="2623"/>
                    <a:pt x="3002" y="258"/>
                    <a:pt x="2483" y="17"/>
                  </a:cubicBezTo>
                  <a:cubicBezTo>
                    <a:pt x="2460" y="6"/>
                    <a:pt x="2436" y="1"/>
                    <a:pt x="2410"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2" name="Google Shape;132;p8"/>
            <p:cNvSpPr/>
            <p:nvPr/>
          </p:nvSpPr>
          <p:spPr>
            <a:xfrm>
              <a:off x="6665350" y="3757987"/>
              <a:ext cx="430118" cy="1073430"/>
            </a:xfrm>
            <a:custGeom>
              <a:avLst/>
              <a:gdLst/>
              <a:ahLst/>
              <a:cxnLst/>
              <a:rect l="l" t="t" r="r" b="b"/>
              <a:pathLst>
                <a:path w="5072" h="12658" fill="none" extrusionOk="0">
                  <a:moveTo>
                    <a:pt x="2313" y="12657"/>
                  </a:moveTo>
                  <a:lnTo>
                    <a:pt x="2313" y="8379"/>
                  </a:lnTo>
                  <a:cubicBezTo>
                    <a:pt x="2313" y="8379"/>
                    <a:pt x="1106" y="9345"/>
                    <a:pt x="552" y="8863"/>
                  </a:cubicBezTo>
                  <a:cubicBezTo>
                    <a:pt x="1" y="8381"/>
                    <a:pt x="346" y="7105"/>
                    <a:pt x="863" y="6415"/>
                  </a:cubicBezTo>
                  <a:cubicBezTo>
                    <a:pt x="761" y="5516"/>
                    <a:pt x="830" y="4193"/>
                    <a:pt x="1416" y="3114"/>
                  </a:cubicBezTo>
                  <a:cubicBezTo>
                    <a:pt x="1002" y="2516"/>
                    <a:pt x="1967" y="0"/>
                    <a:pt x="2484" y="241"/>
                  </a:cubicBezTo>
                  <a:cubicBezTo>
                    <a:pt x="3001" y="482"/>
                    <a:pt x="3554" y="2847"/>
                    <a:pt x="3174" y="3114"/>
                  </a:cubicBezTo>
                  <a:cubicBezTo>
                    <a:pt x="3760" y="3206"/>
                    <a:pt x="4106" y="5620"/>
                    <a:pt x="3934" y="6139"/>
                  </a:cubicBezTo>
                  <a:cubicBezTo>
                    <a:pt x="4485" y="6621"/>
                    <a:pt x="5072" y="9588"/>
                    <a:pt x="3035" y="8379"/>
                  </a:cubicBezTo>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33" name="Google Shape;133;p8"/>
          <p:cNvGrpSpPr/>
          <p:nvPr/>
        </p:nvGrpSpPr>
        <p:grpSpPr>
          <a:xfrm flipH="1">
            <a:off x="107023" y="3543492"/>
            <a:ext cx="1628207" cy="1523816"/>
            <a:chOff x="7333669" y="3382992"/>
            <a:chExt cx="1628207" cy="1523816"/>
          </a:xfrm>
        </p:grpSpPr>
        <p:sp>
          <p:nvSpPr>
            <p:cNvPr id="134" name="Google Shape;134;p8"/>
            <p:cNvSpPr/>
            <p:nvPr/>
          </p:nvSpPr>
          <p:spPr>
            <a:xfrm>
              <a:off x="7386839" y="3429718"/>
              <a:ext cx="1575037" cy="1477090"/>
            </a:xfrm>
            <a:custGeom>
              <a:avLst/>
              <a:gdLst/>
              <a:ahLst/>
              <a:cxnLst/>
              <a:rect l="l" t="t" r="r" b="b"/>
              <a:pathLst>
                <a:path w="18573" h="17418" extrusionOk="0">
                  <a:moveTo>
                    <a:pt x="7935" y="1"/>
                  </a:moveTo>
                  <a:cubicBezTo>
                    <a:pt x="6571" y="1"/>
                    <a:pt x="7145" y="2623"/>
                    <a:pt x="7145" y="3563"/>
                  </a:cubicBezTo>
                  <a:cubicBezTo>
                    <a:pt x="7145" y="4423"/>
                    <a:pt x="7590" y="6558"/>
                    <a:pt x="6351" y="6558"/>
                  </a:cubicBezTo>
                  <a:cubicBezTo>
                    <a:pt x="5937" y="6558"/>
                    <a:pt x="4512" y="6456"/>
                    <a:pt x="3143" y="6456"/>
                  </a:cubicBezTo>
                  <a:cubicBezTo>
                    <a:pt x="1663" y="6456"/>
                    <a:pt x="249" y="6576"/>
                    <a:pt x="249" y="7075"/>
                  </a:cubicBezTo>
                  <a:cubicBezTo>
                    <a:pt x="249" y="7822"/>
                    <a:pt x="0" y="8863"/>
                    <a:pt x="1063" y="8863"/>
                  </a:cubicBezTo>
                  <a:cubicBezTo>
                    <a:pt x="1071" y="8863"/>
                    <a:pt x="1079" y="8863"/>
                    <a:pt x="1088" y="8863"/>
                  </a:cubicBezTo>
                  <a:cubicBezTo>
                    <a:pt x="1674" y="8854"/>
                    <a:pt x="2248" y="8833"/>
                    <a:pt x="2834" y="8833"/>
                  </a:cubicBezTo>
                  <a:cubicBezTo>
                    <a:pt x="3768" y="8835"/>
                    <a:pt x="3351" y="11578"/>
                    <a:pt x="3351" y="12199"/>
                  </a:cubicBezTo>
                  <a:lnTo>
                    <a:pt x="3348" y="16415"/>
                  </a:lnTo>
                  <a:cubicBezTo>
                    <a:pt x="3346" y="16533"/>
                    <a:pt x="3351" y="16651"/>
                    <a:pt x="3367" y="16767"/>
                  </a:cubicBezTo>
                  <a:cubicBezTo>
                    <a:pt x="3379" y="16869"/>
                    <a:pt x="3413" y="16969"/>
                    <a:pt x="3462" y="17059"/>
                  </a:cubicBezTo>
                  <a:cubicBezTo>
                    <a:pt x="3529" y="17170"/>
                    <a:pt x="3629" y="17233"/>
                    <a:pt x="3745" y="17279"/>
                  </a:cubicBezTo>
                  <a:cubicBezTo>
                    <a:pt x="4004" y="17383"/>
                    <a:pt x="4353" y="17418"/>
                    <a:pt x="4734" y="17418"/>
                  </a:cubicBezTo>
                  <a:cubicBezTo>
                    <a:pt x="5477" y="17418"/>
                    <a:pt x="6339" y="17286"/>
                    <a:pt x="6879" y="17286"/>
                  </a:cubicBezTo>
                  <a:lnTo>
                    <a:pt x="15663" y="17286"/>
                  </a:lnTo>
                  <a:cubicBezTo>
                    <a:pt x="16069" y="17286"/>
                    <a:pt x="16503" y="17345"/>
                    <a:pt x="16888" y="17345"/>
                  </a:cubicBezTo>
                  <a:cubicBezTo>
                    <a:pt x="17538" y="17345"/>
                    <a:pt x="18049" y="17176"/>
                    <a:pt x="18049" y="16269"/>
                  </a:cubicBezTo>
                  <a:cubicBezTo>
                    <a:pt x="18046" y="12806"/>
                    <a:pt x="18044" y="9345"/>
                    <a:pt x="18042" y="5882"/>
                  </a:cubicBezTo>
                  <a:cubicBezTo>
                    <a:pt x="18042" y="4680"/>
                    <a:pt x="18572" y="3021"/>
                    <a:pt x="17092" y="2785"/>
                  </a:cubicBezTo>
                  <a:cubicBezTo>
                    <a:pt x="16854" y="2747"/>
                    <a:pt x="16616" y="2733"/>
                    <a:pt x="16377" y="2733"/>
                  </a:cubicBezTo>
                  <a:cubicBezTo>
                    <a:pt x="15715" y="2733"/>
                    <a:pt x="15049" y="2841"/>
                    <a:pt x="14389" y="2841"/>
                  </a:cubicBezTo>
                  <a:cubicBezTo>
                    <a:pt x="14138" y="2841"/>
                    <a:pt x="13847" y="2817"/>
                    <a:pt x="13710" y="2607"/>
                  </a:cubicBezTo>
                  <a:cubicBezTo>
                    <a:pt x="13633" y="2486"/>
                    <a:pt x="13631" y="2336"/>
                    <a:pt x="13631" y="2194"/>
                  </a:cubicBezTo>
                  <a:cubicBezTo>
                    <a:pt x="13629" y="1696"/>
                    <a:pt x="13629" y="1200"/>
                    <a:pt x="13629" y="702"/>
                  </a:cubicBezTo>
                  <a:cubicBezTo>
                    <a:pt x="13629" y="510"/>
                    <a:pt x="13620" y="299"/>
                    <a:pt x="13487" y="160"/>
                  </a:cubicBezTo>
                  <a:cubicBezTo>
                    <a:pt x="13349" y="17"/>
                    <a:pt x="13124" y="5"/>
                    <a:pt x="12920" y="5"/>
                  </a:cubicBezTo>
                  <a:lnTo>
                    <a:pt x="7935"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 name="Google Shape;135;p8"/>
            <p:cNvSpPr/>
            <p:nvPr/>
          </p:nvSpPr>
          <p:spPr>
            <a:xfrm>
              <a:off x="7333669" y="3382992"/>
              <a:ext cx="1575291" cy="1502276"/>
            </a:xfrm>
            <a:custGeom>
              <a:avLst/>
              <a:gdLst/>
              <a:ahLst/>
              <a:cxnLst/>
              <a:rect l="l" t="t" r="r" b="b"/>
              <a:pathLst>
                <a:path w="18576" h="17715" fill="none" extrusionOk="0">
                  <a:moveTo>
                    <a:pt x="3368" y="16767"/>
                  </a:moveTo>
                  <a:cubicBezTo>
                    <a:pt x="3355" y="16649"/>
                    <a:pt x="3348" y="16530"/>
                    <a:pt x="3350" y="16415"/>
                  </a:cubicBezTo>
                  <a:lnTo>
                    <a:pt x="3352" y="12199"/>
                  </a:lnTo>
                  <a:cubicBezTo>
                    <a:pt x="3352" y="11578"/>
                    <a:pt x="3769" y="8835"/>
                    <a:pt x="2838" y="8833"/>
                  </a:cubicBezTo>
                  <a:cubicBezTo>
                    <a:pt x="2252" y="8833"/>
                    <a:pt x="1675" y="8854"/>
                    <a:pt x="1091" y="8863"/>
                  </a:cubicBezTo>
                  <a:cubicBezTo>
                    <a:pt x="0" y="8879"/>
                    <a:pt x="251" y="7828"/>
                    <a:pt x="251" y="7072"/>
                  </a:cubicBezTo>
                  <a:cubicBezTo>
                    <a:pt x="251" y="6111"/>
                    <a:pt x="5495" y="6558"/>
                    <a:pt x="6352" y="6558"/>
                  </a:cubicBezTo>
                  <a:cubicBezTo>
                    <a:pt x="7591" y="6558"/>
                    <a:pt x="7149" y="4420"/>
                    <a:pt x="7149" y="3563"/>
                  </a:cubicBezTo>
                  <a:cubicBezTo>
                    <a:pt x="7149" y="2622"/>
                    <a:pt x="6572" y="0"/>
                    <a:pt x="7937" y="0"/>
                  </a:cubicBezTo>
                  <a:lnTo>
                    <a:pt x="12924" y="5"/>
                  </a:lnTo>
                  <a:cubicBezTo>
                    <a:pt x="13125" y="5"/>
                    <a:pt x="13350" y="14"/>
                    <a:pt x="13489" y="160"/>
                  </a:cubicBezTo>
                  <a:cubicBezTo>
                    <a:pt x="13623" y="299"/>
                    <a:pt x="13630" y="510"/>
                    <a:pt x="13630" y="702"/>
                  </a:cubicBezTo>
                  <a:cubicBezTo>
                    <a:pt x="13630" y="1200"/>
                    <a:pt x="13633" y="1696"/>
                    <a:pt x="13633" y="2194"/>
                  </a:cubicBezTo>
                  <a:cubicBezTo>
                    <a:pt x="13633" y="2335"/>
                    <a:pt x="13637" y="2486"/>
                    <a:pt x="13714" y="2606"/>
                  </a:cubicBezTo>
                  <a:cubicBezTo>
                    <a:pt x="13848" y="2817"/>
                    <a:pt x="14140" y="2840"/>
                    <a:pt x="14390" y="2840"/>
                  </a:cubicBezTo>
                  <a:cubicBezTo>
                    <a:pt x="15289" y="2840"/>
                    <a:pt x="16197" y="2639"/>
                    <a:pt x="17093" y="2782"/>
                  </a:cubicBezTo>
                  <a:cubicBezTo>
                    <a:pt x="18576" y="3021"/>
                    <a:pt x="18043" y="4679"/>
                    <a:pt x="18043" y="5882"/>
                  </a:cubicBezTo>
                  <a:lnTo>
                    <a:pt x="18052" y="16269"/>
                  </a:lnTo>
                  <a:cubicBezTo>
                    <a:pt x="18052" y="17714"/>
                    <a:pt x="16758" y="17286"/>
                    <a:pt x="15664" y="17286"/>
                  </a:cubicBezTo>
                  <a:lnTo>
                    <a:pt x="6880" y="17286"/>
                  </a:lnTo>
                  <a:cubicBezTo>
                    <a:pt x="6065" y="17286"/>
                    <a:pt x="4515" y="17587"/>
                    <a:pt x="3748" y="17279"/>
                  </a:cubicBezTo>
                  <a:cubicBezTo>
                    <a:pt x="3633" y="17232"/>
                    <a:pt x="3531" y="17170"/>
                    <a:pt x="3466" y="17059"/>
                  </a:cubicBezTo>
                  <a:cubicBezTo>
                    <a:pt x="3415" y="16968"/>
                    <a:pt x="3382" y="16869"/>
                    <a:pt x="3368" y="16767"/>
                  </a:cubicBezTo>
                  <a:close/>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36" name="Google Shape;136;p8"/>
          <p:cNvGrpSpPr/>
          <p:nvPr/>
        </p:nvGrpSpPr>
        <p:grpSpPr>
          <a:xfrm>
            <a:off x="6495259" y="3971928"/>
            <a:ext cx="818808" cy="1096167"/>
            <a:chOff x="113834" y="3966188"/>
            <a:chExt cx="818808" cy="1096167"/>
          </a:xfrm>
        </p:grpSpPr>
        <p:sp>
          <p:nvSpPr>
            <p:cNvPr id="137" name="Google Shape;137;p8"/>
            <p:cNvSpPr/>
            <p:nvPr/>
          </p:nvSpPr>
          <p:spPr>
            <a:xfrm>
              <a:off x="164788" y="4075897"/>
              <a:ext cx="767854" cy="568901"/>
            </a:xfrm>
            <a:custGeom>
              <a:avLst/>
              <a:gdLst/>
              <a:ahLst/>
              <a:cxnLst/>
              <a:rect l="l" t="t" r="r" b="b"/>
              <a:pathLst>
                <a:path w="7580" h="5616" extrusionOk="0">
                  <a:moveTo>
                    <a:pt x="4274" y="1"/>
                  </a:moveTo>
                  <a:cubicBezTo>
                    <a:pt x="3072" y="1"/>
                    <a:pt x="1264" y="791"/>
                    <a:pt x="753" y="1609"/>
                  </a:cubicBezTo>
                  <a:cubicBezTo>
                    <a:pt x="0" y="2816"/>
                    <a:pt x="2259" y="2512"/>
                    <a:pt x="2208" y="2966"/>
                  </a:cubicBezTo>
                  <a:cubicBezTo>
                    <a:pt x="2159" y="3418"/>
                    <a:pt x="1003" y="3870"/>
                    <a:pt x="1557" y="5091"/>
                  </a:cubicBezTo>
                  <a:cubicBezTo>
                    <a:pt x="1734" y="5482"/>
                    <a:pt x="2050" y="5615"/>
                    <a:pt x="2398" y="5615"/>
                  </a:cubicBezTo>
                  <a:cubicBezTo>
                    <a:pt x="3136" y="5615"/>
                    <a:pt x="4017" y="5019"/>
                    <a:pt x="4017" y="5019"/>
                  </a:cubicBezTo>
                  <a:lnTo>
                    <a:pt x="4818" y="4773"/>
                  </a:lnTo>
                  <a:cubicBezTo>
                    <a:pt x="7230" y="4472"/>
                    <a:pt x="7580" y="3518"/>
                    <a:pt x="7429" y="2306"/>
                  </a:cubicBezTo>
                  <a:cubicBezTo>
                    <a:pt x="7278" y="1095"/>
                    <a:pt x="5673" y="1961"/>
                    <a:pt x="5372" y="611"/>
                  </a:cubicBezTo>
                  <a:cubicBezTo>
                    <a:pt x="5275" y="177"/>
                    <a:pt x="4843" y="1"/>
                    <a:pt x="4274"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8" name="Google Shape;138;p8"/>
            <p:cNvSpPr/>
            <p:nvPr/>
          </p:nvSpPr>
          <p:spPr>
            <a:xfrm>
              <a:off x="113834" y="3966188"/>
              <a:ext cx="768158" cy="1096167"/>
            </a:xfrm>
            <a:custGeom>
              <a:avLst/>
              <a:gdLst/>
              <a:ahLst/>
              <a:cxnLst/>
              <a:rect l="l" t="t" r="r" b="b"/>
              <a:pathLst>
                <a:path w="7583" h="10821" fill="none" extrusionOk="0">
                  <a:moveTo>
                    <a:pt x="4017" y="10820"/>
                  </a:moveTo>
                  <a:lnTo>
                    <a:pt x="4017" y="5759"/>
                  </a:lnTo>
                  <a:cubicBezTo>
                    <a:pt x="4017" y="5759"/>
                    <a:pt x="2111" y="7049"/>
                    <a:pt x="1557" y="5828"/>
                  </a:cubicBezTo>
                  <a:cubicBezTo>
                    <a:pt x="1006" y="4608"/>
                    <a:pt x="2159" y="4156"/>
                    <a:pt x="2210" y="3704"/>
                  </a:cubicBezTo>
                  <a:cubicBezTo>
                    <a:pt x="2261" y="3253"/>
                    <a:pt x="0" y="3554"/>
                    <a:pt x="753" y="2349"/>
                  </a:cubicBezTo>
                  <a:cubicBezTo>
                    <a:pt x="1506" y="1145"/>
                    <a:pt x="5071" y="0"/>
                    <a:pt x="5372" y="1351"/>
                  </a:cubicBezTo>
                  <a:cubicBezTo>
                    <a:pt x="5673" y="2699"/>
                    <a:pt x="7281" y="1835"/>
                    <a:pt x="7432" y="3046"/>
                  </a:cubicBezTo>
                  <a:cubicBezTo>
                    <a:pt x="7582" y="4256"/>
                    <a:pt x="7230" y="5210"/>
                    <a:pt x="4821" y="5511"/>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39" name="Google Shape;139;p8"/>
          <p:cNvSpPr/>
          <p:nvPr/>
        </p:nvSpPr>
        <p:spPr>
          <a:xfrm rot="-9684909">
            <a:off x="-14026" y="-1622449"/>
            <a:ext cx="4545573" cy="3234019"/>
          </a:xfrm>
          <a:custGeom>
            <a:avLst/>
            <a:gdLst/>
            <a:ahLst/>
            <a:cxnLst/>
            <a:rect l="l" t="t" r="r" b="b"/>
            <a:pathLst>
              <a:path w="51519" h="36654" fill="none" extrusionOk="0">
                <a:moveTo>
                  <a:pt x="0" y="34286"/>
                </a:moveTo>
                <a:cubicBezTo>
                  <a:pt x="3758" y="36568"/>
                  <a:pt x="8747" y="36653"/>
                  <a:pt x="12583" y="34504"/>
                </a:cubicBezTo>
                <a:cubicBezTo>
                  <a:pt x="16417" y="32354"/>
                  <a:pt x="18946" y="28050"/>
                  <a:pt x="18958" y="23653"/>
                </a:cubicBezTo>
                <a:cubicBezTo>
                  <a:pt x="18965" y="21682"/>
                  <a:pt x="18504" y="19743"/>
                  <a:pt x="18180" y="17797"/>
                </a:cubicBezTo>
                <a:cubicBezTo>
                  <a:pt x="17853" y="15852"/>
                  <a:pt x="17663" y="13829"/>
                  <a:pt x="18198" y="11930"/>
                </a:cubicBezTo>
                <a:cubicBezTo>
                  <a:pt x="18736" y="10033"/>
                  <a:pt x="20130" y="8272"/>
                  <a:pt x="22044" y="7793"/>
                </a:cubicBezTo>
                <a:cubicBezTo>
                  <a:pt x="23957" y="7316"/>
                  <a:pt x="26271" y="8513"/>
                  <a:pt x="26575" y="10461"/>
                </a:cubicBezTo>
                <a:cubicBezTo>
                  <a:pt x="26815" y="12013"/>
                  <a:pt x="25632" y="13646"/>
                  <a:pt x="24080" y="13897"/>
                </a:cubicBezTo>
                <a:cubicBezTo>
                  <a:pt x="22530" y="14147"/>
                  <a:pt x="20890" y="12970"/>
                  <a:pt x="20633" y="11420"/>
                </a:cubicBezTo>
                <a:cubicBezTo>
                  <a:pt x="20373" y="9873"/>
                  <a:pt x="21541" y="8226"/>
                  <a:pt x="23088" y="7959"/>
                </a:cubicBezTo>
                <a:cubicBezTo>
                  <a:pt x="24728" y="7677"/>
                  <a:pt x="26285" y="8770"/>
                  <a:pt x="27439" y="9970"/>
                </a:cubicBezTo>
                <a:cubicBezTo>
                  <a:pt x="28594" y="11170"/>
                  <a:pt x="29630" y="12583"/>
                  <a:pt x="31154" y="13253"/>
                </a:cubicBezTo>
                <a:cubicBezTo>
                  <a:pt x="33943" y="14478"/>
                  <a:pt x="37615" y="12129"/>
                  <a:pt x="37668" y="9083"/>
                </a:cubicBezTo>
                <a:cubicBezTo>
                  <a:pt x="37714" y="6553"/>
                  <a:pt x="35773" y="3811"/>
                  <a:pt x="37184" y="1707"/>
                </a:cubicBezTo>
                <a:cubicBezTo>
                  <a:pt x="38328" y="0"/>
                  <a:pt x="41032" y="155"/>
                  <a:pt x="42692" y="1369"/>
                </a:cubicBezTo>
                <a:cubicBezTo>
                  <a:pt x="44356" y="2583"/>
                  <a:pt x="45322" y="4501"/>
                  <a:pt x="46521" y="6171"/>
                </a:cubicBezTo>
                <a:cubicBezTo>
                  <a:pt x="47724" y="7841"/>
                  <a:pt x="49461" y="9419"/>
                  <a:pt x="51518" y="9352"/>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0" name="Google Shape;140;p8"/>
          <p:cNvSpPr/>
          <p:nvPr/>
        </p:nvSpPr>
        <p:spPr>
          <a:xfrm rot="-1092333" flipH="1">
            <a:off x="8042625" y="-61024"/>
            <a:ext cx="1490291" cy="1924106"/>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r>
              <a:rPr lang="en"/>
              <a:t>`</a:t>
            </a:r>
            <a:endParaRPr/>
          </a:p>
        </p:txBody>
      </p:sp>
      <p:sp>
        <p:nvSpPr>
          <p:cNvPr id="141" name="Google Shape;141;p8"/>
          <p:cNvSpPr/>
          <p:nvPr/>
        </p:nvSpPr>
        <p:spPr>
          <a:xfrm rot="-5400000">
            <a:off x="4948526" y="-953636"/>
            <a:ext cx="725425" cy="2141360"/>
          </a:xfrm>
          <a:custGeom>
            <a:avLst/>
            <a:gdLst/>
            <a:ahLst/>
            <a:cxnLst/>
            <a:rect l="l" t="t" r="r" b="b"/>
            <a:pathLst>
              <a:path w="5396" h="15928" extrusionOk="0">
                <a:moveTo>
                  <a:pt x="4106" y="1"/>
                </a:moveTo>
                <a:cubicBezTo>
                  <a:pt x="3916" y="1"/>
                  <a:pt x="3718" y="150"/>
                  <a:pt x="3756" y="333"/>
                </a:cubicBezTo>
                <a:lnTo>
                  <a:pt x="4360" y="98"/>
                </a:lnTo>
                <a:lnTo>
                  <a:pt x="4360" y="98"/>
                </a:lnTo>
                <a:cubicBezTo>
                  <a:pt x="4361" y="99"/>
                  <a:pt x="4362" y="100"/>
                  <a:pt x="4364" y="101"/>
                </a:cubicBezTo>
                <a:lnTo>
                  <a:pt x="4364" y="101"/>
                </a:lnTo>
                <a:cubicBezTo>
                  <a:pt x="4413" y="80"/>
                  <a:pt x="4462" y="59"/>
                  <a:pt x="4511" y="39"/>
                </a:cubicBezTo>
                <a:lnTo>
                  <a:pt x="4511" y="39"/>
                </a:lnTo>
                <a:lnTo>
                  <a:pt x="4360" y="98"/>
                </a:lnTo>
                <a:lnTo>
                  <a:pt x="4360" y="98"/>
                </a:lnTo>
                <a:cubicBezTo>
                  <a:pt x="4313" y="62"/>
                  <a:pt x="4262" y="34"/>
                  <a:pt x="4205" y="16"/>
                </a:cubicBezTo>
                <a:cubicBezTo>
                  <a:pt x="4173" y="6"/>
                  <a:pt x="4140" y="1"/>
                  <a:pt x="4106" y="1"/>
                </a:cubicBezTo>
                <a:close/>
                <a:moveTo>
                  <a:pt x="4364" y="101"/>
                </a:moveTo>
                <a:lnTo>
                  <a:pt x="4364" y="101"/>
                </a:lnTo>
                <a:cubicBezTo>
                  <a:pt x="3355" y="531"/>
                  <a:pt x="2269" y="1119"/>
                  <a:pt x="2049" y="2177"/>
                </a:cubicBezTo>
                <a:cubicBezTo>
                  <a:pt x="1942" y="2687"/>
                  <a:pt x="2065" y="3224"/>
                  <a:pt x="1963" y="3734"/>
                </a:cubicBezTo>
                <a:cubicBezTo>
                  <a:pt x="1810" y="4484"/>
                  <a:pt x="1210" y="5047"/>
                  <a:pt x="705" y="5624"/>
                </a:cubicBezTo>
                <a:cubicBezTo>
                  <a:pt x="344" y="6034"/>
                  <a:pt x="1" y="6560"/>
                  <a:pt x="133" y="7090"/>
                </a:cubicBezTo>
                <a:cubicBezTo>
                  <a:pt x="276" y="7665"/>
                  <a:pt x="902" y="7966"/>
                  <a:pt x="1222" y="8464"/>
                </a:cubicBezTo>
                <a:cubicBezTo>
                  <a:pt x="1625" y="9094"/>
                  <a:pt x="1474" y="9916"/>
                  <a:pt x="1275" y="10637"/>
                </a:cubicBezTo>
                <a:cubicBezTo>
                  <a:pt x="1076" y="11355"/>
                  <a:pt x="842" y="12133"/>
                  <a:pt x="1108" y="12830"/>
                </a:cubicBezTo>
                <a:cubicBezTo>
                  <a:pt x="1437" y="13687"/>
                  <a:pt x="2410" y="14128"/>
                  <a:pt x="2857" y="14927"/>
                </a:cubicBezTo>
                <a:cubicBezTo>
                  <a:pt x="3063" y="15295"/>
                  <a:pt x="3202" y="15782"/>
                  <a:pt x="3608" y="15902"/>
                </a:cubicBezTo>
                <a:cubicBezTo>
                  <a:pt x="3665" y="15919"/>
                  <a:pt x="3723" y="15928"/>
                  <a:pt x="3779" y="15928"/>
                </a:cubicBezTo>
                <a:cubicBezTo>
                  <a:pt x="4191" y="15928"/>
                  <a:pt x="4542" y="15486"/>
                  <a:pt x="4701" y="15070"/>
                </a:cubicBezTo>
                <a:cubicBezTo>
                  <a:pt x="4956" y="14410"/>
                  <a:pt x="5032" y="13697"/>
                  <a:pt x="5092" y="12992"/>
                </a:cubicBezTo>
                <a:cubicBezTo>
                  <a:pt x="5396" y="9504"/>
                  <a:pt x="5387" y="5995"/>
                  <a:pt x="5071" y="2508"/>
                </a:cubicBezTo>
                <a:cubicBezTo>
                  <a:pt x="5009" y="1818"/>
                  <a:pt x="4930" y="1118"/>
                  <a:pt x="4641" y="491"/>
                </a:cubicBezTo>
                <a:cubicBezTo>
                  <a:pt x="4574" y="345"/>
                  <a:pt x="4486" y="197"/>
                  <a:pt x="4364" y="10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 name="Google Shape;142;p8"/>
          <p:cNvSpPr/>
          <p:nvPr/>
        </p:nvSpPr>
        <p:spPr>
          <a:xfrm rot="-2243469">
            <a:off x="-292292" y="1581004"/>
            <a:ext cx="1120465" cy="1447401"/>
          </a:xfrm>
          <a:custGeom>
            <a:avLst/>
            <a:gdLst/>
            <a:ahLst/>
            <a:cxnLst/>
            <a:rect l="l" t="t" r="r" b="b"/>
            <a:pathLst>
              <a:path w="15340" h="19816" extrusionOk="0">
                <a:moveTo>
                  <a:pt x="10681" y="642"/>
                </a:moveTo>
                <a:cubicBezTo>
                  <a:pt x="10567" y="642"/>
                  <a:pt x="10439" y="711"/>
                  <a:pt x="10443" y="872"/>
                </a:cubicBezTo>
                <a:cubicBezTo>
                  <a:pt x="10445" y="1032"/>
                  <a:pt x="10533" y="1127"/>
                  <a:pt x="10730" y="1127"/>
                </a:cubicBezTo>
                <a:cubicBezTo>
                  <a:pt x="10879" y="1122"/>
                  <a:pt x="10962" y="995"/>
                  <a:pt x="10936" y="856"/>
                </a:cubicBezTo>
                <a:cubicBezTo>
                  <a:pt x="10920" y="768"/>
                  <a:pt x="10790" y="649"/>
                  <a:pt x="10702" y="643"/>
                </a:cubicBezTo>
                <a:cubicBezTo>
                  <a:pt x="10695" y="642"/>
                  <a:pt x="10688" y="642"/>
                  <a:pt x="10681" y="642"/>
                </a:cubicBezTo>
                <a:close/>
                <a:moveTo>
                  <a:pt x="9153" y="1"/>
                </a:moveTo>
                <a:cubicBezTo>
                  <a:pt x="9149" y="1"/>
                  <a:pt x="9145" y="1"/>
                  <a:pt x="9141" y="1"/>
                </a:cubicBezTo>
                <a:cubicBezTo>
                  <a:pt x="8731" y="12"/>
                  <a:pt x="8557" y="221"/>
                  <a:pt x="8560" y="693"/>
                </a:cubicBezTo>
                <a:cubicBezTo>
                  <a:pt x="8560" y="1033"/>
                  <a:pt x="8865" y="1307"/>
                  <a:pt x="9254" y="1307"/>
                </a:cubicBezTo>
                <a:cubicBezTo>
                  <a:pt x="9257" y="1307"/>
                  <a:pt x="9261" y="1307"/>
                  <a:pt x="9264" y="1307"/>
                </a:cubicBezTo>
                <a:cubicBezTo>
                  <a:pt x="9482" y="1303"/>
                  <a:pt x="9757" y="1046"/>
                  <a:pt x="9753" y="645"/>
                </a:cubicBezTo>
                <a:cubicBezTo>
                  <a:pt x="9748" y="292"/>
                  <a:pt x="9477" y="1"/>
                  <a:pt x="9153" y="1"/>
                </a:cubicBezTo>
                <a:close/>
                <a:moveTo>
                  <a:pt x="14431" y="1648"/>
                </a:moveTo>
                <a:cubicBezTo>
                  <a:pt x="14289" y="1648"/>
                  <a:pt x="14168" y="1806"/>
                  <a:pt x="14168" y="1963"/>
                </a:cubicBezTo>
                <a:cubicBezTo>
                  <a:pt x="14168" y="2138"/>
                  <a:pt x="14286" y="2255"/>
                  <a:pt x="14459" y="2255"/>
                </a:cubicBezTo>
                <a:cubicBezTo>
                  <a:pt x="14462" y="2255"/>
                  <a:pt x="14466" y="2255"/>
                  <a:pt x="14469" y="2255"/>
                </a:cubicBezTo>
                <a:cubicBezTo>
                  <a:pt x="14659" y="2250"/>
                  <a:pt x="14791" y="2090"/>
                  <a:pt x="14777" y="1866"/>
                </a:cubicBezTo>
                <a:cubicBezTo>
                  <a:pt x="14766" y="1662"/>
                  <a:pt x="14589" y="1669"/>
                  <a:pt x="14457" y="1650"/>
                </a:cubicBezTo>
                <a:cubicBezTo>
                  <a:pt x="14449" y="1649"/>
                  <a:pt x="14440" y="1648"/>
                  <a:pt x="14431" y="1648"/>
                </a:cubicBezTo>
                <a:close/>
                <a:moveTo>
                  <a:pt x="11330" y="2609"/>
                </a:moveTo>
                <a:cubicBezTo>
                  <a:pt x="11277" y="2674"/>
                  <a:pt x="11189" y="2732"/>
                  <a:pt x="11175" y="2804"/>
                </a:cubicBezTo>
                <a:cubicBezTo>
                  <a:pt x="11166" y="2857"/>
                  <a:pt x="11249" y="2927"/>
                  <a:pt x="11328" y="3045"/>
                </a:cubicBezTo>
                <a:cubicBezTo>
                  <a:pt x="11418" y="2933"/>
                  <a:pt x="11520" y="2859"/>
                  <a:pt x="11506" y="2813"/>
                </a:cubicBezTo>
                <a:lnTo>
                  <a:pt x="11504" y="2811"/>
                </a:lnTo>
                <a:cubicBezTo>
                  <a:pt x="11485" y="2734"/>
                  <a:pt x="11393" y="2676"/>
                  <a:pt x="11330" y="2609"/>
                </a:cubicBezTo>
                <a:close/>
                <a:moveTo>
                  <a:pt x="6848" y="4733"/>
                </a:moveTo>
                <a:cubicBezTo>
                  <a:pt x="6626" y="4733"/>
                  <a:pt x="6465" y="4893"/>
                  <a:pt x="6452" y="5139"/>
                </a:cubicBezTo>
                <a:cubicBezTo>
                  <a:pt x="6440" y="5343"/>
                  <a:pt x="6616" y="5528"/>
                  <a:pt x="6829" y="5537"/>
                </a:cubicBezTo>
                <a:cubicBezTo>
                  <a:pt x="6839" y="5538"/>
                  <a:pt x="6848" y="5538"/>
                  <a:pt x="6857" y="5538"/>
                </a:cubicBezTo>
                <a:cubicBezTo>
                  <a:pt x="7106" y="5538"/>
                  <a:pt x="7272" y="5385"/>
                  <a:pt x="7288" y="5136"/>
                </a:cubicBezTo>
                <a:cubicBezTo>
                  <a:pt x="7297" y="4984"/>
                  <a:pt x="7047" y="4743"/>
                  <a:pt x="6866" y="4733"/>
                </a:cubicBezTo>
                <a:cubicBezTo>
                  <a:pt x="6860" y="4733"/>
                  <a:pt x="6854" y="4733"/>
                  <a:pt x="6848" y="4733"/>
                </a:cubicBezTo>
                <a:close/>
                <a:moveTo>
                  <a:pt x="7995" y="6924"/>
                </a:moveTo>
                <a:cubicBezTo>
                  <a:pt x="7987" y="6924"/>
                  <a:pt x="7958" y="6938"/>
                  <a:pt x="7932" y="6948"/>
                </a:cubicBezTo>
                <a:lnTo>
                  <a:pt x="8041" y="7045"/>
                </a:lnTo>
                <a:cubicBezTo>
                  <a:pt x="7971" y="7098"/>
                  <a:pt x="7911" y="7129"/>
                  <a:pt x="7874" y="7177"/>
                </a:cubicBezTo>
                <a:cubicBezTo>
                  <a:pt x="7853" y="7203"/>
                  <a:pt x="7860" y="7263"/>
                  <a:pt x="7876" y="7298"/>
                </a:cubicBezTo>
                <a:cubicBezTo>
                  <a:pt x="7883" y="7312"/>
                  <a:pt x="7927" y="7325"/>
                  <a:pt x="7953" y="7325"/>
                </a:cubicBezTo>
                <a:cubicBezTo>
                  <a:pt x="7960" y="7325"/>
                  <a:pt x="7966" y="7324"/>
                  <a:pt x="7969" y="7321"/>
                </a:cubicBezTo>
                <a:cubicBezTo>
                  <a:pt x="8027" y="7254"/>
                  <a:pt x="8106" y="7184"/>
                  <a:pt x="8120" y="7108"/>
                </a:cubicBezTo>
                <a:cubicBezTo>
                  <a:pt x="8129" y="7054"/>
                  <a:pt x="8043" y="6983"/>
                  <a:pt x="7997" y="6925"/>
                </a:cubicBezTo>
                <a:cubicBezTo>
                  <a:pt x="7997" y="6924"/>
                  <a:pt x="7996" y="6924"/>
                  <a:pt x="7995" y="6924"/>
                </a:cubicBezTo>
                <a:close/>
                <a:moveTo>
                  <a:pt x="13031" y="8086"/>
                </a:moveTo>
                <a:cubicBezTo>
                  <a:pt x="13023" y="8086"/>
                  <a:pt x="13015" y="8087"/>
                  <a:pt x="13007" y="8088"/>
                </a:cubicBezTo>
                <a:cubicBezTo>
                  <a:pt x="12915" y="8097"/>
                  <a:pt x="12834" y="8208"/>
                  <a:pt x="12746" y="8275"/>
                </a:cubicBezTo>
                <a:cubicBezTo>
                  <a:pt x="12743" y="8308"/>
                  <a:pt x="12743" y="8340"/>
                  <a:pt x="12743" y="8373"/>
                </a:cubicBezTo>
                <a:cubicBezTo>
                  <a:pt x="12831" y="8437"/>
                  <a:pt x="12912" y="8542"/>
                  <a:pt x="13010" y="8558"/>
                </a:cubicBezTo>
                <a:cubicBezTo>
                  <a:pt x="13024" y="8561"/>
                  <a:pt x="13038" y="8562"/>
                  <a:pt x="13052" y="8562"/>
                </a:cubicBezTo>
                <a:cubicBezTo>
                  <a:pt x="13165" y="8562"/>
                  <a:pt x="13246" y="8470"/>
                  <a:pt x="13248" y="8338"/>
                </a:cubicBezTo>
                <a:cubicBezTo>
                  <a:pt x="13250" y="8194"/>
                  <a:pt x="13160" y="8086"/>
                  <a:pt x="13031" y="8086"/>
                </a:cubicBezTo>
                <a:close/>
                <a:moveTo>
                  <a:pt x="4679" y="7798"/>
                </a:moveTo>
                <a:cubicBezTo>
                  <a:pt x="4678" y="7798"/>
                  <a:pt x="4676" y="7798"/>
                  <a:pt x="4675" y="7798"/>
                </a:cubicBezTo>
                <a:cubicBezTo>
                  <a:pt x="4439" y="7803"/>
                  <a:pt x="4316" y="7930"/>
                  <a:pt x="4318" y="8164"/>
                </a:cubicBezTo>
                <a:cubicBezTo>
                  <a:pt x="4321" y="8367"/>
                  <a:pt x="4489" y="8572"/>
                  <a:pt x="4646" y="8572"/>
                </a:cubicBezTo>
                <a:cubicBezTo>
                  <a:pt x="4649" y="8572"/>
                  <a:pt x="4652" y="8572"/>
                  <a:pt x="4654" y="8572"/>
                </a:cubicBezTo>
                <a:cubicBezTo>
                  <a:pt x="4904" y="8558"/>
                  <a:pt x="5027" y="8414"/>
                  <a:pt x="5023" y="8139"/>
                </a:cubicBezTo>
                <a:cubicBezTo>
                  <a:pt x="5020" y="7950"/>
                  <a:pt x="4867" y="7798"/>
                  <a:pt x="4679" y="7798"/>
                </a:cubicBezTo>
                <a:close/>
                <a:moveTo>
                  <a:pt x="9414" y="7409"/>
                </a:moveTo>
                <a:cubicBezTo>
                  <a:pt x="9091" y="7409"/>
                  <a:pt x="8751" y="7681"/>
                  <a:pt x="8738" y="7962"/>
                </a:cubicBezTo>
                <a:cubicBezTo>
                  <a:pt x="8720" y="8301"/>
                  <a:pt x="8914" y="8562"/>
                  <a:pt x="9206" y="8576"/>
                </a:cubicBezTo>
                <a:cubicBezTo>
                  <a:pt x="9213" y="8577"/>
                  <a:pt x="9220" y="8577"/>
                  <a:pt x="9227" y="8577"/>
                </a:cubicBezTo>
                <a:cubicBezTo>
                  <a:pt x="9501" y="8577"/>
                  <a:pt x="9908" y="8316"/>
                  <a:pt x="9892" y="8011"/>
                </a:cubicBezTo>
                <a:cubicBezTo>
                  <a:pt x="9908" y="7738"/>
                  <a:pt x="9688" y="7430"/>
                  <a:pt x="9463" y="7411"/>
                </a:cubicBezTo>
                <a:cubicBezTo>
                  <a:pt x="9447" y="7410"/>
                  <a:pt x="9430" y="7409"/>
                  <a:pt x="9414" y="7409"/>
                </a:cubicBezTo>
                <a:close/>
                <a:moveTo>
                  <a:pt x="9769" y="9112"/>
                </a:moveTo>
                <a:cubicBezTo>
                  <a:pt x="9643" y="9112"/>
                  <a:pt x="9545" y="9316"/>
                  <a:pt x="9565" y="9540"/>
                </a:cubicBezTo>
                <a:cubicBezTo>
                  <a:pt x="9570" y="9591"/>
                  <a:pt x="9635" y="9672"/>
                  <a:pt x="9683" y="9681"/>
                </a:cubicBezTo>
                <a:cubicBezTo>
                  <a:pt x="9688" y="9682"/>
                  <a:pt x="9693" y="9683"/>
                  <a:pt x="9698" y="9683"/>
                </a:cubicBezTo>
                <a:cubicBezTo>
                  <a:pt x="9819" y="9683"/>
                  <a:pt x="10037" y="9445"/>
                  <a:pt x="10068" y="9271"/>
                </a:cubicBezTo>
                <a:cubicBezTo>
                  <a:pt x="9975" y="9216"/>
                  <a:pt x="9887" y="9130"/>
                  <a:pt x="9790" y="9114"/>
                </a:cubicBezTo>
                <a:cubicBezTo>
                  <a:pt x="9783" y="9113"/>
                  <a:pt x="9776" y="9112"/>
                  <a:pt x="9769" y="9112"/>
                </a:cubicBezTo>
                <a:close/>
                <a:moveTo>
                  <a:pt x="3456" y="9931"/>
                </a:moveTo>
                <a:cubicBezTo>
                  <a:pt x="3446" y="9931"/>
                  <a:pt x="3436" y="9931"/>
                  <a:pt x="3426" y="9931"/>
                </a:cubicBezTo>
                <a:cubicBezTo>
                  <a:pt x="3413" y="9959"/>
                  <a:pt x="3406" y="9989"/>
                  <a:pt x="3408" y="10017"/>
                </a:cubicBezTo>
                <a:cubicBezTo>
                  <a:pt x="3468" y="10047"/>
                  <a:pt x="3531" y="10084"/>
                  <a:pt x="3596" y="10084"/>
                </a:cubicBezTo>
                <a:cubicBezTo>
                  <a:pt x="3651" y="10084"/>
                  <a:pt x="3707" y="10040"/>
                  <a:pt x="3762" y="10017"/>
                </a:cubicBezTo>
                <a:cubicBezTo>
                  <a:pt x="3760" y="10003"/>
                  <a:pt x="3758" y="9987"/>
                  <a:pt x="3755" y="9973"/>
                </a:cubicBezTo>
                <a:lnTo>
                  <a:pt x="3753" y="9971"/>
                </a:lnTo>
                <a:cubicBezTo>
                  <a:pt x="3702" y="9962"/>
                  <a:pt x="3651" y="9950"/>
                  <a:pt x="3600" y="9943"/>
                </a:cubicBezTo>
                <a:cubicBezTo>
                  <a:pt x="3552" y="9935"/>
                  <a:pt x="3504" y="9931"/>
                  <a:pt x="3456" y="9931"/>
                </a:cubicBezTo>
                <a:close/>
                <a:moveTo>
                  <a:pt x="6448" y="10117"/>
                </a:moveTo>
                <a:cubicBezTo>
                  <a:pt x="6411" y="10117"/>
                  <a:pt x="6329" y="10207"/>
                  <a:pt x="6218" y="10288"/>
                </a:cubicBezTo>
                <a:cubicBezTo>
                  <a:pt x="6345" y="10386"/>
                  <a:pt x="6415" y="10476"/>
                  <a:pt x="6493" y="10485"/>
                </a:cubicBezTo>
                <a:cubicBezTo>
                  <a:pt x="6495" y="10485"/>
                  <a:pt x="6496" y="10485"/>
                  <a:pt x="6497" y="10485"/>
                </a:cubicBezTo>
                <a:cubicBezTo>
                  <a:pt x="6550" y="10485"/>
                  <a:pt x="6615" y="10380"/>
                  <a:pt x="6674" y="10323"/>
                </a:cubicBezTo>
                <a:cubicBezTo>
                  <a:pt x="6605" y="10251"/>
                  <a:pt x="6542" y="10163"/>
                  <a:pt x="6456" y="10119"/>
                </a:cubicBezTo>
                <a:cubicBezTo>
                  <a:pt x="6454" y="10118"/>
                  <a:pt x="6451" y="10117"/>
                  <a:pt x="6448" y="10117"/>
                </a:cubicBezTo>
                <a:close/>
                <a:moveTo>
                  <a:pt x="8584" y="10569"/>
                </a:moveTo>
                <a:cubicBezTo>
                  <a:pt x="8580" y="10569"/>
                  <a:pt x="8576" y="10570"/>
                  <a:pt x="8571" y="10571"/>
                </a:cubicBezTo>
                <a:cubicBezTo>
                  <a:pt x="8509" y="10585"/>
                  <a:pt x="8418" y="10677"/>
                  <a:pt x="8425" y="10726"/>
                </a:cubicBezTo>
                <a:cubicBezTo>
                  <a:pt x="8432" y="10784"/>
                  <a:pt x="8525" y="10872"/>
                  <a:pt x="8585" y="10877"/>
                </a:cubicBezTo>
                <a:cubicBezTo>
                  <a:pt x="8586" y="10877"/>
                  <a:pt x="8587" y="10877"/>
                  <a:pt x="8587" y="10877"/>
                </a:cubicBezTo>
                <a:cubicBezTo>
                  <a:pt x="8642" y="10877"/>
                  <a:pt x="8702" y="10787"/>
                  <a:pt x="8812" y="10696"/>
                </a:cubicBezTo>
                <a:cubicBezTo>
                  <a:pt x="8702" y="10636"/>
                  <a:pt x="8634" y="10569"/>
                  <a:pt x="8584" y="10569"/>
                </a:cubicBezTo>
                <a:close/>
                <a:moveTo>
                  <a:pt x="9968" y="10006"/>
                </a:moveTo>
                <a:cubicBezTo>
                  <a:pt x="9914" y="10006"/>
                  <a:pt x="9865" y="10035"/>
                  <a:pt x="9811" y="10080"/>
                </a:cubicBezTo>
                <a:cubicBezTo>
                  <a:pt x="9635" y="10226"/>
                  <a:pt x="9706" y="10406"/>
                  <a:pt x="9732" y="10582"/>
                </a:cubicBezTo>
                <a:cubicBezTo>
                  <a:pt x="9773" y="10835"/>
                  <a:pt x="9834" y="10893"/>
                  <a:pt x="10070" y="10893"/>
                </a:cubicBezTo>
                <a:cubicBezTo>
                  <a:pt x="10074" y="10893"/>
                  <a:pt x="10079" y="10893"/>
                  <a:pt x="10084" y="10893"/>
                </a:cubicBezTo>
                <a:cubicBezTo>
                  <a:pt x="10334" y="10890"/>
                  <a:pt x="10473" y="10710"/>
                  <a:pt x="10427" y="10462"/>
                </a:cubicBezTo>
                <a:cubicBezTo>
                  <a:pt x="10390" y="10263"/>
                  <a:pt x="10244" y="10168"/>
                  <a:pt x="10098" y="10057"/>
                </a:cubicBezTo>
                <a:cubicBezTo>
                  <a:pt x="10050" y="10021"/>
                  <a:pt x="10008" y="10006"/>
                  <a:pt x="9968" y="10006"/>
                </a:cubicBezTo>
                <a:close/>
                <a:moveTo>
                  <a:pt x="9536" y="11164"/>
                </a:moveTo>
                <a:cubicBezTo>
                  <a:pt x="9384" y="11164"/>
                  <a:pt x="9222" y="11313"/>
                  <a:pt x="9215" y="11458"/>
                </a:cubicBezTo>
                <a:cubicBezTo>
                  <a:pt x="9204" y="11662"/>
                  <a:pt x="9391" y="11812"/>
                  <a:pt x="9702" y="11829"/>
                </a:cubicBezTo>
                <a:cubicBezTo>
                  <a:pt x="9715" y="11831"/>
                  <a:pt x="9727" y="11831"/>
                  <a:pt x="9739" y="11831"/>
                </a:cubicBezTo>
                <a:cubicBezTo>
                  <a:pt x="9846" y="11831"/>
                  <a:pt x="9920" y="11757"/>
                  <a:pt x="9929" y="11613"/>
                </a:cubicBezTo>
                <a:cubicBezTo>
                  <a:pt x="9938" y="11467"/>
                  <a:pt x="9674" y="11166"/>
                  <a:pt x="9540" y="11164"/>
                </a:cubicBezTo>
                <a:cubicBezTo>
                  <a:pt x="9538" y="11164"/>
                  <a:pt x="9537" y="11164"/>
                  <a:pt x="9536" y="11164"/>
                </a:cubicBezTo>
                <a:close/>
                <a:moveTo>
                  <a:pt x="12308" y="11587"/>
                </a:moveTo>
                <a:cubicBezTo>
                  <a:pt x="12307" y="11587"/>
                  <a:pt x="12306" y="11587"/>
                  <a:pt x="12305" y="11588"/>
                </a:cubicBezTo>
                <a:cubicBezTo>
                  <a:pt x="12241" y="11613"/>
                  <a:pt x="12185" y="11660"/>
                  <a:pt x="12146" y="11717"/>
                </a:cubicBezTo>
                <a:cubicBezTo>
                  <a:pt x="12136" y="11734"/>
                  <a:pt x="12210" y="11803"/>
                  <a:pt x="12268" y="11882"/>
                </a:cubicBezTo>
                <a:cubicBezTo>
                  <a:pt x="12333" y="11808"/>
                  <a:pt x="12396" y="11764"/>
                  <a:pt x="12407" y="11708"/>
                </a:cubicBezTo>
                <a:lnTo>
                  <a:pt x="12407" y="11706"/>
                </a:lnTo>
                <a:cubicBezTo>
                  <a:pt x="12414" y="11675"/>
                  <a:pt x="12330" y="11587"/>
                  <a:pt x="12308" y="11587"/>
                </a:cubicBezTo>
                <a:close/>
                <a:moveTo>
                  <a:pt x="10149" y="11887"/>
                </a:moveTo>
                <a:cubicBezTo>
                  <a:pt x="10135" y="11921"/>
                  <a:pt x="10121" y="11956"/>
                  <a:pt x="10109" y="11988"/>
                </a:cubicBezTo>
                <a:lnTo>
                  <a:pt x="10295" y="12104"/>
                </a:lnTo>
                <a:lnTo>
                  <a:pt x="10348" y="11942"/>
                </a:lnTo>
                <a:lnTo>
                  <a:pt x="10149" y="11887"/>
                </a:lnTo>
                <a:close/>
                <a:moveTo>
                  <a:pt x="2407" y="12322"/>
                </a:moveTo>
                <a:cubicBezTo>
                  <a:pt x="2365" y="12322"/>
                  <a:pt x="2296" y="12383"/>
                  <a:pt x="2284" y="12429"/>
                </a:cubicBezTo>
                <a:cubicBezTo>
                  <a:pt x="2275" y="12466"/>
                  <a:pt x="2338" y="12521"/>
                  <a:pt x="2386" y="12595"/>
                </a:cubicBezTo>
                <a:cubicBezTo>
                  <a:pt x="2454" y="12524"/>
                  <a:pt x="2525" y="12482"/>
                  <a:pt x="2523" y="12440"/>
                </a:cubicBezTo>
                <a:lnTo>
                  <a:pt x="2523" y="12438"/>
                </a:lnTo>
                <a:cubicBezTo>
                  <a:pt x="2521" y="12394"/>
                  <a:pt x="2451" y="12322"/>
                  <a:pt x="2410" y="12322"/>
                </a:cubicBezTo>
                <a:cubicBezTo>
                  <a:pt x="2409" y="12322"/>
                  <a:pt x="2408" y="12322"/>
                  <a:pt x="2407" y="12322"/>
                </a:cubicBezTo>
                <a:close/>
                <a:moveTo>
                  <a:pt x="10668" y="12586"/>
                </a:moveTo>
                <a:cubicBezTo>
                  <a:pt x="10665" y="12586"/>
                  <a:pt x="10662" y="12586"/>
                  <a:pt x="10658" y="12586"/>
                </a:cubicBezTo>
                <a:cubicBezTo>
                  <a:pt x="10499" y="12591"/>
                  <a:pt x="10376" y="12646"/>
                  <a:pt x="10371" y="12778"/>
                </a:cubicBezTo>
                <a:cubicBezTo>
                  <a:pt x="10374" y="12998"/>
                  <a:pt x="10496" y="13128"/>
                  <a:pt x="10654" y="13133"/>
                </a:cubicBezTo>
                <a:cubicBezTo>
                  <a:pt x="10657" y="13133"/>
                  <a:pt x="10660" y="13133"/>
                  <a:pt x="10663" y="13133"/>
                </a:cubicBezTo>
                <a:cubicBezTo>
                  <a:pt x="10819" y="13133"/>
                  <a:pt x="10948" y="13024"/>
                  <a:pt x="10943" y="12894"/>
                </a:cubicBezTo>
                <a:cubicBezTo>
                  <a:pt x="10937" y="12706"/>
                  <a:pt x="10834" y="12586"/>
                  <a:pt x="10668" y="12586"/>
                </a:cubicBezTo>
                <a:close/>
                <a:moveTo>
                  <a:pt x="1916" y="12776"/>
                </a:moveTo>
                <a:cubicBezTo>
                  <a:pt x="1870" y="12776"/>
                  <a:pt x="1825" y="12783"/>
                  <a:pt x="1782" y="12795"/>
                </a:cubicBezTo>
                <a:cubicBezTo>
                  <a:pt x="1710" y="12813"/>
                  <a:pt x="1652" y="12885"/>
                  <a:pt x="1590" y="12934"/>
                </a:cubicBezTo>
                <a:cubicBezTo>
                  <a:pt x="1407" y="13073"/>
                  <a:pt x="1386" y="13237"/>
                  <a:pt x="1532" y="13413"/>
                </a:cubicBezTo>
                <a:cubicBezTo>
                  <a:pt x="1594" y="13490"/>
                  <a:pt x="1683" y="13532"/>
                  <a:pt x="1773" y="13532"/>
                </a:cubicBezTo>
                <a:cubicBezTo>
                  <a:pt x="1856" y="13532"/>
                  <a:pt x="1940" y="13497"/>
                  <a:pt x="2004" y="13420"/>
                </a:cubicBezTo>
                <a:cubicBezTo>
                  <a:pt x="2097" y="13311"/>
                  <a:pt x="2139" y="13161"/>
                  <a:pt x="2210" y="13012"/>
                </a:cubicBezTo>
                <a:cubicBezTo>
                  <a:pt x="2155" y="12924"/>
                  <a:pt x="2127" y="12825"/>
                  <a:pt x="2067" y="12802"/>
                </a:cubicBezTo>
                <a:cubicBezTo>
                  <a:pt x="2018" y="12784"/>
                  <a:pt x="1967" y="12776"/>
                  <a:pt x="1916" y="12776"/>
                </a:cubicBezTo>
                <a:close/>
                <a:moveTo>
                  <a:pt x="12317" y="13472"/>
                </a:moveTo>
                <a:cubicBezTo>
                  <a:pt x="12310" y="13472"/>
                  <a:pt x="12302" y="13473"/>
                  <a:pt x="12294" y="13473"/>
                </a:cubicBezTo>
                <a:cubicBezTo>
                  <a:pt x="12171" y="13483"/>
                  <a:pt x="12078" y="13529"/>
                  <a:pt x="12095" y="13668"/>
                </a:cubicBezTo>
                <a:cubicBezTo>
                  <a:pt x="12108" y="13790"/>
                  <a:pt x="12113" y="13932"/>
                  <a:pt x="12359" y="13932"/>
                </a:cubicBezTo>
                <a:cubicBezTo>
                  <a:pt x="12365" y="13932"/>
                  <a:pt x="12371" y="13932"/>
                  <a:pt x="12377" y="13932"/>
                </a:cubicBezTo>
                <a:cubicBezTo>
                  <a:pt x="12414" y="13876"/>
                  <a:pt x="12514" y="13791"/>
                  <a:pt x="12523" y="13693"/>
                </a:cubicBezTo>
                <a:cubicBezTo>
                  <a:pt x="12534" y="13577"/>
                  <a:pt x="12464" y="13472"/>
                  <a:pt x="12317" y="13472"/>
                </a:cubicBezTo>
                <a:close/>
                <a:moveTo>
                  <a:pt x="14325" y="13432"/>
                </a:moveTo>
                <a:cubicBezTo>
                  <a:pt x="14154" y="13432"/>
                  <a:pt x="13936" y="13605"/>
                  <a:pt x="13934" y="13744"/>
                </a:cubicBezTo>
                <a:cubicBezTo>
                  <a:pt x="13929" y="13957"/>
                  <a:pt x="14059" y="14078"/>
                  <a:pt x="14298" y="14080"/>
                </a:cubicBezTo>
                <a:cubicBezTo>
                  <a:pt x="14301" y="14080"/>
                  <a:pt x="14304" y="14080"/>
                  <a:pt x="14307" y="14080"/>
                </a:cubicBezTo>
                <a:cubicBezTo>
                  <a:pt x="14497" y="14080"/>
                  <a:pt x="14645" y="13945"/>
                  <a:pt x="14647" y="13772"/>
                </a:cubicBezTo>
                <a:lnTo>
                  <a:pt x="14645" y="13772"/>
                </a:lnTo>
                <a:cubicBezTo>
                  <a:pt x="14645" y="13578"/>
                  <a:pt x="14511" y="13432"/>
                  <a:pt x="14325" y="13432"/>
                </a:cubicBezTo>
                <a:close/>
                <a:moveTo>
                  <a:pt x="8489" y="14230"/>
                </a:moveTo>
                <a:cubicBezTo>
                  <a:pt x="8434" y="14230"/>
                  <a:pt x="8310" y="14340"/>
                  <a:pt x="8310" y="14395"/>
                </a:cubicBezTo>
                <a:cubicBezTo>
                  <a:pt x="8310" y="14474"/>
                  <a:pt x="8407" y="14550"/>
                  <a:pt x="8500" y="14680"/>
                </a:cubicBezTo>
                <a:cubicBezTo>
                  <a:pt x="8594" y="14560"/>
                  <a:pt x="8696" y="14479"/>
                  <a:pt x="8683" y="14432"/>
                </a:cubicBezTo>
                <a:cubicBezTo>
                  <a:pt x="8657" y="14351"/>
                  <a:pt x="8574" y="14252"/>
                  <a:pt x="8497" y="14231"/>
                </a:cubicBezTo>
                <a:cubicBezTo>
                  <a:pt x="8495" y="14230"/>
                  <a:pt x="8492" y="14230"/>
                  <a:pt x="8489" y="14230"/>
                </a:cubicBezTo>
                <a:close/>
                <a:moveTo>
                  <a:pt x="4902" y="14342"/>
                </a:moveTo>
                <a:cubicBezTo>
                  <a:pt x="4899" y="14342"/>
                  <a:pt x="4895" y="14342"/>
                  <a:pt x="4890" y="14342"/>
                </a:cubicBezTo>
                <a:cubicBezTo>
                  <a:pt x="4754" y="14347"/>
                  <a:pt x="4670" y="14409"/>
                  <a:pt x="4670" y="14625"/>
                </a:cubicBezTo>
                <a:cubicBezTo>
                  <a:pt x="4714" y="14657"/>
                  <a:pt x="4784" y="14752"/>
                  <a:pt x="4865" y="14764"/>
                </a:cubicBezTo>
                <a:cubicBezTo>
                  <a:pt x="4879" y="14766"/>
                  <a:pt x="4892" y="14767"/>
                  <a:pt x="4905" y="14767"/>
                </a:cubicBezTo>
                <a:cubicBezTo>
                  <a:pt x="5024" y="14767"/>
                  <a:pt x="5092" y="14671"/>
                  <a:pt x="5092" y="14539"/>
                </a:cubicBezTo>
                <a:cubicBezTo>
                  <a:pt x="5092" y="14415"/>
                  <a:pt x="5031" y="14342"/>
                  <a:pt x="4902" y="14342"/>
                </a:cubicBezTo>
                <a:close/>
                <a:moveTo>
                  <a:pt x="274" y="16184"/>
                </a:moveTo>
                <a:cubicBezTo>
                  <a:pt x="220" y="16184"/>
                  <a:pt x="170" y="16229"/>
                  <a:pt x="121" y="16265"/>
                </a:cubicBezTo>
                <a:cubicBezTo>
                  <a:pt x="77" y="16304"/>
                  <a:pt x="38" y="16343"/>
                  <a:pt x="0" y="16387"/>
                </a:cubicBezTo>
                <a:lnTo>
                  <a:pt x="0" y="16475"/>
                </a:lnTo>
                <a:cubicBezTo>
                  <a:pt x="35" y="16508"/>
                  <a:pt x="70" y="16566"/>
                  <a:pt x="105" y="16566"/>
                </a:cubicBezTo>
                <a:cubicBezTo>
                  <a:pt x="136" y="16567"/>
                  <a:pt x="170" y="16568"/>
                  <a:pt x="204" y="16568"/>
                </a:cubicBezTo>
                <a:cubicBezTo>
                  <a:pt x="277" y="16568"/>
                  <a:pt x="350" y="16561"/>
                  <a:pt x="399" y="16526"/>
                </a:cubicBezTo>
                <a:cubicBezTo>
                  <a:pt x="505" y="16452"/>
                  <a:pt x="459" y="16339"/>
                  <a:pt x="380" y="16246"/>
                </a:cubicBezTo>
                <a:cubicBezTo>
                  <a:pt x="343" y="16200"/>
                  <a:pt x="308" y="16184"/>
                  <a:pt x="274" y="16184"/>
                </a:cubicBezTo>
                <a:close/>
                <a:moveTo>
                  <a:pt x="12273" y="17365"/>
                </a:moveTo>
                <a:cubicBezTo>
                  <a:pt x="12272" y="17365"/>
                  <a:pt x="12272" y="17365"/>
                  <a:pt x="12271" y="17365"/>
                </a:cubicBezTo>
                <a:cubicBezTo>
                  <a:pt x="12206" y="17383"/>
                  <a:pt x="12153" y="17448"/>
                  <a:pt x="12095" y="17495"/>
                </a:cubicBezTo>
                <a:lnTo>
                  <a:pt x="12259" y="17701"/>
                </a:lnTo>
                <a:cubicBezTo>
                  <a:pt x="12319" y="17613"/>
                  <a:pt x="12389" y="17560"/>
                  <a:pt x="12382" y="17511"/>
                </a:cubicBezTo>
                <a:cubicBezTo>
                  <a:pt x="12377" y="17457"/>
                  <a:pt x="12302" y="17365"/>
                  <a:pt x="12273" y="17365"/>
                </a:cubicBezTo>
                <a:close/>
                <a:moveTo>
                  <a:pt x="14793" y="17460"/>
                </a:moveTo>
                <a:cubicBezTo>
                  <a:pt x="14789" y="17460"/>
                  <a:pt x="14785" y="17460"/>
                  <a:pt x="14782" y="17460"/>
                </a:cubicBezTo>
                <a:cubicBezTo>
                  <a:pt x="14460" y="17469"/>
                  <a:pt x="14242" y="17657"/>
                  <a:pt x="14251" y="17930"/>
                </a:cubicBezTo>
                <a:cubicBezTo>
                  <a:pt x="14260" y="18173"/>
                  <a:pt x="14531" y="18515"/>
                  <a:pt x="14753" y="18515"/>
                </a:cubicBezTo>
                <a:cubicBezTo>
                  <a:pt x="14766" y="18515"/>
                  <a:pt x="14778" y="18514"/>
                  <a:pt x="14791" y="18512"/>
                </a:cubicBezTo>
                <a:cubicBezTo>
                  <a:pt x="15053" y="18509"/>
                  <a:pt x="15333" y="18285"/>
                  <a:pt x="15335" y="18078"/>
                </a:cubicBezTo>
                <a:cubicBezTo>
                  <a:pt x="15340" y="17781"/>
                  <a:pt x="15054" y="17460"/>
                  <a:pt x="14793" y="17460"/>
                </a:cubicBezTo>
                <a:close/>
                <a:moveTo>
                  <a:pt x="13623" y="18340"/>
                </a:moveTo>
                <a:cubicBezTo>
                  <a:pt x="13622" y="18340"/>
                  <a:pt x="13620" y="18340"/>
                  <a:pt x="13619" y="18340"/>
                </a:cubicBezTo>
                <a:cubicBezTo>
                  <a:pt x="13538" y="18352"/>
                  <a:pt x="13434" y="18447"/>
                  <a:pt x="13408" y="18525"/>
                </a:cubicBezTo>
                <a:cubicBezTo>
                  <a:pt x="13390" y="18588"/>
                  <a:pt x="13480" y="18683"/>
                  <a:pt x="13524" y="18762"/>
                </a:cubicBezTo>
                <a:lnTo>
                  <a:pt x="13630" y="18771"/>
                </a:lnTo>
                <a:cubicBezTo>
                  <a:pt x="13691" y="18690"/>
                  <a:pt x="13793" y="18611"/>
                  <a:pt x="13797" y="18528"/>
                </a:cubicBezTo>
                <a:cubicBezTo>
                  <a:pt x="13802" y="18467"/>
                  <a:pt x="13681" y="18340"/>
                  <a:pt x="13623" y="18340"/>
                </a:cubicBezTo>
                <a:close/>
                <a:moveTo>
                  <a:pt x="10486" y="19293"/>
                </a:moveTo>
                <a:cubicBezTo>
                  <a:pt x="10473" y="19293"/>
                  <a:pt x="10459" y="19295"/>
                  <a:pt x="10445" y="19297"/>
                </a:cubicBezTo>
                <a:cubicBezTo>
                  <a:pt x="10346" y="19313"/>
                  <a:pt x="10260" y="19431"/>
                  <a:pt x="10123" y="19538"/>
                </a:cubicBezTo>
                <a:cubicBezTo>
                  <a:pt x="10248" y="19663"/>
                  <a:pt x="10313" y="19786"/>
                  <a:pt x="10404" y="19809"/>
                </a:cubicBezTo>
                <a:cubicBezTo>
                  <a:pt x="10420" y="19813"/>
                  <a:pt x="10437" y="19815"/>
                  <a:pt x="10454" y="19815"/>
                </a:cubicBezTo>
                <a:cubicBezTo>
                  <a:pt x="10591" y="19815"/>
                  <a:pt x="10715" y="19680"/>
                  <a:pt x="10705" y="19552"/>
                </a:cubicBezTo>
                <a:cubicBezTo>
                  <a:pt x="10696" y="19406"/>
                  <a:pt x="10617" y="19293"/>
                  <a:pt x="10486" y="19293"/>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3" name="Google Shape;143;p8"/>
          <p:cNvSpPr txBox="1">
            <a:spLocks noGrp="1"/>
          </p:cNvSpPr>
          <p:nvPr>
            <p:ph type="title"/>
          </p:nvPr>
        </p:nvSpPr>
        <p:spPr>
          <a:xfrm>
            <a:off x="1517400" y="1286100"/>
            <a:ext cx="6109200" cy="2266500"/>
          </a:xfrm>
          <a:prstGeom prst="rect">
            <a:avLst/>
          </a:prstGeom>
        </p:spPr>
        <p:txBody>
          <a:bodyPr spcFirstLastPara="1" wrap="square" lIns="91425" tIns="91425" rIns="91425" bIns="91425" anchor="ctr" anchorCtr="0">
            <a:noAutofit/>
          </a:bodyPr>
          <a:lstStyle>
            <a:lvl1pPr lvl="0" algn="ctr">
              <a:lnSpc>
                <a:spcPct val="90000"/>
              </a:lnSpc>
              <a:spcBef>
                <a:spcPts val="0"/>
              </a:spcBef>
              <a:spcAft>
                <a:spcPts val="0"/>
              </a:spcAft>
              <a:buSzPts val="6000"/>
              <a:buNone/>
              <a:defRPr sz="9000"/>
            </a:lvl1pPr>
            <a:lvl2pPr lvl="1" algn="ctr">
              <a:spcBef>
                <a:spcPts val="0"/>
              </a:spcBef>
              <a:spcAft>
                <a:spcPts val="0"/>
              </a:spcAft>
              <a:buSzPts val="6000"/>
              <a:buNone/>
              <a:defRPr sz="6000"/>
            </a:lvl2pPr>
            <a:lvl3pPr lvl="2" algn="ctr">
              <a:spcBef>
                <a:spcPts val="0"/>
              </a:spcBef>
              <a:spcAft>
                <a:spcPts val="0"/>
              </a:spcAft>
              <a:buSzPts val="6000"/>
              <a:buNone/>
              <a:defRPr sz="6000"/>
            </a:lvl3pPr>
            <a:lvl4pPr lvl="3" algn="ctr">
              <a:spcBef>
                <a:spcPts val="0"/>
              </a:spcBef>
              <a:spcAft>
                <a:spcPts val="0"/>
              </a:spcAft>
              <a:buSzPts val="6000"/>
              <a:buNone/>
              <a:defRPr sz="6000"/>
            </a:lvl4pPr>
            <a:lvl5pPr lvl="4" algn="ctr">
              <a:spcBef>
                <a:spcPts val="0"/>
              </a:spcBef>
              <a:spcAft>
                <a:spcPts val="0"/>
              </a:spcAft>
              <a:buSzPts val="6000"/>
              <a:buNone/>
              <a:defRPr sz="6000"/>
            </a:lvl5pPr>
            <a:lvl6pPr lvl="5" algn="ctr">
              <a:spcBef>
                <a:spcPts val="0"/>
              </a:spcBef>
              <a:spcAft>
                <a:spcPts val="0"/>
              </a:spcAft>
              <a:buSzPts val="6000"/>
              <a:buNone/>
              <a:defRPr sz="6000"/>
            </a:lvl6pPr>
            <a:lvl7pPr lvl="6" algn="ctr">
              <a:spcBef>
                <a:spcPts val="0"/>
              </a:spcBef>
              <a:spcAft>
                <a:spcPts val="0"/>
              </a:spcAft>
              <a:buSzPts val="6000"/>
              <a:buNone/>
              <a:defRPr sz="6000"/>
            </a:lvl7pPr>
            <a:lvl8pPr lvl="7" algn="ctr">
              <a:spcBef>
                <a:spcPts val="0"/>
              </a:spcBef>
              <a:spcAft>
                <a:spcPts val="0"/>
              </a:spcAft>
              <a:buSzPts val="6000"/>
              <a:buNone/>
              <a:defRPr sz="6000"/>
            </a:lvl8pPr>
            <a:lvl9pPr lvl="8" algn="ctr">
              <a:spcBef>
                <a:spcPts val="0"/>
              </a:spcBef>
              <a:spcAft>
                <a:spcPts val="0"/>
              </a:spcAft>
              <a:buSzPts val="6000"/>
              <a:buNone/>
              <a:defRPr sz="6000"/>
            </a:lvl9pPr>
          </a:lstStyle>
          <a:p>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Section title and description">
  <p:cSld name="SECTION_TITLE_AND_DESCRIPTION">
    <p:spTree>
      <p:nvGrpSpPr>
        <p:cNvPr id="1" name="Shape 144"/>
        <p:cNvGrpSpPr/>
        <p:nvPr/>
      </p:nvGrpSpPr>
      <p:grpSpPr>
        <a:xfrm>
          <a:off x="0" y="0"/>
          <a:ext cx="0" cy="0"/>
          <a:chOff x="0" y="0"/>
          <a:chExt cx="0" cy="0"/>
        </a:xfrm>
      </p:grpSpPr>
      <p:sp>
        <p:nvSpPr>
          <p:cNvPr id="145" name="Google Shape;145;p9"/>
          <p:cNvSpPr/>
          <p:nvPr/>
        </p:nvSpPr>
        <p:spPr>
          <a:xfrm>
            <a:off x="6082750" y="-418475"/>
            <a:ext cx="3569370" cy="1645462"/>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6" name="Google Shape;146;p9"/>
          <p:cNvSpPr/>
          <p:nvPr/>
        </p:nvSpPr>
        <p:spPr>
          <a:xfrm>
            <a:off x="-694150" y="356235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 name="Google Shape;147;p9"/>
          <p:cNvSpPr/>
          <p:nvPr/>
        </p:nvSpPr>
        <p:spPr>
          <a:xfrm rot="10800000">
            <a:off x="-167474" y="-291386"/>
            <a:ext cx="725425" cy="2141360"/>
          </a:xfrm>
          <a:custGeom>
            <a:avLst/>
            <a:gdLst/>
            <a:ahLst/>
            <a:cxnLst/>
            <a:rect l="l" t="t" r="r" b="b"/>
            <a:pathLst>
              <a:path w="5396" h="15928" extrusionOk="0">
                <a:moveTo>
                  <a:pt x="4106" y="1"/>
                </a:moveTo>
                <a:cubicBezTo>
                  <a:pt x="3916" y="1"/>
                  <a:pt x="3718" y="150"/>
                  <a:pt x="3756" y="333"/>
                </a:cubicBezTo>
                <a:lnTo>
                  <a:pt x="4360" y="98"/>
                </a:lnTo>
                <a:lnTo>
                  <a:pt x="4360" y="98"/>
                </a:lnTo>
                <a:cubicBezTo>
                  <a:pt x="4361" y="99"/>
                  <a:pt x="4362" y="100"/>
                  <a:pt x="4364" y="101"/>
                </a:cubicBezTo>
                <a:lnTo>
                  <a:pt x="4364" y="101"/>
                </a:lnTo>
                <a:cubicBezTo>
                  <a:pt x="4413" y="80"/>
                  <a:pt x="4462" y="59"/>
                  <a:pt x="4511" y="39"/>
                </a:cubicBezTo>
                <a:lnTo>
                  <a:pt x="4511" y="39"/>
                </a:lnTo>
                <a:lnTo>
                  <a:pt x="4360" y="98"/>
                </a:lnTo>
                <a:lnTo>
                  <a:pt x="4360" y="98"/>
                </a:lnTo>
                <a:cubicBezTo>
                  <a:pt x="4313" y="62"/>
                  <a:pt x="4262" y="34"/>
                  <a:pt x="4205" y="16"/>
                </a:cubicBezTo>
                <a:cubicBezTo>
                  <a:pt x="4173" y="6"/>
                  <a:pt x="4140" y="1"/>
                  <a:pt x="4106" y="1"/>
                </a:cubicBezTo>
                <a:close/>
                <a:moveTo>
                  <a:pt x="4364" y="101"/>
                </a:moveTo>
                <a:lnTo>
                  <a:pt x="4364" y="101"/>
                </a:lnTo>
                <a:cubicBezTo>
                  <a:pt x="3355" y="531"/>
                  <a:pt x="2269" y="1119"/>
                  <a:pt x="2049" y="2177"/>
                </a:cubicBezTo>
                <a:cubicBezTo>
                  <a:pt x="1942" y="2687"/>
                  <a:pt x="2065" y="3224"/>
                  <a:pt x="1963" y="3734"/>
                </a:cubicBezTo>
                <a:cubicBezTo>
                  <a:pt x="1810" y="4484"/>
                  <a:pt x="1210" y="5047"/>
                  <a:pt x="705" y="5624"/>
                </a:cubicBezTo>
                <a:cubicBezTo>
                  <a:pt x="344" y="6034"/>
                  <a:pt x="1" y="6560"/>
                  <a:pt x="133" y="7090"/>
                </a:cubicBezTo>
                <a:cubicBezTo>
                  <a:pt x="276" y="7665"/>
                  <a:pt x="902" y="7966"/>
                  <a:pt x="1222" y="8464"/>
                </a:cubicBezTo>
                <a:cubicBezTo>
                  <a:pt x="1625" y="9094"/>
                  <a:pt x="1474" y="9916"/>
                  <a:pt x="1275" y="10637"/>
                </a:cubicBezTo>
                <a:cubicBezTo>
                  <a:pt x="1076" y="11355"/>
                  <a:pt x="842" y="12133"/>
                  <a:pt x="1108" y="12830"/>
                </a:cubicBezTo>
                <a:cubicBezTo>
                  <a:pt x="1437" y="13687"/>
                  <a:pt x="2410" y="14128"/>
                  <a:pt x="2857" y="14927"/>
                </a:cubicBezTo>
                <a:cubicBezTo>
                  <a:pt x="3063" y="15295"/>
                  <a:pt x="3202" y="15782"/>
                  <a:pt x="3608" y="15902"/>
                </a:cubicBezTo>
                <a:cubicBezTo>
                  <a:pt x="3665" y="15919"/>
                  <a:pt x="3723" y="15928"/>
                  <a:pt x="3779" y="15928"/>
                </a:cubicBezTo>
                <a:cubicBezTo>
                  <a:pt x="4191" y="15928"/>
                  <a:pt x="4542" y="15486"/>
                  <a:pt x="4701" y="15070"/>
                </a:cubicBezTo>
                <a:cubicBezTo>
                  <a:pt x="4956" y="14410"/>
                  <a:pt x="5032" y="13697"/>
                  <a:pt x="5092" y="12992"/>
                </a:cubicBezTo>
                <a:cubicBezTo>
                  <a:pt x="5396" y="9504"/>
                  <a:pt x="5387" y="5995"/>
                  <a:pt x="5071" y="2508"/>
                </a:cubicBezTo>
                <a:cubicBezTo>
                  <a:pt x="5009" y="1818"/>
                  <a:pt x="4930" y="1118"/>
                  <a:pt x="4641" y="491"/>
                </a:cubicBezTo>
                <a:cubicBezTo>
                  <a:pt x="4574" y="345"/>
                  <a:pt x="4486" y="197"/>
                  <a:pt x="4364" y="10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8" name="Google Shape;148;p9"/>
          <p:cNvSpPr/>
          <p:nvPr/>
        </p:nvSpPr>
        <p:spPr>
          <a:xfrm rot="-2498769">
            <a:off x="-708667" y="-232350"/>
            <a:ext cx="2847534" cy="1151156"/>
          </a:xfrm>
          <a:custGeom>
            <a:avLst/>
            <a:gdLst/>
            <a:ahLst/>
            <a:cxnLst/>
            <a:rect l="l" t="t" r="r" b="b"/>
            <a:pathLst>
              <a:path w="31433" h="12707" fill="none" extrusionOk="0">
                <a:moveTo>
                  <a:pt x="31433" y="11416"/>
                </a:moveTo>
                <a:cubicBezTo>
                  <a:pt x="28345" y="12706"/>
                  <a:pt x="24513" y="12049"/>
                  <a:pt x="22063" y="9758"/>
                </a:cubicBezTo>
                <a:cubicBezTo>
                  <a:pt x="21465" y="9197"/>
                  <a:pt x="20934" y="8544"/>
                  <a:pt x="20230" y="8124"/>
                </a:cubicBezTo>
                <a:cubicBezTo>
                  <a:pt x="18926" y="7353"/>
                  <a:pt x="17265" y="7522"/>
                  <a:pt x="15824" y="7986"/>
                </a:cubicBezTo>
                <a:cubicBezTo>
                  <a:pt x="14381" y="8449"/>
                  <a:pt x="13021" y="9176"/>
                  <a:pt x="11537" y="9480"/>
                </a:cubicBezTo>
                <a:cubicBezTo>
                  <a:pt x="8766" y="10043"/>
                  <a:pt x="5803" y="8998"/>
                  <a:pt x="3730" y="7075"/>
                </a:cubicBezTo>
                <a:cubicBezTo>
                  <a:pt x="1743" y="5234"/>
                  <a:pt x="524" y="2665"/>
                  <a:pt x="1" y="1"/>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9" name="Google Shape;149;p9"/>
          <p:cNvGrpSpPr/>
          <p:nvPr/>
        </p:nvGrpSpPr>
        <p:grpSpPr>
          <a:xfrm>
            <a:off x="6558198" y="3682089"/>
            <a:ext cx="471060" cy="1149322"/>
            <a:chOff x="6665350" y="3757987"/>
            <a:chExt cx="439955" cy="1073430"/>
          </a:xfrm>
        </p:grpSpPr>
        <p:sp>
          <p:nvSpPr>
            <p:cNvPr id="150" name="Google Shape;150;p9"/>
            <p:cNvSpPr/>
            <p:nvPr/>
          </p:nvSpPr>
          <p:spPr>
            <a:xfrm>
              <a:off x="6691723" y="3824726"/>
              <a:ext cx="413582" cy="744057"/>
            </a:xfrm>
            <a:custGeom>
              <a:avLst/>
              <a:gdLst/>
              <a:ahLst/>
              <a:cxnLst/>
              <a:rect l="l" t="t" r="r" b="b"/>
              <a:pathLst>
                <a:path w="4877" h="8774" extrusionOk="0">
                  <a:moveTo>
                    <a:pt x="2410" y="1"/>
                  </a:moveTo>
                  <a:cubicBezTo>
                    <a:pt x="1882" y="1"/>
                    <a:pt x="1020" y="2319"/>
                    <a:pt x="1416" y="2890"/>
                  </a:cubicBezTo>
                  <a:cubicBezTo>
                    <a:pt x="830" y="3969"/>
                    <a:pt x="760" y="5292"/>
                    <a:pt x="862" y="6190"/>
                  </a:cubicBezTo>
                  <a:cubicBezTo>
                    <a:pt x="345" y="6881"/>
                    <a:pt x="0" y="8155"/>
                    <a:pt x="552" y="8639"/>
                  </a:cubicBezTo>
                  <a:cubicBezTo>
                    <a:pt x="662" y="8735"/>
                    <a:pt x="799" y="8774"/>
                    <a:pt x="947" y="8774"/>
                  </a:cubicBezTo>
                  <a:cubicBezTo>
                    <a:pt x="1540" y="8774"/>
                    <a:pt x="2312" y="8157"/>
                    <a:pt x="2312" y="8157"/>
                  </a:cubicBezTo>
                  <a:cubicBezTo>
                    <a:pt x="2387" y="8220"/>
                    <a:pt x="2492" y="8242"/>
                    <a:pt x="2599" y="8242"/>
                  </a:cubicBezTo>
                  <a:cubicBezTo>
                    <a:pt x="2813" y="8242"/>
                    <a:pt x="3035" y="8157"/>
                    <a:pt x="3035" y="8157"/>
                  </a:cubicBezTo>
                  <a:cubicBezTo>
                    <a:pt x="3374" y="8358"/>
                    <a:pt x="3641" y="8444"/>
                    <a:pt x="3847" y="8444"/>
                  </a:cubicBezTo>
                  <a:cubicBezTo>
                    <a:pt x="4876" y="8444"/>
                    <a:pt x="4393" y="6316"/>
                    <a:pt x="3934" y="5915"/>
                  </a:cubicBezTo>
                  <a:cubicBezTo>
                    <a:pt x="4105" y="5396"/>
                    <a:pt x="3760" y="2982"/>
                    <a:pt x="3174" y="2890"/>
                  </a:cubicBezTo>
                  <a:cubicBezTo>
                    <a:pt x="3554" y="2623"/>
                    <a:pt x="3002" y="258"/>
                    <a:pt x="2483" y="17"/>
                  </a:cubicBezTo>
                  <a:cubicBezTo>
                    <a:pt x="2460" y="6"/>
                    <a:pt x="2436" y="1"/>
                    <a:pt x="2410"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 name="Google Shape;151;p9"/>
            <p:cNvSpPr/>
            <p:nvPr/>
          </p:nvSpPr>
          <p:spPr>
            <a:xfrm>
              <a:off x="6665350" y="3757987"/>
              <a:ext cx="430118" cy="1073430"/>
            </a:xfrm>
            <a:custGeom>
              <a:avLst/>
              <a:gdLst/>
              <a:ahLst/>
              <a:cxnLst/>
              <a:rect l="l" t="t" r="r" b="b"/>
              <a:pathLst>
                <a:path w="5072" h="12658" fill="none" extrusionOk="0">
                  <a:moveTo>
                    <a:pt x="2313" y="12657"/>
                  </a:moveTo>
                  <a:lnTo>
                    <a:pt x="2313" y="8379"/>
                  </a:lnTo>
                  <a:cubicBezTo>
                    <a:pt x="2313" y="8379"/>
                    <a:pt x="1106" y="9345"/>
                    <a:pt x="552" y="8863"/>
                  </a:cubicBezTo>
                  <a:cubicBezTo>
                    <a:pt x="1" y="8381"/>
                    <a:pt x="346" y="7105"/>
                    <a:pt x="863" y="6415"/>
                  </a:cubicBezTo>
                  <a:cubicBezTo>
                    <a:pt x="761" y="5516"/>
                    <a:pt x="830" y="4193"/>
                    <a:pt x="1416" y="3114"/>
                  </a:cubicBezTo>
                  <a:cubicBezTo>
                    <a:pt x="1002" y="2516"/>
                    <a:pt x="1967" y="0"/>
                    <a:pt x="2484" y="241"/>
                  </a:cubicBezTo>
                  <a:cubicBezTo>
                    <a:pt x="3001" y="482"/>
                    <a:pt x="3554" y="2847"/>
                    <a:pt x="3174" y="3114"/>
                  </a:cubicBezTo>
                  <a:cubicBezTo>
                    <a:pt x="3760" y="3206"/>
                    <a:pt x="4106" y="5620"/>
                    <a:pt x="3934" y="6139"/>
                  </a:cubicBezTo>
                  <a:cubicBezTo>
                    <a:pt x="4485" y="6621"/>
                    <a:pt x="5072" y="9588"/>
                    <a:pt x="3035" y="8379"/>
                  </a:cubicBezTo>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52" name="Google Shape;152;p9"/>
          <p:cNvGrpSpPr/>
          <p:nvPr/>
        </p:nvGrpSpPr>
        <p:grpSpPr>
          <a:xfrm>
            <a:off x="7029313" y="4142575"/>
            <a:ext cx="392010" cy="706335"/>
            <a:chOff x="7124634" y="4277738"/>
            <a:chExt cx="316981" cy="571145"/>
          </a:xfrm>
        </p:grpSpPr>
        <p:sp>
          <p:nvSpPr>
            <p:cNvPr id="153" name="Google Shape;153;p9"/>
            <p:cNvSpPr/>
            <p:nvPr/>
          </p:nvSpPr>
          <p:spPr>
            <a:xfrm>
              <a:off x="7143958" y="4332159"/>
              <a:ext cx="297657" cy="344044"/>
            </a:xfrm>
            <a:custGeom>
              <a:avLst/>
              <a:gdLst/>
              <a:ahLst/>
              <a:cxnLst/>
              <a:rect l="l" t="t" r="r" b="b"/>
              <a:pathLst>
                <a:path w="3510" h="4057" extrusionOk="0">
                  <a:moveTo>
                    <a:pt x="1839" y="1"/>
                  </a:moveTo>
                  <a:cubicBezTo>
                    <a:pt x="1185" y="1"/>
                    <a:pt x="773" y="661"/>
                    <a:pt x="846" y="1041"/>
                  </a:cubicBezTo>
                  <a:cubicBezTo>
                    <a:pt x="278" y="1076"/>
                    <a:pt x="241" y="2213"/>
                    <a:pt x="878" y="2387"/>
                  </a:cubicBezTo>
                  <a:cubicBezTo>
                    <a:pt x="878" y="2387"/>
                    <a:pt x="0" y="2834"/>
                    <a:pt x="310" y="3629"/>
                  </a:cubicBezTo>
                  <a:cubicBezTo>
                    <a:pt x="440" y="3960"/>
                    <a:pt x="660" y="4056"/>
                    <a:pt x="873" y="4056"/>
                  </a:cubicBezTo>
                  <a:cubicBezTo>
                    <a:pt x="1168" y="4056"/>
                    <a:pt x="1448" y="3870"/>
                    <a:pt x="1448" y="3870"/>
                  </a:cubicBezTo>
                  <a:cubicBezTo>
                    <a:pt x="1519" y="3921"/>
                    <a:pt x="1587" y="3939"/>
                    <a:pt x="1648" y="3939"/>
                  </a:cubicBezTo>
                  <a:cubicBezTo>
                    <a:pt x="1813" y="3939"/>
                    <a:pt x="1930" y="3802"/>
                    <a:pt x="1930" y="3800"/>
                  </a:cubicBezTo>
                  <a:cubicBezTo>
                    <a:pt x="2088" y="3863"/>
                    <a:pt x="2233" y="3891"/>
                    <a:pt x="2363" y="3891"/>
                  </a:cubicBezTo>
                  <a:cubicBezTo>
                    <a:pt x="3163" y="3891"/>
                    <a:pt x="3433" y="2856"/>
                    <a:pt x="3137" y="2619"/>
                  </a:cubicBezTo>
                  <a:cubicBezTo>
                    <a:pt x="3509" y="2029"/>
                    <a:pt x="3247" y="1374"/>
                    <a:pt x="2765" y="1374"/>
                  </a:cubicBezTo>
                  <a:cubicBezTo>
                    <a:pt x="2711" y="1374"/>
                    <a:pt x="2654" y="1383"/>
                    <a:pt x="2594" y="1400"/>
                  </a:cubicBezTo>
                  <a:cubicBezTo>
                    <a:pt x="2879" y="965"/>
                    <a:pt x="2826" y="291"/>
                    <a:pt x="2208" y="68"/>
                  </a:cubicBezTo>
                  <a:cubicBezTo>
                    <a:pt x="2078" y="22"/>
                    <a:pt x="1954" y="1"/>
                    <a:pt x="1839"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4" name="Google Shape;154;p9"/>
            <p:cNvSpPr/>
            <p:nvPr/>
          </p:nvSpPr>
          <p:spPr>
            <a:xfrm>
              <a:off x="7124634" y="4277738"/>
              <a:ext cx="301218" cy="571145"/>
            </a:xfrm>
            <a:custGeom>
              <a:avLst/>
              <a:gdLst/>
              <a:ahLst/>
              <a:cxnLst/>
              <a:rect l="l" t="t" r="r" b="b"/>
              <a:pathLst>
                <a:path w="3552" h="6735" fill="none" extrusionOk="0">
                  <a:moveTo>
                    <a:pt x="1448" y="6735"/>
                  </a:moveTo>
                  <a:lnTo>
                    <a:pt x="1448" y="4112"/>
                  </a:lnTo>
                  <a:cubicBezTo>
                    <a:pt x="1448" y="4112"/>
                    <a:pt x="621" y="4666"/>
                    <a:pt x="311" y="3871"/>
                  </a:cubicBezTo>
                  <a:cubicBezTo>
                    <a:pt x="1" y="3079"/>
                    <a:pt x="879" y="2630"/>
                    <a:pt x="879" y="2630"/>
                  </a:cubicBezTo>
                  <a:cubicBezTo>
                    <a:pt x="242" y="2458"/>
                    <a:pt x="279" y="1319"/>
                    <a:pt x="846" y="1286"/>
                  </a:cubicBezTo>
                  <a:cubicBezTo>
                    <a:pt x="760" y="837"/>
                    <a:pt x="1347" y="1"/>
                    <a:pt x="2208" y="311"/>
                  </a:cubicBezTo>
                  <a:cubicBezTo>
                    <a:pt x="2829" y="536"/>
                    <a:pt x="2880" y="1210"/>
                    <a:pt x="2595" y="1643"/>
                  </a:cubicBezTo>
                  <a:cubicBezTo>
                    <a:pt x="3181" y="1472"/>
                    <a:pt x="3552" y="2208"/>
                    <a:pt x="3139" y="2861"/>
                  </a:cubicBezTo>
                  <a:cubicBezTo>
                    <a:pt x="3482" y="3139"/>
                    <a:pt x="3061" y="4492"/>
                    <a:pt x="1930" y="4045"/>
                  </a:cubicBezTo>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55" name="Google Shape;155;p9"/>
          <p:cNvGrpSpPr/>
          <p:nvPr/>
        </p:nvGrpSpPr>
        <p:grpSpPr>
          <a:xfrm>
            <a:off x="7333669" y="3382992"/>
            <a:ext cx="1628207" cy="1523816"/>
            <a:chOff x="7333669" y="3382992"/>
            <a:chExt cx="1628207" cy="1523816"/>
          </a:xfrm>
        </p:grpSpPr>
        <p:sp>
          <p:nvSpPr>
            <p:cNvPr id="156" name="Google Shape;156;p9"/>
            <p:cNvSpPr/>
            <p:nvPr/>
          </p:nvSpPr>
          <p:spPr>
            <a:xfrm>
              <a:off x="7386839" y="3429718"/>
              <a:ext cx="1575037" cy="1477090"/>
            </a:xfrm>
            <a:custGeom>
              <a:avLst/>
              <a:gdLst/>
              <a:ahLst/>
              <a:cxnLst/>
              <a:rect l="l" t="t" r="r" b="b"/>
              <a:pathLst>
                <a:path w="18573" h="17418" extrusionOk="0">
                  <a:moveTo>
                    <a:pt x="7935" y="1"/>
                  </a:moveTo>
                  <a:cubicBezTo>
                    <a:pt x="6571" y="1"/>
                    <a:pt x="7145" y="2623"/>
                    <a:pt x="7145" y="3563"/>
                  </a:cubicBezTo>
                  <a:cubicBezTo>
                    <a:pt x="7145" y="4423"/>
                    <a:pt x="7590" y="6558"/>
                    <a:pt x="6351" y="6558"/>
                  </a:cubicBezTo>
                  <a:cubicBezTo>
                    <a:pt x="5937" y="6558"/>
                    <a:pt x="4512" y="6456"/>
                    <a:pt x="3143" y="6456"/>
                  </a:cubicBezTo>
                  <a:cubicBezTo>
                    <a:pt x="1663" y="6456"/>
                    <a:pt x="249" y="6576"/>
                    <a:pt x="249" y="7075"/>
                  </a:cubicBezTo>
                  <a:cubicBezTo>
                    <a:pt x="249" y="7822"/>
                    <a:pt x="0" y="8863"/>
                    <a:pt x="1063" y="8863"/>
                  </a:cubicBezTo>
                  <a:cubicBezTo>
                    <a:pt x="1071" y="8863"/>
                    <a:pt x="1079" y="8863"/>
                    <a:pt x="1088" y="8863"/>
                  </a:cubicBezTo>
                  <a:cubicBezTo>
                    <a:pt x="1674" y="8854"/>
                    <a:pt x="2248" y="8833"/>
                    <a:pt x="2834" y="8833"/>
                  </a:cubicBezTo>
                  <a:cubicBezTo>
                    <a:pt x="3768" y="8835"/>
                    <a:pt x="3351" y="11578"/>
                    <a:pt x="3351" y="12199"/>
                  </a:cubicBezTo>
                  <a:lnTo>
                    <a:pt x="3348" y="16415"/>
                  </a:lnTo>
                  <a:cubicBezTo>
                    <a:pt x="3346" y="16533"/>
                    <a:pt x="3351" y="16651"/>
                    <a:pt x="3367" y="16767"/>
                  </a:cubicBezTo>
                  <a:cubicBezTo>
                    <a:pt x="3379" y="16869"/>
                    <a:pt x="3413" y="16969"/>
                    <a:pt x="3462" y="17059"/>
                  </a:cubicBezTo>
                  <a:cubicBezTo>
                    <a:pt x="3529" y="17170"/>
                    <a:pt x="3629" y="17233"/>
                    <a:pt x="3745" y="17279"/>
                  </a:cubicBezTo>
                  <a:cubicBezTo>
                    <a:pt x="4004" y="17383"/>
                    <a:pt x="4353" y="17418"/>
                    <a:pt x="4734" y="17418"/>
                  </a:cubicBezTo>
                  <a:cubicBezTo>
                    <a:pt x="5477" y="17418"/>
                    <a:pt x="6339" y="17286"/>
                    <a:pt x="6879" y="17286"/>
                  </a:cubicBezTo>
                  <a:lnTo>
                    <a:pt x="15663" y="17286"/>
                  </a:lnTo>
                  <a:cubicBezTo>
                    <a:pt x="16069" y="17286"/>
                    <a:pt x="16503" y="17345"/>
                    <a:pt x="16888" y="17345"/>
                  </a:cubicBezTo>
                  <a:cubicBezTo>
                    <a:pt x="17538" y="17345"/>
                    <a:pt x="18049" y="17176"/>
                    <a:pt x="18049" y="16269"/>
                  </a:cubicBezTo>
                  <a:cubicBezTo>
                    <a:pt x="18046" y="12806"/>
                    <a:pt x="18044" y="9345"/>
                    <a:pt x="18042" y="5882"/>
                  </a:cubicBezTo>
                  <a:cubicBezTo>
                    <a:pt x="18042" y="4680"/>
                    <a:pt x="18572" y="3021"/>
                    <a:pt x="17092" y="2785"/>
                  </a:cubicBezTo>
                  <a:cubicBezTo>
                    <a:pt x="16854" y="2747"/>
                    <a:pt x="16616" y="2733"/>
                    <a:pt x="16377" y="2733"/>
                  </a:cubicBezTo>
                  <a:cubicBezTo>
                    <a:pt x="15715" y="2733"/>
                    <a:pt x="15049" y="2841"/>
                    <a:pt x="14389" y="2841"/>
                  </a:cubicBezTo>
                  <a:cubicBezTo>
                    <a:pt x="14138" y="2841"/>
                    <a:pt x="13847" y="2817"/>
                    <a:pt x="13710" y="2607"/>
                  </a:cubicBezTo>
                  <a:cubicBezTo>
                    <a:pt x="13633" y="2486"/>
                    <a:pt x="13631" y="2336"/>
                    <a:pt x="13631" y="2194"/>
                  </a:cubicBezTo>
                  <a:cubicBezTo>
                    <a:pt x="13629" y="1696"/>
                    <a:pt x="13629" y="1200"/>
                    <a:pt x="13629" y="702"/>
                  </a:cubicBezTo>
                  <a:cubicBezTo>
                    <a:pt x="13629" y="510"/>
                    <a:pt x="13620" y="299"/>
                    <a:pt x="13487" y="160"/>
                  </a:cubicBezTo>
                  <a:cubicBezTo>
                    <a:pt x="13349" y="17"/>
                    <a:pt x="13124" y="5"/>
                    <a:pt x="12920" y="5"/>
                  </a:cubicBezTo>
                  <a:lnTo>
                    <a:pt x="7935"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 name="Google Shape;157;p9"/>
            <p:cNvSpPr/>
            <p:nvPr/>
          </p:nvSpPr>
          <p:spPr>
            <a:xfrm>
              <a:off x="7333669" y="3382992"/>
              <a:ext cx="1575291" cy="1502276"/>
            </a:xfrm>
            <a:custGeom>
              <a:avLst/>
              <a:gdLst/>
              <a:ahLst/>
              <a:cxnLst/>
              <a:rect l="l" t="t" r="r" b="b"/>
              <a:pathLst>
                <a:path w="18576" h="17715" fill="none" extrusionOk="0">
                  <a:moveTo>
                    <a:pt x="3368" y="16767"/>
                  </a:moveTo>
                  <a:cubicBezTo>
                    <a:pt x="3355" y="16649"/>
                    <a:pt x="3348" y="16530"/>
                    <a:pt x="3350" y="16415"/>
                  </a:cubicBezTo>
                  <a:lnTo>
                    <a:pt x="3352" y="12199"/>
                  </a:lnTo>
                  <a:cubicBezTo>
                    <a:pt x="3352" y="11578"/>
                    <a:pt x="3769" y="8835"/>
                    <a:pt x="2838" y="8833"/>
                  </a:cubicBezTo>
                  <a:cubicBezTo>
                    <a:pt x="2252" y="8833"/>
                    <a:pt x="1675" y="8854"/>
                    <a:pt x="1091" y="8863"/>
                  </a:cubicBezTo>
                  <a:cubicBezTo>
                    <a:pt x="0" y="8879"/>
                    <a:pt x="251" y="7828"/>
                    <a:pt x="251" y="7072"/>
                  </a:cubicBezTo>
                  <a:cubicBezTo>
                    <a:pt x="251" y="6111"/>
                    <a:pt x="5495" y="6558"/>
                    <a:pt x="6352" y="6558"/>
                  </a:cubicBezTo>
                  <a:cubicBezTo>
                    <a:pt x="7591" y="6558"/>
                    <a:pt x="7149" y="4420"/>
                    <a:pt x="7149" y="3563"/>
                  </a:cubicBezTo>
                  <a:cubicBezTo>
                    <a:pt x="7149" y="2622"/>
                    <a:pt x="6572" y="0"/>
                    <a:pt x="7937" y="0"/>
                  </a:cubicBezTo>
                  <a:lnTo>
                    <a:pt x="12924" y="5"/>
                  </a:lnTo>
                  <a:cubicBezTo>
                    <a:pt x="13125" y="5"/>
                    <a:pt x="13350" y="14"/>
                    <a:pt x="13489" y="160"/>
                  </a:cubicBezTo>
                  <a:cubicBezTo>
                    <a:pt x="13623" y="299"/>
                    <a:pt x="13630" y="510"/>
                    <a:pt x="13630" y="702"/>
                  </a:cubicBezTo>
                  <a:cubicBezTo>
                    <a:pt x="13630" y="1200"/>
                    <a:pt x="13633" y="1696"/>
                    <a:pt x="13633" y="2194"/>
                  </a:cubicBezTo>
                  <a:cubicBezTo>
                    <a:pt x="13633" y="2335"/>
                    <a:pt x="13637" y="2486"/>
                    <a:pt x="13714" y="2606"/>
                  </a:cubicBezTo>
                  <a:cubicBezTo>
                    <a:pt x="13848" y="2817"/>
                    <a:pt x="14140" y="2840"/>
                    <a:pt x="14390" y="2840"/>
                  </a:cubicBezTo>
                  <a:cubicBezTo>
                    <a:pt x="15289" y="2840"/>
                    <a:pt x="16197" y="2639"/>
                    <a:pt x="17093" y="2782"/>
                  </a:cubicBezTo>
                  <a:cubicBezTo>
                    <a:pt x="18576" y="3021"/>
                    <a:pt x="18043" y="4679"/>
                    <a:pt x="18043" y="5882"/>
                  </a:cubicBezTo>
                  <a:lnTo>
                    <a:pt x="18052" y="16269"/>
                  </a:lnTo>
                  <a:cubicBezTo>
                    <a:pt x="18052" y="17714"/>
                    <a:pt x="16758" y="17286"/>
                    <a:pt x="15664" y="17286"/>
                  </a:cubicBezTo>
                  <a:lnTo>
                    <a:pt x="6880" y="17286"/>
                  </a:lnTo>
                  <a:cubicBezTo>
                    <a:pt x="6065" y="17286"/>
                    <a:pt x="4515" y="17587"/>
                    <a:pt x="3748" y="17279"/>
                  </a:cubicBezTo>
                  <a:cubicBezTo>
                    <a:pt x="3633" y="17232"/>
                    <a:pt x="3531" y="17170"/>
                    <a:pt x="3466" y="17059"/>
                  </a:cubicBezTo>
                  <a:cubicBezTo>
                    <a:pt x="3415" y="16968"/>
                    <a:pt x="3382" y="16869"/>
                    <a:pt x="3368" y="16767"/>
                  </a:cubicBezTo>
                  <a:close/>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58" name="Google Shape;158;p9"/>
          <p:cNvSpPr/>
          <p:nvPr/>
        </p:nvSpPr>
        <p:spPr>
          <a:xfrm rot="7667936" flipH="1">
            <a:off x="-218397" y="3705076"/>
            <a:ext cx="1305130" cy="1685949"/>
          </a:xfrm>
          <a:custGeom>
            <a:avLst/>
            <a:gdLst/>
            <a:ahLst/>
            <a:cxnLst/>
            <a:rect l="l" t="t" r="r" b="b"/>
            <a:pathLst>
              <a:path w="15340" h="19816" extrusionOk="0">
                <a:moveTo>
                  <a:pt x="10681" y="642"/>
                </a:moveTo>
                <a:cubicBezTo>
                  <a:pt x="10567" y="642"/>
                  <a:pt x="10439" y="711"/>
                  <a:pt x="10443" y="872"/>
                </a:cubicBezTo>
                <a:cubicBezTo>
                  <a:pt x="10445" y="1032"/>
                  <a:pt x="10533" y="1127"/>
                  <a:pt x="10730" y="1127"/>
                </a:cubicBezTo>
                <a:cubicBezTo>
                  <a:pt x="10879" y="1122"/>
                  <a:pt x="10962" y="995"/>
                  <a:pt x="10936" y="856"/>
                </a:cubicBezTo>
                <a:cubicBezTo>
                  <a:pt x="10920" y="768"/>
                  <a:pt x="10790" y="649"/>
                  <a:pt x="10702" y="643"/>
                </a:cubicBezTo>
                <a:cubicBezTo>
                  <a:pt x="10695" y="642"/>
                  <a:pt x="10688" y="642"/>
                  <a:pt x="10681" y="642"/>
                </a:cubicBezTo>
                <a:close/>
                <a:moveTo>
                  <a:pt x="9153" y="1"/>
                </a:moveTo>
                <a:cubicBezTo>
                  <a:pt x="9149" y="1"/>
                  <a:pt x="9145" y="1"/>
                  <a:pt x="9141" y="1"/>
                </a:cubicBezTo>
                <a:cubicBezTo>
                  <a:pt x="8731" y="12"/>
                  <a:pt x="8557" y="221"/>
                  <a:pt x="8560" y="693"/>
                </a:cubicBezTo>
                <a:cubicBezTo>
                  <a:pt x="8560" y="1033"/>
                  <a:pt x="8865" y="1307"/>
                  <a:pt x="9254" y="1307"/>
                </a:cubicBezTo>
                <a:cubicBezTo>
                  <a:pt x="9257" y="1307"/>
                  <a:pt x="9261" y="1307"/>
                  <a:pt x="9264" y="1307"/>
                </a:cubicBezTo>
                <a:cubicBezTo>
                  <a:pt x="9482" y="1303"/>
                  <a:pt x="9757" y="1046"/>
                  <a:pt x="9753" y="645"/>
                </a:cubicBezTo>
                <a:cubicBezTo>
                  <a:pt x="9748" y="292"/>
                  <a:pt x="9477" y="1"/>
                  <a:pt x="9153" y="1"/>
                </a:cubicBezTo>
                <a:close/>
                <a:moveTo>
                  <a:pt x="14431" y="1648"/>
                </a:moveTo>
                <a:cubicBezTo>
                  <a:pt x="14289" y="1648"/>
                  <a:pt x="14168" y="1806"/>
                  <a:pt x="14168" y="1963"/>
                </a:cubicBezTo>
                <a:cubicBezTo>
                  <a:pt x="14168" y="2138"/>
                  <a:pt x="14286" y="2255"/>
                  <a:pt x="14459" y="2255"/>
                </a:cubicBezTo>
                <a:cubicBezTo>
                  <a:pt x="14462" y="2255"/>
                  <a:pt x="14466" y="2255"/>
                  <a:pt x="14469" y="2255"/>
                </a:cubicBezTo>
                <a:cubicBezTo>
                  <a:pt x="14659" y="2250"/>
                  <a:pt x="14791" y="2090"/>
                  <a:pt x="14777" y="1866"/>
                </a:cubicBezTo>
                <a:cubicBezTo>
                  <a:pt x="14766" y="1662"/>
                  <a:pt x="14589" y="1669"/>
                  <a:pt x="14457" y="1650"/>
                </a:cubicBezTo>
                <a:cubicBezTo>
                  <a:pt x="14449" y="1649"/>
                  <a:pt x="14440" y="1648"/>
                  <a:pt x="14431" y="1648"/>
                </a:cubicBezTo>
                <a:close/>
                <a:moveTo>
                  <a:pt x="11330" y="2609"/>
                </a:moveTo>
                <a:cubicBezTo>
                  <a:pt x="11277" y="2674"/>
                  <a:pt x="11189" y="2732"/>
                  <a:pt x="11175" y="2804"/>
                </a:cubicBezTo>
                <a:cubicBezTo>
                  <a:pt x="11166" y="2857"/>
                  <a:pt x="11249" y="2927"/>
                  <a:pt x="11328" y="3045"/>
                </a:cubicBezTo>
                <a:cubicBezTo>
                  <a:pt x="11418" y="2933"/>
                  <a:pt x="11520" y="2859"/>
                  <a:pt x="11506" y="2813"/>
                </a:cubicBezTo>
                <a:lnTo>
                  <a:pt x="11504" y="2811"/>
                </a:lnTo>
                <a:cubicBezTo>
                  <a:pt x="11485" y="2734"/>
                  <a:pt x="11393" y="2676"/>
                  <a:pt x="11330" y="2609"/>
                </a:cubicBezTo>
                <a:close/>
                <a:moveTo>
                  <a:pt x="6848" y="4733"/>
                </a:moveTo>
                <a:cubicBezTo>
                  <a:pt x="6626" y="4733"/>
                  <a:pt x="6465" y="4893"/>
                  <a:pt x="6452" y="5139"/>
                </a:cubicBezTo>
                <a:cubicBezTo>
                  <a:pt x="6440" y="5343"/>
                  <a:pt x="6616" y="5528"/>
                  <a:pt x="6829" y="5537"/>
                </a:cubicBezTo>
                <a:cubicBezTo>
                  <a:pt x="6839" y="5538"/>
                  <a:pt x="6848" y="5538"/>
                  <a:pt x="6857" y="5538"/>
                </a:cubicBezTo>
                <a:cubicBezTo>
                  <a:pt x="7106" y="5538"/>
                  <a:pt x="7272" y="5385"/>
                  <a:pt x="7288" y="5136"/>
                </a:cubicBezTo>
                <a:cubicBezTo>
                  <a:pt x="7297" y="4984"/>
                  <a:pt x="7047" y="4743"/>
                  <a:pt x="6866" y="4733"/>
                </a:cubicBezTo>
                <a:cubicBezTo>
                  <a:pt x="6860" y="4733"/>
                  <a:pt x="6854" y="4733"/>
                  <a:pt x="6848" y="4733"/>
                </a:cubicBezTo>
                <a:close/>
                <a:moveTo>
                  <a:pt x="7995" y="6924"/>
                </a:moveTo>
                <a:cubicBezTo>
                  <a:pt x="7987" y="6924"/>
                  <a:pt x="7958" y="6938"/>
                  <a:pt x="7932" y="6948"/>
                </a:cubicBezTo>
                <a:lnTo>
                  <a:pt x="8041" y="7045"/>
                </a:lnTo>
                <a:cubicBezTo>
                  <a:pt x="7971" y="7098"/>
                  <a:pt x="7911" y="7129"/>
                  <a:pt x="7874" y="7177"/>
                </a:cubicBezTo>
                <a:cubicBezTo>
                  <a:pt x="7853" y="7203"/>
                  <a:pt x="7860" y="7263"/>
                  <a:pt x="7876" y="7298"/>
                </a:cubicBezTo>
                <a:cubicBezTo>
                  <a:pt x="7883" y="7312"/>
                  <a:pt x="7927" y="7325"/>
                  <a:pt x="7953" y="7325"/>
                </a:cubicBezTo>
                <a:cubicBezTo>
                  <a:pt x="7960" y="7325"/>
                  <a:pt x="7966" y="7324"/>
                  <a:pt x="7969" y="7321"/>
                </a:cubicBezTo>
                <a:cubicBezTo>
                  <a:pt x="8027" y="7254"/>
                  <a:pt x="8106" y="7184"/>
                  <a:pt x="8120" y="7108"/>
                </a:cubicBezTo>
                <a:cubicBezTo>
                  <a:pt x="8129" y="7054"/>
                  <a:pt x="8043" y="6983"/>
                  <a:pt x="7997" y="6925"/>
                </a:cubicBezTo>
                <a:cubicBezTo>
                  <a:pt x="7997" y="6924"/>
                  <a:pt x="7996" y="6924"/>
                  <a:pt x="7995" y="6924"/>
                </a:cubicBezTo>
                <a:close/>
                <a:moveTo>
                  <a:pt x="13031" y="8086"/>
                </a:moveTo>
                <a:cubicBezTo>
                  <a:pt x="13023" y="8086"/>
                  <a:pt x="13015" y="8087"/>
                  <a:pt x="13007" y="8088"/>
                </a:cubicBezTo>
                <a:cubicBezTo>
                  <a:pt x="12915" y="8097"/>
                  <a:pt x="12834" y="8208"/>
                  <a:pt x="12746" y="8275"/>
                </a:cubicBezTo>
                <a:cubicBezTo>
                  <a:pt x="12743" y="8308"/>
                  <a:pt x="12743" y="8340"/>
                  <a:pt x="12743" y="8373"/>
                </a:cubicBezTo>
                <a:cubicBezTo>
                  <a:pt x="12831" y="8437"/>
                  <a:pt x="12912" y="8542"/>
                  <a:pt x="13010" y="8558"/>
                </a:cubicBezTo>
                <a:cubicBezTo>
                  <a:pt x="13024" y="8561"/>
                  <a:pt x="13038" y="8562"/>
                  <a:pt x="13052" y="8562"/>
                </a:cubicBezTo>
                <a:cubicBezTo>
                  <a:pt x="13165" y="8562"/>
                  <a:pt x="13246" y="8470"/>
                  <a:pt x="13248" y="8338"/>
                </a:cubicBezTo>
                <a:cubicBezTo>
                  <a:pt x="13250" y="8194"/>
                  <a:pt x="13160" y="8086"/>
                  <a:pt x="13031" y="8086"/>
                </a:cubicBezTo>
                <a:close/>
                <a:moveTo>
                  <a:pt x="4679" y="7798"/>
                </a:moveTo>
                <a:cubicBezTo>
                  <a:pt x="4678" y="7798"/>
                  <a:pt x="4676" y="7798"/>
                  <a:pt x="4675" y="7798"/>
                </a:cubicBezTo>
                <a:cubicBezTo>
                  <a:pt x="4439" y="7803"/>
                  <a:pt x="4316" y="7930"/>
                  <a:pt x="4318" y="8164"/>
                </a:cubicBezTo>
                <a:cubicBezTo>
                  <a:pt x="4321" y="8367"/>
                  <a:pt x="4489" y="8572"/>
                  <a:pt x="4646" y="8572"/>
                </a:cubicBezTo>
                <a:cubicBezTo>
                  <a:pt x="4649" y="8572"/>
                  <a:pt x="4652" y="8572"/>
                  <a:pt x="4654" y="8572"/>
                </a:cubicBezTo>
                <a:cubicBezTo>
                  <a:pt x="4904" y="8558"/>
                  <a:pt x="5027" y="8414"/>
                  <a:pt x="5023" y="8139"/>
                </a:cubicBezTo>
                <a:cubicBezTo>
                  <a:pt x="5020" y="7950"/>
                  <a:pt x="4867" y="7798"/>
                  <a:pt x="4679" y="7798"/>
                </a:cubicBezTo>
                <a:close/>
                <a:moveTo>
                  <a:pt x="9414" y="7409"/>
                </a:moveTo>
                <a:cubicBezTo>
                  <a:pt x="9091" y="7409"/>
                  <a:pt x="8751" y="7681"/>
                  <a:pt x="8738" y="7962"/>
                </a:cubicBezTo>
                <a:cubicBezTo>
                  <a:pt x="8720" y="8301"/>
                  <a:pt x="8914" y="8562"/>
                  <a:pt x="9206" y="8576"/>
                </a:cubicBezTo>
                <a:cubicBezTo>
                  <a:pt x="9213" y="8577"/>
                  <a:pt x="9220" y="8577"/>
                  <a:pt x="9227" y="8577"/>
                </a:cubicBezTo>
                <a:cubicBezTo>
                  <a:pt x="9501" y="8577"/>
                  <a:pt x="9908" y="8316"/>
                  <a:pt x="9892" y="8011"/>
                </a:cubicBezTo>
                <a:cubicBezTo>
                  <a:pt x="9908" y="7738"/>
                  <a:pt x="9688" y="7430"/>
                  <a:pt x="9463" y="7411"/>
                </a:cubicBezTo>
                <a:cubicBezTo>
                  <a:pt x="9447" y="7410"/>
                  <a:pt x="9430" y="7409"/>
                  <a:pt x="9414" y="7409"/>
                </a:cubicBezTo>
                <a:close/>
                <a:moveTo>
                  <a:pt x="9769" y="9112"/>
                </a:moveTo>
                <a:cubicBezTo>
                  <a:pt x="9643" y="9112"/>
                  <a:pt x="9545" y="9316"/>
                  <a:pt x="9565" y="9540"/>
                </a:cubicBezTo>
                <a:cubicBezTo>
                  <a:pt x="9570" y="9591"/>
                  <a:pt x="9635" y="9672"/>
                  <a:pt x="9683" y="9681"/>
                </a:cubicBezTo>
                <a:cubicBezTo>
                  <a:pt x="9688" y="9682"/>
                  <a:pt x="9693" y="9683"/>
                  <a:pt x="9698" y="9683"/>
                </a:cubicBezTo>
                <a:cubicBezTo>
                  <a:pt x="9819" y="9683"/>
                  <a:pt x="10037" y="9445"/>
                  <a:pt x="10068" y="9271"/>
                </a:cubicBezTo>
                <a:cubicBezTo>
                  <a:pt x="9975" y="9216"/>
                  <a:pt x="9887" y="9130"/>
                  <a:pt x="9790" y="9114"/>
                </a:cubicBezTo>
                <a:cubicBezTo>
                  <a:pt x="9783" y="9113"/>
                  <a:pt x="9776" y="9112"/>
                  <a:pt x="9769" y="9112"/>
                </a:cubicBezTo>
                <a:close/>
                <a:moveTo>
                  <a:pt x="3456" y="9931"/>
                </a:moveTo>
                <a:cubicBezTo>
                  <a:pt x="3446" y="9931"/>
                  <a:pt x="3436" y="9931"/>
                  <a:pt x="3426" y="9931"/>
                </a:cubicBezTo>
                <a:cubicBezTo>
                  <a:pt x="3413" y="9959"/>
                  <a:pt x="3406" y="9989"/>
                  <a:pt x="3408" y="10017"/>
                </a:cubicBezTo>
                <a:cubicBezTo>
                  <a:pt x="3468" y="10047"/>
                  <a:pt x="3531" y="10084"/>
                  <a:pt x="3596" y="10084"/>
                </a:cubicBezTo>
                <a:cubicBezTo>
                  <a:pt x="3651" y="10084"/>
                  <a:pt x="3707" y="10040"/>
                  <a:pt x="3762" y="10017"/>
                </a:cubicBezTo>
                <a:cubicBezTo>
                  <a:pt x="3760" y="10003"/>
                  <a:pt x="3758" y="9987"/>
                  <a:pt x="3755" y="9973"/>
                </a:cubicBezTo>
                <a:lnTo>
                  <a:pt x="3753" y="9971"/>
                </a:lnTo>
                <a:cubicBezTo>
                  <a:pt x="3702" y="9962"/>
                  <a:pt x="3651" y="9950"/>
                  <a:pt x="3600" y="9943"/>
                </a:cubicBezTo>
                <a:cubicBezTo>
                  <a:pt x="3552" y="9935"/>
                  <a:pt x="3504" y="9931"/>
                  <a:pt x="3456" y="9931"/>
                </a:cubicBezTo>
                <a:close/>
                <a:moveTo>
                  <a:pt x="6448" y="10117"/>
                </a:moveTo>
                <a:cubicBezTo>
                  <a:pt x="6411" y="10117"/>
                  <a:pt x="6329" y="10207"/>
                  <a:pt x="6218" y="10288"/>
                </a:cubicBezTo>
                <a:cubicBezTo>
                  <a:pt x="6345" y="10386"/>
                  <a:pt x="6415" y="10476"/>
                  <a:pt x="6493" y="10485"/>
                </a:cubicBezTo>
                <a:cubicBezTo>
                  <a:pt x="6495" y="10485"/>
                  <a:pt x="6496" y="10485"/>
                  <a:pt x="6497" y="10485"/>
                </a:cubicBezTo>
                <a:cubicBezTo>
                  <a:pt x="6550" y="10485"/>
                  <a:pt x="6615" y="10380"/>
                  <a:pt x="6674" y="10323"/>
                </a:cubicBezTo>
                <a:cubicBezTo>
                  <a:pt x="6605" y="10251"/>
                  <a:pt x="6542" y="10163"/>
                  <a:pt x="6456" y="10119"/>
                </a:cubicBezTo>
                <a:cubicBezTo>
                  <a:pt x="6454" y="10118"/>
                  <a:pt x="6451" y="10117"/>
                  <a:pt x="6448" y="10117"/>
                </a:cubicBezTo>
                <a:close/>
                <a:moveTo>
                  <a:pt x="8584" y="10569"/>
                </a:moveTo>
                <a:cubicBezTo>
                  <a:pt x="8580" y="10569"/>
                  <a:pt x="8576" y="10570"/>
                  <a:pt x="8571" y="10571"/>
                </a:cubicBezTo>
                <a:cubicBezTo>
                  <a:pt x="8509" y="10585"/>
                  <a:pt x="8418" y="10677"/>
                  <a:pt x="8425" y="10726"/>
                </a:cubicBezTo>
                <a:cubicBezTo>
                  <a:pt x="8432" y="10784"/>
                  <a:pt x="8525" y="10872"/>
                  <a:pt x="8585" y="10877"/>
                </a:cubicBezTo>
                <a:cubicBezTo>
                  <a:pt x="8586" y="10877"/>
                  <a:pt x="8587" y="10877"/>
                  <a:pt x="8587" y="10877"/>
                </a:cubicBezTo>
                <a:cubicBezTo>
                  <a:pt x="8642" y="10877"/>
                  <a:pt x="8702" y="10787"/>
                  <a:pt x="8812" y="10696"/>
                </a:cubicBezTo>
                <a:cubicBezTo>
                  <a:pt x="8702" y="10636"/>
                  <a:pt x="8634" y="10569"/>
                  <a:pt x="8584" y="10569"/>
                </a:cubicBezTo>
                <a:close/>
                <a:moveTo>
                  <a:pt x="9968" y="10006"/>
                </a:moveTo>
                <a:cubicBezTo>
                  <a:pt x="9914" y="10006"/>
                  <a:pt x="9865" y="10035"/>
                  <a:pt x="9811" y="10080"/>
                </a:cubicBezTo>
                <a:cubicBezTo>
                  <a:pt x="9635" y="10226"/>
                  <a:pt x="9706" y="10406"/>
                  <a:pt x="9732" y="10582"/>
                </a:cubicBezTo>
                <a:cubicBezTo>
                  <a:pt x="9773" y="10835"/>
                  <a:pt x="9834" y="10893"/>
                  <a:pt x="10070" y="10893"/>
                </a:cubicBezTo>
                <a:cubicBezTo>
                  <a:pt x="10074" y="10893"/>
                  <a:pt x="10079" y="10893"/>
                  <a:pt x="10084" y="10893"/>
                </a:cubicBezTo>
                <a:cubicBezTo>
                  <a:pt x="10334" y="10890"/>
                  <a:pt x="10473" y="10710"/>
                  <a:pt x="10427" y="10462"/>
                </a:cubicBezTo>
                <a:cubicBezTo>
                  <a:pt x="10390" y="10263"/>
                  <a:pt x="10244" y="10168"/>
                  <a:pt x="10098" y="10057"/>
                </a:cubicBezTo>
                <a:cubicBezTo>
                  <a:pt x="10050" y="10021"/>
                  <a:pt x="10008" y="10006"/>
                  <a:pt x="9968" y="10006"/>
                </a:cubicBezTo>
                <a:close/>
                <a:moveTo>
                  <a:pt x="9536" y="11164"/>
                </a:moveTo>
                <a:cubicBezTo>
                  <a:pt x="9384" y="11164"/>
                  <a:pt x="9222" y="11313"/>
                  <a:pt x="9215" y="11458"/>
                </a:cubicBezTo>
                <a:cubicBezTo>
                  <a:pt x="9204" y="11662"/>
                  <a:pt x="9391" y="11812"/>
                  <a:pt x="9702" y="11829"/>
                </a:cubicBezTo>
                <a:cubicBezTo>
                  <a:pt x="9715" y="11831"/>
                  <a:pt x="9727" y="11831"/>
                  <a:pt x="9739" y="11831"/>
                </a:cubicBezTo>
                <a:cubicBezTo>
                  <a:pt x="9846" y="11831"/>
                  <a:pt x="9920" y="11757"/>
                  <a:pt x="9929" y="11613"/>
                </a:cubicBezTo>
                <a:cubicBezTo>
                  <a:pt x="9938" y="11467"/>
                  <a:pt x="9674" y="11166"/>
                  <a:pt x="9540" y="11164"/>
                </a:cubicBezTo>
                <a:cubicBezTo>
                  <a:pt x="9538" y="11164"/>
                  <a:pt x="9537" y="11164"/>
                  <a:pt x="9536" y="11164"/>
                </a:cubicBezTo>
                <a:close/>
                <a:moveTo>
                  <a:pt x="12308" y="11587"/>
                </a:moveTo>
                <a:cubicBezTo>
                  <a:pt x="12307" y="11587"/>
                  <a:pt x="12306" y="11587"/>
                  <a:pt x="12305" y="11588"/>
                </a:cubicBezTo>
                <a:cubicBezTo>
                  <a:pt x="12241" y="11613"/>
                  <a:pt x="12185" y="11660"/>
                  <a:pt x="12146" y="11717"/>
                </a:cubicBezTo>
                <a:cubicBezTo>
                  <a:pt x="12136" y="11734"/>
                  <a:pt x="12210" y="11803"/>
                  <a:pt x="12268" y="11882"/>
                </a:cubicBezTo>
                <a:cubicBezTo>
                  <a:pt x="12333" y="11808"/>
                  <a:pt x="12396" y="11764"/>
                  <a:pt x="12407" y="11708"/>
                </a:cubicBezTo>
                <a:lnTo>
                  <a:pt x="12407" y="11706"/>
                </a:lnTo>
                <a:cubicBezTo>
                  <a:pt x="12414" y="11675"/>
                  <a:pt x="12330" y="11587"/>
                  <a:pt x="12308" y="11587"/>
                </a:cubicBezTo>
                <a:close/>
                <a:moveTo>
                  <a:pt x="10149" y="11887"/>
                </a:moveTo>
                <a:cubicBezTo>
                  <a:pt x="10135" y="11921"/>
                  <a:pt x="10121" y="11956"/>
                  <a:pt x="10109" y="11988"/>
                </a:cubicBezTo>
                <a:lnTo>
                  <a:pt x="10295" y="12104"/>
                </a:lnTo>
                <a:lnTo>
                  <a:pt x="10348" y="11942"/>
                </a:lnTo>
                <a:lnTo>
                  <a:pt x="10149" y="11887"/>
                </a:lnTo>
                <a:close/>
                <a:moveTo>
                  <a:pt x="2407" y="12322"/>
                </a:moveTo>
                <a:cubicBezTo>
                  <a:pt x="2365" y="12322"/>
                  <a:pt x="2296" y="12383"/>
                  <a:pt x="2284" y="12429"/>
                </a:cubicBezTo>
                <a:cubicBezTo>
                  <a:pt x="2275" y="12466"/>
                  <a:pt x="2338" y="12521"/>
                  <a:pt x="2386" y="12595"/>
                </a:cubicBezTo>
                <a:cubicBezTo>
                  <a:pt x="2454" y="12524"/>
                  <a:pt x="2525" y="12482"/>
                  <a:pt x="2523" y="12440"/>
                </a:cubicBezTo>
                <a:lnTo>
                  <a:pt x="2523" y="12438"/>
                </a:lnTo>
                <a:cubicBezTo>
                  <a:pt x="2521" y="12394"/>
                  <a:pt x="2451" y="12322"/>
                  <a:pt x="2410" y="12322"/>
                </a:cubicBezTo>
                <a:cubicBezTo>
                  <a:pt x="2409" y="12322"/>
                  <a:pt x="2408" y="12322"/>
                  <a:pt x="2407" y="12322"/>
                </a:cubicBezTo>
                <a:close/>
                <a:moveTo>
                  <a:pt x="10668" y="12586"/>
                </a:moveTo>
                <a:cubicBezTo>
                  <a:pt x="10665" y="12586"/>
                  <a:pt x="10662" y="12586"/>
                  <a:pt x="10658" y="12586"/>
                </a:cubicBezTo>
                <a:cubicBezTo>
                  <a:pt x="10499" y="12591"/>
                  <a:pt x="10376" y="12646"/>
                  <a:pt x="10371" y="12778"/>
                </a:cubicBezTo>
                <a:cubicBezTo>
                  <a:pt x="10374" y="12998"/>
                  <a:pt x="10496" y="13128"/>
                  <a:pt x="10654" y="13133"/>
                </a:cubicBezTo>
                <a:cubicBezTo>
                  <a:pt x="10657" y="13133"/>
                  <a:pt x="10660" y="13133"/>
                  <a:pt x="10663" y="13133"/>
                </a:cubicBezTo>
                <a:cubicBezTo>
                  <a:pt x="10819" y="13133"/>
                  <a:pt x="10948" y="13024"/>
                  <a:pt x="10943" y="12894"/>
                </a:cubicBezTo>
                <a:cubicBezTo>
                  <a:pt x="10937" y="12706"/>
                  <a:pt x="10834" y="12586"/>
                  <a:pt x="10668" y="12586"/>
                </a:cubicBezTo>
                <a:close/>
                <a:moveTo>
                  <a:pt x="1916" y="12776"/>
                </a:moveTo>
                <a:cubicBezTo>
                  <a:pt x="1870" y="12776"/>
                  <a:pt x="1825" y="12783"/>
                  <a:pt x="1782" y="12795"/>
                </a:cubicBezTo>
                <a:cubicBezTo>
                  <a:pt x="1710" y="12813"/>
                  <a:pt x="1652" y="12885"/>
                  <a:pt x="1590" y="12934"/>
                </a:cubicBezTo>
                <a:cubicBezTo>
                  <a:pt x="1407" y="13073"/>
                  <a:pt x="1386" y="13237"/>
                  <a:pt x="1532" y="13413"/>
                </a:cubicBezTo>
                <a:cubicBezTo>
                  <a:pt x="1594" y="13490"/>
                  <a:pt x="1683" y="13532"/>
                  <a:pt x="1773" y="13532"/>
                </a:cubicBezTo>
                <a:cubicBezTo>
                  <a:pt x="1856" y="13532"/>
                  <a:pt x="1940" y="13497"/>
                  <a:pt x="2004" y="13420"/>
                </a:cubicBezTo>
                <a:cubicBezTo>
                  <a:pt x="2097" y="13311"/>
                  <a:pt x="2139" y="13161"/>
                  <a:pt x="2210" y="13012"/>
                </a:cubicBezTo>
                <a:cubicBezTo>
                  <a:pt x="2155" y="12924"/>
                  <a:pt x="2127" y="12825"/>
                  <a:pt x="2067" y="12802"/>
                </a:cubicBezTo>
                <a:cubicBezTo>
                  <a:pt x="2018" y="12784"/>
                  <a:pt x="1967" y="12776"/>
                  <a:pt x="1916" y="12776"/>
                </a:cubicBezTo>
                <a:close/>
                <a:moveTo>
                  <a:pt x="12317" y="13472"/>
                </a:moveTo>
                <a:cubicBezTo>
                  <a:pt x="12310" y="13472"/>
                  <a:pt x="12302" y="13473"/>
                  <a:pt x="12294" y="13473"/>
                </a:cubicBezTo>
                <a:cubicBezTo>
                  <a:pt x="12171" y="13483"/>
                  <a:pt x="12078" y="13529"/>
                  <a:pt x="12095" y="13668"/>
                </a:cubicBezTo>
                <a:cubicBezTo>
                  <a:pt x="12108" y="13790"/>
                  <a:pt x="12113" y="13932"/>
                  <a:pt x="12359" y="13932"/>
                </a:cubicBezTo>
                <a:cubicBezTo>
                  <a:pt x="12365" y="13932"/>
                  <a:pt x="12371" y="13932"/>
                  <a:pt x="12377" y="13932"/>
                </a:cubicBezTo>
                <a:cubicBezTo>
                  <a:pt x="12414" y="13876"/>
                  <a:pt x="12514" y="13791"/>
                  <a:pt x="12523" y="13693"/>
                </a:cubicBezTo>
                <a:cubicBezTo>
                  <a:pt x="12534" y="13577"/>
                  <a:pt x="12464" y="13472"/>
                  <a:pt x="12317" y="13472"/>
                </a:cubicBezTo>
                <a:close/>
                <a:moveTo>
                  <a:pt x="14325" y="13432"/>
                </a:moveTo>
                <a:cubicBezTo>
                  <a:pt x="14154" y="13432"/>
                  <a:pt x="13936" y="13605"/>
                  <a:pt x="13934" y="13744"/>
                </a:cubicBezTo>
                <a:cubicBezTo>
                  <a:pt x="13929" y="13957"/>
                  <a:pt x="14059" y="14078"/>
                  <a:pt x="14298" y="14080"/>
                </a:cubicBezTo>
                <a:cubicBezTo>
                  <a:pt x="14301" y="14080"/>
                  <a:pt x="14304" y="14080"/>
                  <a:pt x="14307" y="14080"/>
                </a:cubicBezTo>
                <a:cubicBezTo>
                  <a:pt x="14497" y="14080"/>
                  <a:pt x="14645" y="13945"/>
                  <a:pt x="14647" y="13772"/>
                </a:cubicBezTo>
                <a:lnTo>
                  <a:pt x="14645" y="13772"/>
                </a:lnTo>
                <a:cubicBezTo>
                  <a:pt x="14645" y="13578"/>
                  <a:pt x="14511" y="13432"/>
                  <a:pt x="14325" y="13432"/>
                </a:cubicBezTo>
                <a:close/>
                <a:moveTo>
                  <a:pt x="8489" y="14230"/>
                </a:moveTo>
                <a:cubicBezTo>
                  <a:pt x="8434" y="14230"/>
                  <a:pt x="8310" y="14340"/>
                  <a:pt x="8310" y="14395"/>
                </a:cubicBezTo>
                <a:cubicBezTo>
                  <a:pt x="8310" y="14474"/>
                  <a:pt x="8407" y="14550"/>
                  <a:pt x="8500" y="14680"/>
                </a:cubicBezTo>
                <a:cubicBezTo>
                  <a:pt x="8594" y="14560"/>
                  <a:pt x="8696" y="14479"/>
                  <a:pt x="8683" y="14432"/>
                </a:cubicBezTo>
                <a:cubicBezTo>
                  <a:pt x="8657" y="14351"/>
                  <a:pt x="8574" y="14252"/>
                  <a:pt x="8497" y="14231"/>
                </a:cubicBezTo>
                <a:cubicBezTo>
                  <a:pt x="8495" y="14230"/>
                  <a:pt x="8492" y="14230"/>
                  <a:pt x="8489" y="14230"/>
                </a:cubicBezTo>
                <a:close/>
                <a:moveTo>
                  <a:pt x="4902" y="14342"/>
                </a:moveTo>
                <a:cubicBezTo>
                  <a:pt x="4899" y="14342"/>
                  <a:pt x="4895" y="14342"/>
                  <a:pt x="4890" y="14342"/>
                </a:cubicBezTo>
                <a:cubicBezTo>
                  <a:pt x="4754" y="14347"/>
                  <a:pt x="4670" y="14409"/>
                  <a:pt x="4670" y="14625"/>
                </a:cubicBezTo>
                <a:cubicBezTo>
                  <a:pt x="4714" y="14657"/>
                  <a:pt x="4784" y="14752"/>
                  <a:pt x="4865" y="14764"/>
                </a:cubicBezTo>
                <a:cubicBezTo>
                  <a:pt x="4879" y="14766"/>
                  <a:pt x="4892" y="14767"/>
                  <a:pt x="4905" y="14767"/>
                </a:cubicBezTo>
                <a:cubicBezTo>
                  <a:pt x="5024" y="14767"/>
                  <a:pt x="5092" y="14671"/>
                  <a:pt x="5092" y="14539"/>
                </a:cubicBezTo>
                <a:cubicBezTo>
                  <a:pt x="5092" y="14415"/>
                  <a:pt x="5031" y="14342"/>
                  <a:pt x="4902" y="14342"/>
                </a:cubicBezTo>
                <a:close/>
                <a:moveTo>
                  <a:pt x="274" y="16184"/>
                </a:moveTo>
                <a:cubicBezTo>
                  <a:pt x="220" y="16184"/>
                  <a:pt x="170" y="16229"/>
                  <a:pt x="121" y="16265"/>
                </a:cubicBezTo>
                <a:cubicBezTo>
                  <a:pt x="77" y="16304"/>
                  <a:pt x="38" y="16343"/>
                  <a:pt x="0" y="16387"/>
                </a:cubicBezTo>
                <a:lnTo>
                  <a:pt x="0" y="16475"/>
                </a:lnTo>
                <a:cubicBezTo>
                  <a:pt x="35" y="16508"/>
                  <a:pt x="70" y="16566"/>
                  <a:pt x="105" y="16566"/>
                </a:cubicBezTo>
                <a:cubicBezTo>
                  <a:pt x="136" y="16567"/>
                  <a:pt x="170" y="16568"/>
                  <a:pt x="204" y="16568"/>
                </a:cubicBezTo>
                <a:cubicBezTo>
                  <a:pt x="277" y="16568"/>
                  <a:pt x="350" y="16561"/>
                  <a:pt x="399" y="16526"/>
                </a:cubicBezTo>
                <a:cubicBezTo>
                  <a:pt x="505" y="16452"/>
                  <a:pt x="459" y="16339"/>
                  <a:pt x="380" y="16246"/>
                </a:cubicBezTo>
                <a:cubicBezTo>
                  <a:pt x="343" y="16200"/>
                  <a:pt x="308" y="16184"/>
                  <a:pt x="274" y="16184"/>
                </a:cubicBezTo>
                <a:close/>
                <a:moveTo>
                  <a:pt x="12273" y="17365"/>
                </a:moveTo>
                <a:cubicBezTo>
                  <a:pt x="12272" y="17365"/>
                  <a:pt x="12272" y="17365"/>
                  <a:pt x="12271" y="17365"/>
                </a:cubicBezTo>
                <a:cubicBezTo>
                  <a:pt x="12206" y="17383"/>
                  <a:pt x="12153" y="17448"/>
                  <a:pt x="12095" y="17495"/>
                </a:cubicBezTo>
                <a:lnTo>
                  <a:pt x="12259" y="17701"/>
                </a:lnTo>
                <a:cubicBezTo>
                  <a:pt x="12319" y="17613"/>
                  <a:pt x="12389" y="17560"/>
                  <a:pt x="12382" y="17511"/>
                </a:cubicBezTo>
                <a:cubicBezTo>
                  <a:pt x="12377" y="17457"/>
                  <a:pt x="12302" y="17365"/>
                  <a:pt x="12273" y="17365"/>
                </a:cubicBezTo>
                <a:close/>
                <a:moveTo>
                  <a:pt x="14793" y="17460"/>
                </a:moveTo>
                <a:cubicBezTo>
                  <a:pt x="14789" y="17460"/>
                  <a:pt x="14785" y="17460"/>
                  <a:pt x="14782" y="17460"/>
                </a:cubicBezTo>
                <a:cubicBezTo>
                  <a:pt x="14460" y="17469"/>
                  <a:pt x="14242" y="17657"/>
                  <a:pt x="14251" y="17930"/>
                </a:cubicBezTo>
                <a:cubicBezTo>
                  <a:pt x="14260" y="18173"/>
                  <a:pt x="14531" y="18515"/>
                  <a:pt x="14753" y="18515"/>
                </a:cubicBezTo>
                <a:cubicBezTo>
                  <a:pt x="14766" y="18515"/>
                  <a:pt x="14778" y="18514"/>
                  <a:pt x="14791" y="18512"/>
                </a:cubicBezTo>
                <a:cubicBezTo>
                  <a:pt x="15053" y="18509"/>
                  <a:pt x="15333" y="18285"/>
                  <a:pt x="15335" y="18078"/>
                </a:cubicBezTo>
                <a:cubicBezTo>
                  <a:pt x="15340" y="17781"/>
                  <a:pt x="15054" y="17460"/>
                  <a:pt x="14793" y="17460"/>
                </a:cubicBezTo>
                <a:close/>
                <a:moveTo>
                  <a:pt x="13623" y="18340"/>
                </a:moveTo>
                <a:cubicBezTo>
                  <a:pt x="13622" y="18340"/>
                  <a:pt x="13620" y="18340"/>
                  <a:pt x="13619" y="18340"/>
                </a:cubicBezTo>
                <a:cubicBezTo>
                  <a:pt x="13538" y="18352"/>
                  <a:pt x="13434" y="18447"/>
                  <a:pt x="13408" y="18525"/>
                </a:cubicBezTo>
                <a:cubicBezTo>
                  <a:pt x="13390" y="18588"/>
                  <a:pt x="13480" y="18683"/>
                  <a:pt x="13524" y="18762"/>
                </a:cubicBezTo>
                <a:lnTo>
                  <a:pt x="13630" y="18771"/>
                </a:lnTo>
                <a:cubicBezTo>
                  <a:pt x="13691" y="18690"/>
                  <a:pt x="13793" y="18611"/>
                  <a:pt x="13797" y="18528"/>
                </a:cubicBezTo>
                <a:cubicBezTo>
                  <a:pt x="13802" y="18467"/>
                  <a:pt x="13681" y="18340"/>
                  <a:pt x="13623" y="18340"/>
                </a:cubicBezTo>
                <a:close/>
                <a:moveTo>
                  <a:pt x="10486" y="19293"/>
                </a:moveTo>
                <a:cubicBezTo>
                  <a:pt x="10473" y="19293"/>
                  <a:pt x="10459" y="19295"/>
                  <a:pt x="10445" y="19297"/>
                </a:cubicBezTo>
                <a:cubicBezTo>
                  <a:pt x="10346" y="19313"/>
                  <a:pt x="10260" y="19431"/>
                  <a:pt x="10123" y="19538"/>
                </a:cubicBezTo>
                <a:cubicBezTo>
                  <a:pt x="10248" y="19663"/>
                  <a:pt x="10313" y="19786"/>
                  <a:pt x="10404" y="19809"/>
                </a:cubicBezTo>
                <a:cubicBezTo>
                  <a:pt x="10420" y="19813"/>
                  <a:pt x="10437" y="19815"/>
                  <a:pt x="10454" y="19815"/>
                </a:cubicBezTo>
                <a:cubicBezTo>
                  <a:pt x="10591" y="19815"/>
                  <a:pt x="10715" y="19680"/>
                  <a:pt x="10705" y="19552"/>
                </a:cubicBezTo>
                <a:cubicBezTo>
                  <a:pt x="10696" y="19406"/>
                  <a:pt x="10617" y="19293"/>
                  <a:pt x="10486" y="19293"/>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59" name="Google Shape;159;p9"/>
          <p:cNvGrpSpPr/>
          <p:nvPr/>
        </p:nvGrpSpPr>
        <p:grpSpPr>
          <a:xfrm>
            <a:off x="7800471" y="1408647"/>
            <a:ext cx="542009" cy="1370216"/>
            <a:chOff x="6086050" y="4051075"/>
            <a:chExt cx="271575" cy="686550"/>
          </a:xfrm>
        </p:grpSpPr>
        <p:sp>
          <p:nvSpPr>
            <p:cNvPr id="160" name="Google Shape;160;p9"/>
            <p:cNvSpPr/>
            <p:nvPr/>
          </p:nvSpPr>
          <p:spPr>
            <a:xfrm>
              <a:off x="6288975" y="4051075"/>
              <a:ext cx="16275" cy="283525"/>
            </a:xfrm>
            <a:custGeom>
              <a:avLst/>
              <a:gdLst/>
              <a:ahLst/>
              <a:cxnLst/>
              <a:rect l="l" t="t" r="r" b="b"/>
              <a:pathLst>
                <a:path w="651" h="11341" extrusionOk="0">
                  <a:moveTo>
                    <a:pt x="324" y="1"/>
                  </a:moveTo>
                  <a:cubicBezTo>
                    <a:pt x="257" y="1"/>
                    <a:pt x="190" y="44"/>
                    <a:pt x="190" y="129"/>
                  </a:cubicBezTo>
                  <a:lnTo>
                    <a:pt x="188" y="129"/>
                  </a:lnTo>
                  <a:lnTo>
                    <a:pt x="167" y="4454"/>
                  </a:lnTo>
                  <a:cubicBezTo>
                    <a:pt x="162" y="5184"/>
                    <a:pt x="123" y="5914"/>
                    <a:pt x="109" y="6643"/>
                  </a:cubicBezTo>
                  <a:cubicBezTo>
                    <a:pt x="93" y="7364"/>
                    <a:pt x="86" y="8084"/>
                    <a:pt x="74" y="8804"/>
                  </a:cubicBezTo>
                  <a:cubicBezTo>
                    <a:pt x="67" y="9208"/>
                    <a:pt x="58" y="9611"/>
                    <a:pt x="42" y="10016"/>
                  </a:cubicBezTo>
                  <a:lnTo>
                    <a:pt x="16" y="10621"/>
                  </a:lnTo>
                  <a:cubicBezTo>
                    <a:pt x="14" y="10716"/>
                    <a:pt x="0" y="10815"/>
                    <a:pt x="5" y="10908"/>
                  </a:cubicBezTo>
                  <a:cubicBezTo>
                    <a:pt x="12" y="11035"/>
                    <a:pt x="83" y="11137"/>
                    <a:pt x="148" y="11241"/>
                  </a:cubicBezTo>
                  <a:cubicBezTo>
                    <a:pt x="188" y="11307"/>
                    <a:pt x="255" y="11340"/>
                    <a:pt x="322" y="11340"/>
                  </a:cubicBezTo>
                  <a:cubicBezTo>
                    <a:pt x="390" y="11340"/>
                    <a:pt x="458" y="11307"/>
                    <a:pt x="498" y="11241"/>
                  </a:cubicBezTo>
                  <a:cubicBezTo>
                    <a:pt x="544" y="11165"/>
                    <a:pt x="605" y="11082"/>
                    <a:pt x="628" y="10993"/>
                  </a:cubicBezTo>
                  <a:cubicBezTo>
                    <a:pt x="651" y="10910"/>
                    <a:pt x="635" y="10820"/>
                    <a:pt x="632" y="10736"/>
                  </a:cubicBezTo>
                  <a:lnTo>
                    <a:pt x="609" y="10160"/>
                  </a:lnTo>
                  <a:cubicBezTo>
                    <a:pt x="595" y="9794"/>
                    <a:pt x="581" y="9430"/>
                    <a:pt x="574" y="9064"/>
                  </a:cubicBezTo>
                  <a:lnTo>
                    <a:pt x="542" y="6933"/>
                  </a:lnTo>
                  <a:cubicBezTo>
                    <a:pt x="530" y="6201"/>
                    <a:pt x="503" y="5471"/>
                    <a:pt x="484" y="4741"/>
                  </a:cubicBezTo>
                  <a:cubicBezTo>
                    <a:pt x="463" y="4021"/>
                    <a:pt x="475" y="3301"/>
                    <a:pt x="470" y="2580"/>
                  </a:cubicBezTo>
                  <a:lnTo>
                    <a:pt x="459" y="129"/>
                  </a:lnTo>
                  <a:cubicBezTo>
                    <a:pt x="459" y="44"/>
                    <a:pt x="391" y="1"/>
                    <a:pt x="32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 name="Google Shape;161;p9"/>
            <p:cNvSpPr/>
            <p:nvPr/>
          </p:nvSpPr>
          <p:spPr>
            <a:xfrm>
              <a:off x="6189025" y="4240975"/>
              <a:ext cx="25500" cy="344350"/>
            </a:xfrm>
            <a:custGeom>
              <a:avLst/>
              <a:gdLst/>
              <a:ahLst/>
              <a:cxnLst/>
              <a:rect l="l" t="t" r="r" b="b"/>
              <a:pathLst>
                <a:path w="1020" h="13774" extrusionOk="0">
                  <a:moveTo>
                    <a:pt x="508" y="0"/>
                  </a:moveTo>
                  <a:cubicBezTo>
                    <a:pt x="428" y="0"/>
                    <a:pt x="348" y="53"/>
                    <a:pt x="347" y="157"/>
                  </a:cubicBezTo>
                  <a:cubicBezTo>
                    <a:pt x="308" y="3567"/>
                    <a:pt x="294" y="6983"/>
                    <a:pt x="155" y="10391"/>
                  </a:cubicBezTo>
                  <a:cubicBezTo>
                    <a:pt x="118" y="11354"/>
                    <a:pt x="92" y="12320"/>
                    <a:pt x="18" y="13282"/>
                  </a:cubicBezTo>
                  <a:cubicBezTo>
                    <a:pt x="0" y="13534"/>
                    <a:pt x="250" y="13773"/>
                    <a:pt x="496" y="13773"/>
                  </a:cubicBezTo>
                  <a:cubicBezTo>
                    <a:pt x="500" y="13773"/>
                    <a:pt x="505" y="13773"/>
                    <a:pt x="509" y="13773"/>
                  </a:cubicBezTo>
                  <a:cubicBezTo>
                    <a:pt x="760" y="13761"/>
                    <a:pt x="1019" y="13555"/>
                    <a:pt x="998" y="13282"/>
                  </a:cubicBezTo>
                  <a:cubicBezTo>
                    <a:pt x="864" y="11572"/>
                    <a:pt x="841" y="9851"/>
                    <a:pt x="799" y="8137"/>
                  </a:cubicBezTo>
                  <a:cubicBezTo>
                    <a:pt x="757" y="6439"/>
                    <a:pt x="725" y="4743"/>
                    <a:pt x="704" y="3048"/>
                  </a:cubicBezTo>
                  <a:lnTo>
                    <a:pt x="669" y="157"/>
                  </a:lnTo>
                  <a:cubicBezTo>
                    <a:pt x="668" y="53"/>
                    <a:pt x="588" y="0"/>
                    <a:pt x="508"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2" name="Google Shape;162;p9"/>
            <p:cNvSpPr/>
            <p:nvPr/>
          </p:nvSpPr>
          <p:spPr>
            <a:xfrm>
              <a:off x="6328275" y="4419275"/>
              <a:ext cx="29350" cy="37875"/>
            </a:xfrm>
            <a:custGeom>
              <a:avLst/>
              <a:gdLst/>
              <a:ahLst/>
              <a:cxnLst/>
              <a:rect l="l" t="t" r="r" b="b"/>
              <a:pathLst>
                <a:path w="1174" h="1515" extrusionOk="0">
                  <a:moveTo>
                    <a:pt x="910" y="0"/>
                  </a:moveTo>
                  <a:cubicBezTo>
                    <a:pt x="844" y="0"/>
                    <a:pt x="778" y="21"/>
                    <a:pt x="728" y="64"/>
                  </a:cubicBezTo>
                  <a:cubicBezTo>
                    <a:pt x="663" y="124"/>
                    <a:pt x="603" y="186"/>
                    <a:pt x="546" y="253"/>
                  </a:cubicBezTo>
                  <a:lnTo>
                    <a:pt x="546" y="253"/>
                  </a:lnTo>
                  <a:cubicBezTo>
                    <a:pt x="331" y="374"/>
                    <a:pt x="225" y="669"/>
                    <a:pt x="112" y="873"/>
                  </a:cubicBezTo>
                  <a:cubicBezTo>
                    <a:pt x="1" y="1077"/>
                    <a:pt x="63" y="1341"/>
                    <a:pt x="267" y="1459"/>
                  </a:cubicBezTo>
                  <a:cubicBezTo>
                    <a:pt x="330" y="1496"/>
                    <a:pt x="406" y="1515"/>
                    <a:pt x="484" y="1515"/>
                  </a:cubicBezTo>
                  <a:cubicBezTo>
                    <a:pt x="634" y="1515"/>
                    <a:pt x="789" y="1445"/>
                    <a:pt x="853" y="1306"/>
                  </a:cubicBezTo>
                  <a:lnTo>
                    <a:pt x="1027" y="924"/>
                  </a:lnTo>
                  <a:cubicBezTo>
                    <a:pt x="1089" y="791"/>
                    <a:pt x="1124" y="680"/>
                    <a:pt x="1112" y="558"/>
                  </a:cubicBezTo>
                  <a:lnTo>
                    <a:pt x="1112" y="558"/>
                  </a:lnTo>
                  <a:cubicBezTo>
                    <a:pt x="1135" y="455"/>
                    <a:pt x="1150" y="349"/>
                    <a:pt x="1159" y="243"/>
                  </a:cubicBezTo>
                  <a:cubicBezTo>
                    <a:pt x="1173" y="86"/>
                    <a:pt x="1042" y="0"/>
                    <a:pt x="910"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 name="Google Shape;163;p9"/>
            <p:cNvSpPr/>
            <p:nvPr/>
          </p:nvSpPr>
          <p:spPr>
            <a:xfrm>
              <a:off x="6086050" y="4482425"/>
              <a:ext cx="19700" cy="25925"/>
            </a:xfrm>
            <a:custGeom>
              <a:avLst/>
              <a:gdLst/>
              <a:ahLst/>
              <a:cxnLst/>
              <a:rect l="l" t="t" r="r" b="b"/>
              <a:pathLst>
                <a:path w="788" h="1037" extrusionOk="0">
                  <a:moveTo>
                    <a:pt x="404" y="1"/>
                  </a:moveTo>
                  <a:cubicBezTo>
                    <a:pt x="401" y="1"/>
                    <a:pt x="397" y="1"/>
                    <a:pt x="394" y="1"/>
                  </a:cubicBezTo>
                  <a:cubicBezTo>
                    <a:pt x="56" y="17"/>
                    <a:pt x="44" y="409"/>
                    <a:pt x="19" y="661"/>
                  </a:cubicBezTo>
                  <a:cubicBezTo>
                    <a:pt x="1" y="852"/>
                    <a:pt x="197" y="1036"/>
                    <a:pt x="384" y="1036"/>
                  </a:cubicBezTo>
                  <a:cubicBezTo>
                    <a:pt x="387" y="1036"/>
                    <a:pt x="391" y="1036"/>
                    <a:pt x="394" y="1036"/>
                  </a:cubicBezTo>
                  <a:cubicBezTo>
                    <a:pt x="582" y="1027"/>
                    <a:pt x="788" y="870"/>
                    <a:pt x="769" y="661"/>
                  </a:cubicBezTo>
                  <a:cubicBezTo>
                    <a:pt x="758" y="545"/>
                    <a:pt x="753" y="422"/>
                    <a:pt x="725" y="309"/>
                  </a:cubicBezTo>
                  <a:cubicBezTo>
                    <a:pt x="689" y="166"/>
                    <a:pt x="570" y="1"/>
                    <a:pt x="40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4" name="Google Shape;164;p9"/>
            <p:cNvSpPr/>
            <p:nvPr/>
          </p:nvSpPr>
          <p:spPr>
            <a:xfrm>
              <a:off x="6276175" y="4711175"/>
              <a:ext cx="20525" cy="26450"/>
            </a:xfrm>
            <a:custGeom>
              <a:avLst/>
              <a:gdLst/>
              <a:ahLst/>
              <a:cxnLst/>
              <a:rect l="l" t="t" r="r" b="b"/>
              <a:pathLst>
                <a:path w="821" h="1058" extrusionOk="0">
                  <a:moveTo>
                    <a:pt x="410" y="1"/>
                  </a:moveTo>
                  <a:cubicBezTo>
                    <a:pt x="308" y="1"/>
                    <a:pt x="205" y="40"/>
                    <a:pt x="127" y="119"/>
                  </a:cubicBezTo>
                  <a:cubicBezTo>
                    <a:pt x="16" y="228"/>
                    <a:pt x="0" y="362"/>
                    <a:pt x="23" y="508"/>
                  </a:cubicBezTo>
                  <a:lnTo>
                    <a:pt x="23" y="510"/>
                  </a:lnTo>
                  <a:cubicBezTo>
                    <a:pt x="33" y="598"/>
                    <a:pt x="51" y="686"/>
                    <a:pt x="81" y="770"/>
                  </a:cubicBezTo>
                  <a:cubicBezTo>
                    <a:pt x="133" y="903"/>
                    <a:pt x="235" y="1057"/>
                    <a:pt x="396" y="1057"/>
                  </a:cubicBezTo>
                  <a:cubicBezTo>
                    <a:pt x="401" y="1057"/>
                    <a:pt x="405" y="1057"/>
                    <a:pt x="410" y="1057"/>
                  </a:cubicBezTo>
                  <a:cubicBezTo>
                    <a:pt x="695" y="1046"/>
                    <a:pt x="762" y="735"/>
                    <a:pt x="797" y="508"/>
                  </a:cubicBezTo>
                  <a:cubicBezTo>
                    <a:pt x="820" y="369"/>
                    <a:pt x="809" y="223"/>
                    <a:pt x="695" y="119"/>
                  </a:cubicBezTo>
                  <a:cubicBezTo>
                    <a:pt x="616" y="40"/>
                    <a:pt x="513" y="1"/>
                    <a:pt x="410"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65" name="Google Shape;165;p9"/>
          <p:cNvSpPr txBox="1">
            <a:spLocks noGrp="1"/>
          </p:cNvSpPr>
          <p:nvPr>
            <p:ph type="title"/>
          </p:nvPr>
        </p:nvSpPr>
        <p:spPr>
          <a:xfrm>
            <a:off x="715100" y="1103850"/>
            <a:ext cx="4380000" cy="841800"/>
          </a:xfrm>
          <a:prstGeom prst="rect">
            <a:avLst/>
          </a:prstGeom>
        </p:spPr>
        <p:txBody>
          <a:bodyPr spcFirstLastPara="1" wrap="square" lIns="91425" tIns="91425" rIns="91425" bIns="91425" anchor="ctr" anchorCtr="0">
            <a:noAutofit/>
          </a:bodyPr>
          <a:lstStyle>
            <a:lvl1pPr lvl="0" rtl="0">
              <a:spcBef>
                <a:spcPts val="0"/>
              </a:spcBef>
              <a:spcAft>
                <a:spcPts val="0"/>
              </a:spcAft>
              <a:buSzPts val="3600"/>
              <a:buNone/>
              <a:defRPr sz="5000"/>
            </a:lvl1pPr>
            <a:lvl2pPr lvl="1" algn="ctr" rtl="0">
              <a:spcBef>
                <a:spcPts val="0"/>
              </a:spcBef>
              <a:spcAft>
                <a:spcPts val="0"/>
              </a:spcAft>
              <a:buSzPts val="3600"/>
              <a:buNone/>
              <a:defRPr sz="3600"/>
            </a:lvl2pPr>
            <a:lvl3pPr lvl="2" algn="ctr" rtl="0">
              <a:spcBef>
                <a:spcPts val="0"/>
              </a:spcBef>
              <a:spcAft>
                <a:spcPts val="0"/>
              </a:spcAft>
              <a:buSzPts val="3600"/>
              <a:buNone/>
              <a:defRPr sz="3600"/>
            </a:lvl3pPr>
            <a:lvl4pPr lvl="3" algn="ctr" rtl="0">
              <a:spcBef>
                <a:spcPts val="0"/>
              </a:spcBef>
              <a:spcAft>
                <a:spcPts val="0"/>
              </a:spcAft>
              <a:buSzPts val="3600"/>
              <a:buNone/>
              <a:defRPr sz="3600"/>
            </a:lvl4pPr>
            <a:lvl5pPr lvl="4" algn="ctr" rtl="0">
              <a:spcBef>
                <a:spcPts val="0"/>
              </a:spcBef>
              <a:spcAft>
                <a:spcPts val="0"/>
              </a:spcAft>
              <a:buSzPts val="3600"/>
              <a:buNone/>
              <a:defRPr sz="3600"/>
            </a:lvl5pPr>
            <a:lvl6pPr lvl="5" algn="ctr" rtl="0">
              <a:spcBef>
                <a:spcPts val="0"/>
              </a:spcBef>
              <a:spcAft>
                <a:spcPts val="0"/>
              </a:spcAft>
              <a:buSzPts val="3600"/>
              <a:buNone/>
              <a:defRPr sz="3600"/>
            </a:lvl6pPr>
            <a:lvl7pPr lvl="6" algn="ctr" rtl="0">
              <a:spcBef>
                <a:spcPts val="0"/>
              </a:spcBef>
              <a:spcAft>
                <a:spcPts val="0"/>
              </a:spcAft>
              <a:buSzPts val="3600"/>
              <a:buNone/>
              <a:defRPr sz="3600"/>
            </a:lvl7pPr>
            <a:lvl8pPr lvl="7" algn="ctr" rtl="0">
              <a:spcBef>
                <a:spcPts val="0"/>
              </a:spcBef>
              <a:spcAft>
                <a:spcPts val="0"/>
              </a:spcAft>
              <a:buSzPts val="3600"/>
              <a:buNone/>
              <a:defRPr sz="3600"/>
            </a:lvl8pPr>
            <a:lvl9pPr lvl="8" algn="ctr" rtl="0">
              <a:spcBef>
                <a:spcPts val="0"/>
              </a:spcBef>
              <a:spcAft>
                <a:spcPts val="0"/>
              </a:spcAft>
              <a:buSzPts val="3600"/>
              <a:buNone/>
              <a:defRPr sz="3600"/>
            </a:lvl9pPr>
          </a:lstStyle>
          <a:p>
            <a:endParaRPr/>
          </a:p>
        </p:txBody>
      </p:sp>
      <p:sp>
        <p:nvSpPr>
          <p:cNvPr id="166" name="Google Shape;166;p9"/>
          <p:cNvSpPr txBox="1">
            <a:spLocks noGrp="1"/>
          </p:cNvSpPr>
          <p:nvPr>
            <p:ph type="subTitle" idx="1"/>
          </p:nvPr>
        </p:nvSpPr>
        <p:spPr>
          <a:xfrm>
            <a:off x="715100" y="1793250"/>
            <a:ext cx="5386500" cy="1484400"/>
          </a:xfrm>
          <a:prstGeom prst="rect">
            <a:avLst/>
          </a:prstGeom>
        </p:spPr>
        <p:txBody>
          <a:bodyPr spcFirstLastPara="1" wrap="square" lIns="91425" tIns="91425" rIns="91425" bIns="91425" anchor="ctr" anchorCtr="0">
            <a:noAutofit/>
          </a:bodyPr>
          <a:lstStyle>
            <a:lvl1pPr lvl="0" rtl="0">
              <a:lnSpc>
                <a:spcPct val="100000"/>
              </a:lnSpc>
              <a:spcBef>
                <a:spcPts val="0"/>
              </a:spcBef>
              <a:spcAft>
                <a:spcPts val="0"/>
              </a:spcAft>
              <a:buSzPts val="1400"/>
              <a:buNone/>
              <a:defRPr sz="1600"/>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grpSp>
        <p:nvGrpSpPr>
          <p:cNvPr id="167" name="Google Shape;167;p9"/>
          <p:cNvGrpSpPr/>
          <p:nvPr/>
        </p:nvGrpSpPr>
        <p:grpSpPr>
          <a:xfrm>
            <a:off x="7029324" y="-1128955"/>
            <a:ext cx="2622810" cy="2104290"/>
            <a:chOff x="7029324" y="-1128955"/>
            <a:chExt cx="2622810" cy="2104290"/>
          </a:xfrm>
        </p:grpSpPr>
        <p:sp>
          <p:nvSpPr>
            <p:cNvPr id="168" name="Google Shape;168;p9"/>
            <p:cNvSpPr/>
            <p:nvPr/>
          </p:nvSpPr>
          <p:spPr>
            <a:xfrm>
              <a:off x="7029324" y="-2307"/>
              <a:ext cx="2456531" cy="977642"/>
            </a:xfrm>
            <a:custGeom>
              <a:avLst/>
              <a:gdLst/>
              <a:ahLst/>
              <a:cxnLst/>
              <a:rect l="l" t="t" r="r" b="b"/>
              <a:pathLst>
                <a:path w="34497" h="13729" extrusionOk="0">
                  <a:moveTo>
                    <a:pt x="35" y="0"/>
                  </a:moveTo>
                  <a:cubicBezTo>
                    <a:pt x="19" y="0"/>
                    <a:pt x="1" y="14"/>
                    <a:pt x="5" y="34"/>
                  </a:cubicBezTo>
                  <a:lnTo>
                    <a:pt x="8" y="36"/>
                  </a:lnTo>
                  <a:cubicBezTo>
                    <a:pt x="239" y="1405"/>
                    <a:pt x="631" y="2746"/>
                    <a:pt x="1207" y="4011"/>
                  </a:cubicBezTo>
                  <a:cubicBezTo>
                    <a:pt x="1782" y="5269"/>
                    <a:pt x="2495" y="6483"/>
                    <a:pt x="3422" y="7513"/>
                  </a:cubicBezTo>
                  <a:cubicBezTo>
                    <a:pt x="5236" y="9538"/>
                    <a:pt x="7909" y="10849"/>
                    <a:pt x="10640" y="10914"/>
                  </a:cubicBezTo>
                  <a:cubicBezTo>
                    <a:pt x="10698" y="10915"/>
                    <a:pt x="10756" y="10916"/>
                    <a:pt x="10814" y="10916"/>
                  </a:cubicBezTo>
                  <a:cubicBezTo>
                    <a:pt x="12243" y="10916"/>
                    <a:pt x="13587" y="10509"/>
                    <a:pt x="14914" y="9994"/>
                  </a:cubicBezTo>
                  <a:cubicBezTo>
                    <a:pt x="16299" y="9457"/>
                    <a:pt x="17698" y="8855"/>
                    <a:pt x="19209" y="8813"/>
                  </a:cubicBezTo>
                  <a:cubicBezTo>
                    <a:pt x="19265" y="8811"/>
                    <a:pt x="19321" y="8811"/>
                    <a:pt x="19378" y="8811"/>
                  </a:cubicBezTo>
                  <a:cubicBezTo>
                    <a:pt x="19996" y="8811"/>
                    <a:pt x="20627" y="8907"/>
                    <a:pt x="21189" y="9172"/>
                  </a:cubicBezTo>
                  <a:cubicBezTo>
                    <a:pt x="21842" y="9480"/>
                    <a:pt x="22340" y="9987"/>
                    <a:pt x="22834" y="10504"/>
                  </a:cubicBezTo>
                  <a:cubicBezTo>
                    <a:pt x="23306" y="10997"/>
                    <a:pt x="23788" y="11463"/>
                    <a:pt x="24337" y="11871"/>
                  </a:cubicBezTo>
                  <a:cubicBezTo>
                    <a:pt x="24842" y="12244"/>
                    <a:pt x="25389" y="12561"/>
                    <a:pt x="25963" y="12818"/>
                  </a:cubicBezTo>
                  <a:cubicBezTo>
                    <a:pt x="27273" y="13403"/>
                    <a:pt x="28745" y="13729"/>
                    <a:pt x="30208" y="13729"/>
                  </a:cubicBezTo>
                  <a:cubicBezTo>
                    <a:pt x="31347" y="13729"/>
                    <a:pt x="32481" y="13531"/>
                    <a:pt x="33529" y="13103"/>
                  </a:cubicBezTo>
                  <a:cubicBezTo>
                    <a:pt x="33684" y="13040"/>
                    <a:pt x="33848" y="12973"/>
                    <a:pt x="33992" y="12885"/>
                  </a:cubicBezTo>
                  <a:cubicBezTo>
                    <a:pt x="34133" y="12797"/>
                    <a:pt x="34247" y="12658"/>
                    <a:pt x="34360" y="12538"/>
                  </a:cubicBezTo>
                  <a:cubicBezTo>
                    <a:pt x="34497" y="12390"/>
                    <a:pt x="34419" y="12085"/>
                    <a:pt x="34197" y="12085"/>
                  </a:cubicBezTo>
                  <a:cubicBezTo>
                    <a:pt x="34189" y="12085"/>
                    <a:pt x="34181" y="12085"/>
                    <a:pt x="34173" y="12086"/>
                  </a:cubicBezTo>
                  <a:cubicBezTo>
                    <a:pt x="34020" y="12100"/>
                    <a:pt x="33848" y="12093"/>
                    <a:pt x="33698" y="12128"/>
                  </a:cubicBezTo>
                  <a:cubicBezTo>
                    <a:pt x="33540" y="12165"/>
                    <a:pt x="33381" y="12234"/>
                    <a:pt x="33225" y="12290"/>
                  </a:cubicBezTo>
                  <a:cubicBezTo>
                    <a:pt x="32940" y="12389"/>
                    <a:pt x="32653" y="12478"/>
                    <a:pt x="32359" y="12549"/>
                  </a:cubicBezTo>
                  <a:cubicBezTo>
                    <a:pt x="31738" y="12702"/>
                    <a:pt x="31210" y="12793"/>
                    <a:pt x="30594" y="12825"/>
                  </a:cubicBezTo>
                  <a:cubicBezTo>
                    <a:pt x="30408" y="12836"/>
                    <a:pt x="30223" y="12842"/>
                    <a:pt x="30037" y="12842"/>
                  </a:cubicBezTo>
                  <a:cubicBezTo>
                    <a:pt x="29001" y="12842"/>
                    <a:pt x="27970" y="12667"/>
                    <a:pt x="26987" y="12327"/>
                  </a:cubicBezTo>
                  <a:cubicBezTo>
                    <a:pt x="25868" y="11942"/>
                    <a:pt x="24775" y="11322"/>
                    <a:pt x="23885" y="10506"/>
                  </a:cubicBezTo>
                  <a:cubicBezTo>
                    <a:pt x="23355" y="10022"/>
                    <a:pt x="22871" y="9494"/>
                    <a:pt x="22296" y="9063"/>
                  </a:cubicBezTo>
                  <a:cubicBezTo>
                    <a:pt x="21733" y="8641"/>
                    <a:pt x="21076" y="8366"/>
                    <a:pt x="20383" y="8259"/>
                  </a:cubicBezTo>
                  <a:cubicBezTo>
                    <a:pt x="20084" y="8212"/>
                    <a:pt x="19786" y="8191"/>
                    <a:pt x="19489" y="8191"/>
                  </a:cubicBezTo>
                  <a:cubicBezTo>
                    <a:pt x="18348" y="8191"/>
                    <a:pt x="17224" y="8507"/>
                    <a:pt x="16158" y="8917"/>
                  </a:cubicBezTo>
                  <a:cubicBezTo>
                    <a:pt x="14752" y="9457"/>
                    <a:pt x="13376" y="10138"/>
                    <a:pt x="11870" y="10358"/>
                  </a:cubicBezTo>
                  <a:cubicBezTo>
                    <a:pt x="11484" y="10415"/>
                    <a:pt x="11095" y="10442"/>
                    <a:pt x="10707" y="10442"/>
                  </a:cubicBezTo>
                  <a:cubicBezTo>
                    <a:pt x="8417" y="10442"/>
                    <a:pt x="6135" y="9490"/>
                    <a:pt x="4413" y="8004"/>
                  </a:cubicBezTo>
                  <a:cubicBezTo>
                    <a:pt x="3387" y="7117"/>
                    <a:pt x="2437" y="6054"/>
                    <a:pt x="1770" y="4868"/>
                  </a:cubicBezTo>
                  <a:cubicBezTo>
                    <a:pt x="1087" y="3659"/>
                    <a:pt x="591" y="2350"/>
                    <a:pt x="265" y="1000"/>
                  </a:cubicBezTo>
                  <a:cubicBezTo>
                    <a:pt x="186" y="675"/>
                    <a:pt x="116" y="349"/>
                    <a:pt x="56" y="20"/>
                  </a:cubicBezTo>
                  <a:cubicBezTo>
                    <a:pt x="54" y="6"/>
                    <a:pt x="45" y="0"/>
                    <a:pt x="3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 name="Google Shape;169;p9"/>
            <p:cNvSpPr/>
            <p:nvPr/>
          </p:nvSpPr>
          <p:spPr>
            <a:xfrm>
              <a:off x="7241820" y="-305742"/>
              <a:ext cx="2066229" cy="844835"/>
            </a:xfrm>
            <a:custGeom>
              <a:avLst/>
              <a:gdLst/>
              <a:ahLst/>
              <a:cxnLst/>
              <a:rect l="l" t="t" r="r" b="b"/>
              <a:pathLst>
                <a:path w="29016" h="11864" extrusionOk="0">
                  <a:moveTo>
                    <a:pt x="215" y="0"/>
                  </a:moveTo>
                  <a:cubicBezTo>
                    <a:pt x="176" y="0"/>
                    <a:pt x="136" y="25"/>
                    <a:pt x="132" y="74"/>
                  </a:cubicBezTo>
                  <a:lnTo>
                    <a:pt x="134" y="72"/>
                  </a:lnTo>
                  <a:lnTo>
                    <a:pt x="134" y="72"/>
                  </a:lnTo>
                  <a:cubicBezTo>
                    <a:pt x="0" y="2481"/>
                    <a:pt x="649" y="4932"/>
                    <a:pt x="1916" y="6982"/>
                  </a:cubicBezTo>
                  <a:cubicBezTo>
                    <a:pt x="2553" y="8015"/>
                    <a:pt x="3352" y="8941"/>
                    <a:pt x="4281" y="9724"/>
                  </a:cubicBezTo>
                  <a:cubicBezTo>
                    <a:pt x="5226" y="10517"/>
                    <a:pt x="6347" y="11147"/>
                    <a:pt x="7577" y="11348"/>
                  </a:cubicBezTo>
                  <a:cubicBezTo>
                    <a:pt x="7912" y="11403"/>
                    <a:pt x="8243" y="11428"/>
                    <a:pt x="8572" y="11428"/>
                  </a:cubicBezTo>
                  <a:cubicBezTo>
                    <a:pt x="10620" y="11428"/>
                    <a:pt x="12553" y="10466"/>
                    <a:pt x="14478" y="9836"/>
                  </a:cubicBezTo>
                  <a:cubicBezTo>
                    <a:pt x="15465" y="9512"/>
                    <a:pt x="16470" y="9273"/>
                    <a:pt x="17505" y="9273"/>
                  </a:cubicBezTo>
                  <a:cubicBezTo>
                    <a:pt x="17634" y="9273"/>
                    <a:pt x="17763" y="9277"/>
                    <a:pt x="17892" y="9284"/>
                  </a:cubicBezTo>
                  <a:cubicBezTo>
                    <a:pt x="19004" y="9351"/>
                    <a:pt x="20118" y="9699"/>
                    <a:pt x="21179" y="10095"/>
                  </a:cubicBezTo>
                  <a:cubicBezTo>
                    <a:pt x="23160" y="10832"/>
                    <a:pt x="25183" y="11863"/>
                    <a:pt x="27337" y="11863"/>
                  </a:cubicBezTo>
                  <a:cubicBezTo>
                    <a:pt x="27506" y="11863"/>
                    <a:pt x="27676" y="11857"/>
                    <a:pt x="27846" y="11844"/>
                  </a:cubicBezTo>
                  <a:cubicBezTo>
                    <a:pt x="28138" y="11823"/>
                    <a:pt x="28430" y="11772"/>
                    <a:pt x="28713" y="11691"/>
                  </a:cubicBezTo>
                  <a:cubicBezTo>
                    <a:pt x="28902" y="11635"/>
                    <a:pt x="29016" y="11438"/>
                    <a:pt x="28967" y="11246"/>
                  </a:cubicBezTo>
                  <a:cubicBezTo>
                    <a:pt x="28917" y="11064"/>
                    <a:pt x="28765" y="10986"/>
                    <a:pt x="28599" y="10986"/>
                  </a:cubicBezTo>
                  <a:cubicBezTo>
                    <a:pt x="28573" y="10986"/>
                    <a:pt x="28547" y="10988"/>
                    <a:pt x="28520" y="10991"/>
                  </a:cubicBezTo>
                  <a:cubicBezTo>
                    <a:pt x="28268" y="11026"/>
                    <a:pt x="28020" y="11056"/>
                    <a:pt x="27740" y="11072"/>
                  </a:cubicBezTo>
                  <a:cubicBezTo>
                    <a:pt x="27610" y="11080"/>
                    <a:pt x="27481" y="11084"/>
                    <a:pt x="27351" y="11084"/>
                  </a:cubicBezTo>
                  <a:cubicBezTo>
                    <a:pt x="27204" y="11084"/>
                    <a:pt x="27057" y="11079"/>
                    <a:pt x="26910" y="11068"/>
                  </a:cubicBezTo>
                  <a:cubicBezTo>
                    <a:pt x="26394" y="11033"/>
                    <a:pt x="25907" y="10940"/>
                    <a:pt x="25370" y="10799"/>
                  </a:cubicBezTo>
                  <a:cubicBezTo>
                    <a:pt x="24265" y="10510"/>
                    <a:pt x="23204" y="10069"/>
                    <a:pt x="22136" y="9662"/>
                  </a:cubicBezTo>
                  <a:cubicBezTo>
                    <a:pt x="21071" y="9254"/>
                    <a:pt x="19986" y="8863"/>
                    <a:pt x="18856" y="8682"/>
                  </a:cubicBezTo>
                  <a:cubicBezTo>
                    <a:pt x="18422" y="8613"/>
                    <a:pt x="17984" y="8569"/>
                    <a:pt x="17546" y="8569"/>
                  </a:cubicBezTo>
                  <a:cubicBezTo>
                    <a:pt x="17411" y="8569"/>
                    <a:pt x="17276" y="8574"/>
                    <a:pt x="17142" y="8582"/>
                  </a:cubicBezTo>
                  <a:cubicBezTo>
                    <a:pt x="16537" y="8626"/>
                    <a:pt x="15940" y="8728"/>
                    <a:pt x="15358" y="8890"/>
                  </a:cubicBezTo>
                  <a:cubicBezTo>
                    <a:pt x="14214" y="9198"/>
                    <a:pt x="13123" y="9676"/>
                    <a:pt x="12018" y="10095"/>
                  </a:cubicBezTo>
                  <a:cubicBezTo>
                    <a:pt x="10962" y="10493"/>
                    <a:pt x="9859" y="10873"/>
                    <a:pt x="8724" y="10940"/>
                  </a:cubicBezTo>
                  <a:cubicBezTo>
                    <a:pt x="8612" y="10947"/>
                    <a:pt x="8501" y="10951"/>
                    <a:pt x="8390" y="10951"/>
                  </a:cubicBezTo>
                  <a:cubicBezTo>
                    <a:pt x="7301" y="10951"/>
                    <a:pt x="6263" y="10624"/>
                    <a:pt x="5323" y="10060"/>
                  </a:cubicBezTo>
                  <a:cubicBezTo>
                    <a:pt x="4288" y="9439"/>
                    <a:pt x="3394" y="8578"/>
                    <a:pt x="2659" y="7621"/>
                  </a:cubicBezTo>
                  <a:cubicBezTo>
                    <a:pt x="1195" y="5715"/>
                    <a:pt x="343" y="3361"/>
                    <a:pt x="276" y="957"/>
                  </a:cubicBezTo>
                  <a:cubicBezTo>
                    <a:pt x="269" y="662"/>
                    <a:pt x="271" y="368"/>
                    <a:pt x="287" y="74"/>
                  </a:cubicBezTo>
                  <a:cubicBezTo>
                    <a:pt x="290" y="24"/>
                    <a:pt x="253" y="0"/>
                    <a:pt x="215"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0" name="Google Shape;170;p9"/>
            <p:cNvSpPr/>
            <p:nvPr/>
          </p:nvSpPr>
          <p:spPr>
            <a:xfrm>
              <a:off x="7142551" y="-1128955"/>
              <a:ext cx="2509583" cy="1348504"/>
            </a:xfrm>
            <a:custGeom>
              <a:avLst/>
              <a:gdLst/>
              <a:ahLst/>
              <a:cxnLst/>
              <a:rect l="l" t="t" r="r" b="b"/>
              <a:pathLst>
                <a:path w="35242" h="18937" extrusionOk="0">
                  <a:moveTo>
                    <a:pt x="109" y="0"/>
                  </a:moveTo>
                  <a:cubicBezTo>
                    <a:pt x="54" y="0"/>
                    <a:pt x="1" y="55"/>
                    <a:pt x="41" y="112"/>
                  </a:cubicBezTo>
                  <a:lnTo>
                    <a:pt x="44" y="112"/>
                  </a:lnTo>
                  <a:cubicBezTo>
                    <a:pt x="2152" y="3026"/>
                    <a:pt x="3845" y="6223"/>
                    <a:pt x="5073" y="9605"/>
                  </a:cubicBezTo>
                  <a:cubicBezTo>
                    <a:pt x="5677" y="11266"/>
                    <a:pt x="6087" y="13005"/>
                    <a:pt x="6805" y="14622"/>
                  </a:cubicBezTo>
                  <a:cubicBezTo>
                    <a:pt x="7440" y="16051"/>
                    <a:pt x="8404" y="17404"/>
                    <a:pt x="9814" y="18155"/>
                  </a:cubicBezTo>
                  <a:cubicBezTo>
                    <a:pt x="10442" y="18488"/>
                    <a:pt x="11137" y="18688"/>
                    <a:pt x="11851" y="18699"/>
                  </a:cubicBezTo>
                  <a:cubicBezTo>
                    <a:pt x="11872" y="18699"/>
                    <a:pt x="11893" y="18700"/>
                    <a:pt x="11914" y="18700"/>
                  </a:cubicBezTo>
                  <a:cubicBezTo>
                    <a:pt x="12532" y="18700"/>
                    <a:pt x="13145" y="18570"/>
                    <a:pt x="13727" y="18375"/>
                  </a:cubicBezTo>
                  <a:cubicBezTo>
                    <a:pt x="15003" y="17944"/>
                    <a:pt x="16148" y="17221"/>
                    <a:pt x="17366" y="16663"/>
                  </a:cubicBezTo>
                  <a:cubicBezTo>
                    <a:pt x="18191" y="16283"/>
                    <a:pt x="19096" y="15961"/>
                    <a:pt x="20008" y="15961"/>
                  </a:cubicBezTo>
                  <a:cubicBezTo>
                    <a:pt x="20330" y="15961"/>
                    <a:pt x="20652" y="16001"/>
                    <a:pt x="20973" y="16093"/>
                  </a:cubicBezTo>
                  <a:cubicBezTo>
                    <a:pt x="21795" y="16329"/>
                    <a:pt x="22453" y="16883"/>
                    <a:pt x="23162" y="17332"/>
                  </a:cubicBezTo>
                  <a:cubicBezTo>
                    <a:pt x="23817" y="17747"/>
                    <a:pt x="24517" y="18085"/>
                    <a:pt x="25247" y="18340"/>
                  </a:cubicBezTo>
                  <a:cubicBezTo>
                    <a:pt x="26379" y="18739"/>
                    <a:pt x="27581" y="18936"/>
                    <a:pt x="28784" y="18936"/>
                  </a:cubicBezTo>
                  <a:cubicBezTo>
                    <a:pt x="30679" y="18936"/>
                    <a:pt x="32575" y="18445"/>
                    <a:pt x="34202" y="17476"/>
                  </a:cubicBezTo>
                  <a:cubicBezTo>
                    <a:pt x="34529" y="17279"/>
                    <a:pt x="34820" y="17034"/>
                    <a:pt x="35071" y="16746"/>
                  </a:cubicBezTo>
                  <a:cubicBezTo>
                    <a:pt x="35242" y="16556"/>
                    <a:pt x="35091" y="16308"/>
                    <a:pt x="34880" y="16308"/>
                  </a:cubicBezTo>
                  <a:cubicBezTo>
                    <a:pt x="34840" y="16308"/>
                    <a:pt x="34798" y="16316"/>
                    <a:pt x="34756" y="16336"/>
                  </a:cubicBezTo>
                  <a:cubicBezTo>
                    <a:pt x="34589" y="16415"/>
                    <a:pt x="34410" y="16478"/>
                    <a:pt x="34251" y="16570"/>
                  </a:cubicBezTo>
                  <a:cubicBezTo>
                    <a:pt x="34077" y="16672"/>
                    <a:pt x="33899" y="16770"/>
                    <a:pt x="33722" y="16869"/>
                  </a:cubicBezTo>
                  <a:cubicBezTo>
                    <a:pt x="33403" y="17050"/>
                    <a:pt x="33072" y="17214"/>
                    <a:pt x="32731" y="17358"/>
                  </a:cubicBezTo>
                  <a:cubicBezTo>
                    <a:pt x="32064" y="17638"/>
                    <a:pt x="31369" y="17849"/>
                    <a:pt x="30658" y="17986"/>
                  </a:cubicBezTo>
                  <a:cubicBezTo>
                    <a:pt x="30000" y="18112"/>
                    <a:pt x="29333" y="18175"/>
                    <a:pt x="28667" y="18175"/>
                  </a:cubicBezTo>
                  <a:cubicBezTo>
                    <a:pt x="27863" y="18175"/>
                    <a:pt x="27059" y="18083"/>
                    <a:pt x="26270" y="17898"/>
                  </a:cubicBezTo>
                  <a:cubicBezTo>
                    <a:pt x="25555" y="17731"/>
                    <a:pt x="24860" y="17483"/>
                    <a:pt x="24200" y="17156"/>
                  </a:cubicBezTo>
                  <a:cubicBezTo>
                    <a:pt x="23468" y="16788"/>
                    <a:pt x="22805" y="16297"/>
                    <a:pt x="22080" y="15919"/>
                  </a:cubicBezTo>
                  <a:cubicBezTo>
                    <a:pt x="21460" y="15597"/>
                    <a:pt x="20794" y="15404"/>
                    <a:pt x="20094" y="15404"/>
                  </a:cubicBezTo>
                  <a:cubicBezTo>
                    <a:pt x="20069" y="15404"/>
                    <a:pt x="20045" y="15405"/>
                    <a:pt x="20021" y="15405"/>
                  </a:cubicBezTo>
                  <a:cubicBezTo>
                    <a:pt x="19393" y="15419"/>
                    <a:pt x="18774" y="15584"/>
                    <a:pt x="18191" y="15811"/>
                  </a:cubicBezTo>
                  <a:cubicBezTo>
                    <a:pt x="16958" y="16297"/>
                    <a:pt x="15842" y="17027"/>
                    <a:pt x="14656" y="17610"/>
                  </a:cubicBezTo>
                  <a:cubicBezTo>
                    <a:pt x="13763" y="18049"/>
                    <a:pt x="12789" y="18408"/>
                    <a:pt x="11796" y="18408"/>
                  </a:cubicBezTo>
                  <a:cubicBezTo>
                    <a:pt x="11488" y="18408"/>
                    <a:pt x="11178" y="18373"/>
                    <a:pt x="10868" y="18296"/>
                  </a:cubicBezTo>
                  <a:cubicBezTo>
                    <a:pt x="9386" y="17928"/>
                    <a:pt x="8223" y="16728"/>
                    <a:pt x="7486" y="15438"/>
                  </a:cubicBezTo>
                  <a:cubicBezTo>
                    <a:pt x="6608" y="13895"/>
                    <a:pt x="6196" y="12148"/>
                    <a:pt x="5631" y="10480"/>
                  </a:cubicBezTo>
                  <a:cubicBezTo>
                    <a:pt x="4498" y="7154"/>
                    <a:pt x="2916" y="3997"/>
                    <a:pt x="929" y="1099"/>
                  </a:cubicBezTo>
                  <a:cubicBezTo>
                    <a:pt x="683" y="740"/>
                    <a:pt x="430" y="383"/>
                    <a:pt x="173" y="33"/>
                  </a:cubicBezTo>
                  <a:cubicBezTo>
                    <a:pt x="156" y="10"/>
                    <a:pt x="133" y="0"/>
                    <a:pt x="109"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Caption">
  <p:cSld name="CAPTION_ONLY">
    <p:spTree>
      <p:nvGrpSpPr>
        <p:cNvPr id="1" name="Shape 171"/>
        <p:cNvGrpSpPr/>
        <p:nvPr/>
      </p:nvGrpSpPr>
      <p:grpSpPr>
        <a:xfrm>
          <a:off x="0" y="0"/>
          <a:ext cx="0" cy="0"/>
          <a:chOff x="0" y="0"/>
          <a:chExt cx="0" cy="0"/>
        </a:xfrm>
      </p:grpSpPr>
      <p:sp>
        <p:nvSpPr>
          <p:cNvPr id="172" name="Google Shape;172;p10"/>
          <p:cNvSpPr/>
          <p:nvPr/>
        </p:nvSpPr>
        <p:spPr>
          <a:xfrm>
            <a:off x="-694150" y="4608500"/>
            <a:ext cx="10532289" cy="1659580"/>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3" name="Google Shape;173;p10"/>
          <p:cNvSpPr/>
          <p:nvPr/>
        </p:nvSpPr>
        <p:spPr>
          <a:xfrm rot="10800000" flipH="1">
            <a:off x="8672026" y="1280539"/>
            <a:ext cx="725425" cy="2141360"/>
          </a:xfrm>
          <a:custGeom>
            <a:avLst/>
            <a:gdLst/>
            <a:ahLst/>
            <a:cxnLst/>
            <a:rect l="l" t="t" r="r" b="b"/>
            <a:pathLst>
              <a:path w="5396" h="15928" extrusionOk="0">
                <a:moveTo>
                  <a:pt x="4106" y="1"/>
                </a:moveTo>
                <a:cubicBezTo>
                  <a:pt x="3916" y="1"/>
                  <a:pt x="3718" y="150"/>
                  <a:pt x="3756" y="333"/>
                </a:cubicBezTo>
                <a:lnTo>
                  <a:pt x="4360" y="98"/>
                </a:lnTo>
                <a:lnTo>
                  <a:pt x="4360" y="98"/>
                </a:lnTo>
                <a:cubicBezTo>
                  <a:pt x="4361" y="99"/>
                  <a:pt x="4362" y="100"/>
                  <a:pt x="4364" y="101"/>
                </a:cubicBezTo>
                <a:lnTo>
                  <a:pt x="4364" y="101"/>
                </a:lnTo>
                <a:cubicBezTo>
                  <a:pt x="4413" y="80"/>
                  <a:pt x="4462" y="59"/>
                  <a:pt x="4511" y="39"/>
                </a:cubicBezTo>
                <a:lnTo>
                  <a:pt x="4511" y="39"/>
                </a:lnTo>
                <a:lnTo>
                  <a:pt x="4360" y="98"/>
                </a:lnTo>
                <a:lnTo>
                  <a:pt x="4360" y="98"/>
                </a:lnTo>
                <a:cubicBezTo>
                  <a:pt x="4313" y="62"/>
                  <a:pt x="4262" y="34"/>
                  <a:pt x="4205" y="16"/>
                </a:cubicBezTo>
                <a:cubicBezTo>
                  <a:pt x="4173" y="6"/>
                  <a:pt x="4140" y="1"/>
                  <a:pt x="4106" y="1"/>
                </a:cubicBezTo>
                <a:close/>
                <a:moveTo>
                  <a:pt x="4364" y="101"/>
                </a:moveTo>
                <a:lnTo>
                  <a:pt x="4364" y="101"/>
                </a:lnTo>
                <a:cubicBezTo>
                  <a:pt x="3355" y="531"/>
                  <a:pt x="2269" y="1119"/>
                  <a:pt x="2049" y="2177"/>
                </a:cubicBezTo>
                <a:cubicBezTo>
                  <a:pt x="1942" y="2687"/>
                  <a:pt x="2065" y="3224"/>
                  <a:pt x="1963" y="3734"/>
                </a:cubicBezTo>
                <a:cubicBezTo>
                  <a:pt x="1810" y="4484"/>
                  <a:pt x="1210" y="5047"/>
                  <a:pt x="705" y="5624"/>
                </a:cubicBezTo>
                <a:cubicBezTo>
                  <a:pt x="344" y="6034"/>
                  <a:pt x="1" y="6560"/>
                  <a:pt x="133" y="7090"/>
                </a:cubicBezTo>
                <a:cubicBezTo>
                  <a:pt x="276" y="7665"/>
                  <a:pt x="902" y="7966"/>
                  <a:pt x="1222" y="8464"/>
                </a:cubicBezTo>
                <a:cubicBezTo>
                  <a:pt x="1625" y="9094"/>
                  <a:pt x="1474" y="9916"/>
                  <a:pt x="1275" y="10637"/>
                </a:cubicBezTo>
                <a:cubicBezTo>
                  <a:pt x="1076" y="11355"/>
                  <a:pt x="842" y="12133"/>
                  <a:pt x="1108" y="12830"/>
                </a:cubicBezTo>
                <a:cubicBezTo>
                  <a:pt x="1437" y="13687"/>
                  <a:pt x="2410" y="14128"/>
                  <a:pt x="2857" y="14927"/>
                </a:cubicBezTo>
                <a:cubicBezTo>
                  <a:pt x="3063" y="15295"/>
                  <a:pt x="3202" y="15782"/>
                  <a:pt x="3608" y="15902"/>
                </a:cubicBezTo>
                <a:cubicBezTo>
                  <a:pt x="3665" y="15919"/>
                  <a:pt x="3723" y="15928"/>
                  <a:pt x="3779" y="15928"/>
                </a:cubicBezTo>
                <a:cubicBezTo>
                  <a:pt x="4191" y="15928"/>
                  <a:pt x="4542" y="15486"/>
                  <a:pt x="4701" y="15070"/>
                </a:cubicBezTo>
                <a:cubicBezTo>
                  <a:pt x="4956" y="14410"/>
                  <a:pt x="5032" y="13697"/>
                  <a:pt x="5092" y="12992"/>
                </a:cubicBezTo>
                <a:cubicBezTo>
                  <a:pt x="5396" y="9504"/>
                  <a:pt x="5387" y="5995"/>
                  <a:pt x="5071" y="2508"/>
                </a:cubicBezTo>
                <a:cubicBezTo>
                  <a:pt x="5009" y="1818"/>
                  <a:pt x="4930" y="1118"/>
                  <a:pt x="4641" y="491"/>
                </a:cubicBezTo>
                <a:cubicBezTo>
                  <a:pt x="4574" y="345"/>
                  <a:pt x="4486" y="197"/>
                  <a:pt x="4364" y="10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4" name="Google Shape;174;p10"/>
          <p:cNvSpPr/>
          <p:nvPr/>
        </p:nvSpPr>
        <p:spPr>
          <a:xfrm rot="5961360" flipH="1">
            <a:off x="7564766" y="690902"/>
            <a:ext cx="2847598" cy="1151166"/>
          </a:xfrm>
          <a:custGeom>
            <a:avLst/>
            <a:gdLst/>
            <a:ahLst/>
            <a:cxnLst/>
            <a:rect l="l" t="t" r="r" b="b"/>
            <a:pathLst>
              <a:path w="31433" h="12707" fill="none" extrusionOk="0">
                <a:moveTo>
                  <a:pt x="31433" y="11416"/>
                </a:moveTo>
                <a:cubicBezTo>
                  <a:pt x="28345" y="12706"/>
                  <a:pt x="24513" y="12049"/>
                  <a:pt x="22063" y="9758"/>
                </a:cubicBezTo>
                <a:cubicBezTo>
                  <a:pt x="21465" y="9197"/>
                  <a:pt x="20934" y="8544"/>
                  <a:pt x="20230" y="8124"/>
                </a:cubicBezTo>
                <a:cubicBezTo>
                  <a:pt x="18926" y="7353"/>
                  <a:pt x="17265" y="7522"/>
                  <a:pt x="15824" y="7986"/>
                </a:cubicBezTo>
                <a:cubicBezTo>
                  <a:pt x="14381" y="8449"/>
                  <a:pt x="13021" y="9176"/>
                  <a:pt x="11537" y="9480"/>
                </a:cubicBezTo>
                <a:cubicBezTo>
                  <a:pt x="8766" y="10043"/>
                  <a:pt x="5803" y="8998"/>
                  <a:pt x="3730" y="7075"/>
                </a:cubicBezTo>
                <a:cubicBezTo>
                  <a:pt x="1743" y="5234"/>
                  <a:pt x="524" y="2665"/>
                  <a:pt x="1" y="1"/>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 name="Google Shape;175;p10"/>
          <p:cNvSpPr/>
          <p:nvPr/>
        </p:nvSpPr>
        <p:spPr>
          <a:xfrm rot="-4370582">
            <a:off x="-914847" y="-136434"/>
            <a:ext cx="2775355" cy="1342876"/>
          </a:xfrm>
          <a:custGeom>
            <a:avLst/>
            <a:gdLst/>
            <a:ahLst/>
            <a:cxnLst/>
            <a:rect l="l" t="t" r="r" b="b"/>
            <a:pathLst>
              <a:path w="21889" h="10202" extrusionOk="0">
                <a:moveTo>
                  <a:pt x="11978" y="0"/>
                </a:moveTo>
                <a:cubicBezTo>
                  <a:pt x="8962" y="0"/>
                  <a:pt x="5952" y="431"/>
                  <a:pt x="3042" y="1286"/>
                </a:cubicBezTo>
                <a:cubicBezTo>
                  <a:pt x="1552" y="1724"/>
                  <a:pt x="364" y="1400"/>
                  <a:pt x="10" y="2861"/>
                </a:cubicBezTo>
                <a:cubicBezTo>
                  <a:pt x="0" y="2905"/>
                  <a:pt x="0" y="2949"/>
                  <a:pt x="14" y="2993"/>
                </a:cubicBezTo>
                <a:lnTo>
                  <a:pt x="17" y="2993"/>
                </a:lnTo>
                <a:lnTo>
                  <a:pt x="21" y="3007"/>
                </a:lnTo>
                <a:cubicBezTo>
                  <a:pt x="350" y="4279"/>
                  <a:pt x="570" y="5122"/>
                  <a:pt x="899" y="6394"/>
                </a:cubicBezTo>
                <a:cubicBezTo>
                  <a:pt x="1251" y="7751"/>
                  <a:pt x="1823" y="9336"/>
                  <a:pt x="3188" y="9672"/>
                </a:cubicBezTo>
                <a:cubicBezTo>
                  <a:pt x="3356" y="9713"/>
                  <a:pt x="3522" y="9732"/>
                  <a:pt x="3687" y="9732"/>
                </a:cubicBezTo>
                <a:cubicBezTo>
                  <a:pt x="4873" y="9732"/>
                  <a:pt x="5960" y="8752"/>
                  <a:pt x="7061" y="8150"/>
                </a:cubicBezTo>
                <a:cubicBezTo>
                  <a:pt x="7953" y="7661"/>
                  <a:pt x="8970" y="7411"/>
                  <a:pt x="9987" y="7411"/>
                </a:cubicBezTo>
                <a:cubicBezTo>
                  <a:pt x="10613" y="7411"/>
                  <a:pt x="11239" y="7506"/>
                  <a:pt x="11835" y="7698"/>
                </a:cubicBezTo>
                <a:cubicBezTo>
                  <a:pt x="13100" y="8106"/>
                  <a:pt x="14191" y="8914"/>
                  <a:pt x="15382" y="9507"/>
                </a:cubicBezTo>
                <a:cubicBezTo>
                  <a:pt x="16175" y="9904"/>
                  <a:pt x="17071" y="10202"/>
                  <a:pt x="17943" y="10202"/>
                </a:cubicBezTo>
                <a:cubicBezTo>
                  <a:pt x="18381" y="10202"/>
                  <a:pt x="18811" y="10127"/>
                  <a:pt x="19220" y="9952"/>
                </a:cubicBezTo>
                <a:cubicBezTo>
                  <a:pt x="20742" y="9301"/>
                  <a:pt x="21416" y="7522"/>
                  <a:pt x="21680" y="5889"/>
                </a:cubicBezTo>
                <a:cubicBezTo>
                  <a:pt x="21812" y="5062"/>
                  <a:pt x="21881" y="4228"/>
                  <a:pt x="21886" y="3392"/>
                </a:cubicBezTo>
                <a:cubicBezTo>
                  <a:pt x="21888" y="3021"/>
                  <a:pt x="21872" y="2634"/>
                  <a:pt x="21689" y="2312"/>
                </a:cubicBezTo>
                <a:cubicBezTo>
                  <a:pt x="21515" y="2009"/>
                  <a:pt x="21212" y="1800"/>
                  <a:pt x="20906" y="1627"/>
                </a:cubicBezTo>
                <a:cubicBezTo>
                  <a:pt x="19665" y="918"/>
                  <a:pt x="18240" y="594"/>
                  <a:pt x="16825" y="374"/>
                </a:cubicBezTo>
                <a:cubicBezTo>
                  <a:pt x="15217" y="124"/>
                  <a:pt x="13597" y="0"/>
                  <a:pt x="11978" y="0"/>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76" name="Google Shape;176;p10"/>
          <p:cNvGrpSpPr/>
          <p:nvPr/>
        </p:nvGrpSpPr>
        <p:grpSpPr>
          <a:xfrm flipH="1">
            <a:off x="52624" y="4094982"/>
            <a:ext cx="569995" cy="1027033"/>
            <a:chOff x="7124634" y="4277738"/>
            <a:chExt cx="316981" cy="571145"/>
          </a:xfrm>
        </p:grpSpPr>
        <p:sp>
          <p:nvSpPr>
            <p:cNvPr id="177" name="Google Shape;177;p10"/>
            <p:cNvSpPr/>
            <p:nvPr/>
          </p:nvSpPr>
          <p:spPr>
            <a:xfrm>
              <a:off x="7143958" y="4332159"/>
              <a:ext cx="297657" cy="344044"/>
            </a:xfrm>
            <a:custGeom>
              <a:avLst/>
              <a:gdLst/>
              <a:ahLst/>
              <a:cxnLst/>
              <a:rect l="l" t="t" r="r" b="b"/>
              <a:pathLst>
                <a:path w="3510" h="4057" extrusionOk="0">
                  <a:moveTo>
                    <a:pt x="1839" y="1"/>
                  </a:moveTo>
                  <a:cubicBezTo>
                    <a:pt x="1185" y="1"/>
                    <a:pt x="773" y="661"/>
                    <a:pt x="846" y="1041"/>
                  </a:cubicBezTo>
                  <a:cubicBezTo>
                    <a:pt x="278" y="1076"/>
                    <a:pt x="241" y="2213"/>
                    <a:pt x="878" y="2387"/>
                  </a:cubicBezTo>
                  <a:cubicBezTo>
                    <a:pt x="878" y="2387"/>
                    <a:pt x="0" y="2834"/>
                    <a:pt x="310" y="3629"/>
                  </a:cubicBezTo>
                  <a:cubicBezTo>
                    <a:pt x="440" y="3960"/>
                    <a:pt x="660" y="4056"/>
                    <a:pt x="873" y="4056"/>
                  </a:cubicBezTo>
                  <a:cubicBezTo>
                    <a:pt x="1168" y="4056"/>
                    <a:pt x="1448" y="3870"/>
                    <a:pt x="1448" y="3870"/>
                  </a:cubicBezTo>
                  <a:cubicBezTo>
                    <a:pt x="1519" y="3921"/>
                    <a:pt x="1587" y="3939"/>
                    <a:pt x="1648" y="3939"/>
                  </a:cubicBezTo>
                  <a:cubicBezTo>
                    <a:pt x="1813" y="3939"/>
                    <a:pt x="1930" y="3802"/>
                    <a:pt x="1930" y="3800"/>
                  </a:cubicBezTo>
                  <a:cubicBezTo>
                    <a:pt x="2088" y="3863"/>
                    <a:pt x="2233" y="3891"/>
                    <a:pt x="2363" y="3891"/>
                  </a:cubicBezTo>
                  <a:cubicBezTo>
                    <a:pt x="3163" y="3891"/>
                    <a:pt x="3433" y="2856"/>
                    <a:pt x="3137" y="2619"/>
                  </a:cubicBezTo>
                  <a:cubicBezTo>
                    <a:pt x="3509" y="2029"/>
                    <a:pt x="3247" y="1374"/>
                    <a:pt x="2765" y="1374"/>
                  </a:cubicBezTo>
                  <a:cubicBezTo>
                    <a:pt x="2711" y="1374"/>
                    <a:pt x="2654" y="1383"/>
                    <a:pt x="2594" y="1400"/>
                  </a:cubicBezTo>
                  <a:cubicBezTo>
                    <a:pt x="2879" y="965"/>
                    <a:pt x="2826" y="291"/>
                    <a:pt x="2208" y="68"/>
                  </a:cubicBezTo>
                  <a:cubicBezTo>
                    <a:pt x="2078" y="22"/>
                    <a:pt x="1954" y="1"/>
                    <a:pt x="1839"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8" name="Google Shape;178;p10"/>
            <p:cNvSpPr/>
            <p:nvPr/>
          </p:nvSpPr>
          <p:spPr>
            <a:xfrm>
              <a:off x="7124634" y="4277738"/>
              <a:ext cx="301218" cy="571145"/>
            </a:xfrm>
            <a:custGeom>
              <a:avLst/>
              <a:gdLst/>
              <a:ahLst/>
              <a:cxnLst/>
              <a:rect l="l" t="t" r="r" b="b"/>
              <a:pathLst>
                <a:path w="3552" h="6735" fill="none" extrusionOk="0">
                  <a:moveTo>
                    <a:pt x="1448" y="6735"/>
                  </a:moveTo>
                  <a:lnTo>
                    <a:pt x="1448" y="4112"/>
                  </a:lnTo>
                  <a:cubicBezTo>
                    <a:pt x="1448" y="4112"/>
                    <a:pt x="621" y="4666"/>
                    <a:pt x="311" y="3871"/>
                  </a:cubicBezTo>
                  <a:cubicBezTo>
                    <a:pt x="1" y="3079"/>
                    <a:pt x="879" y="2630"/>
                    <a:pt x="879" y="2630"/>
                  </a:cubicBezTo>
                  <a:cubicBezTo>
                    <a:pt x="242" y="2458"/>
                    <a:pt x="279" y="1319"/>
                    <a:pt x="846" y="1286"/>
                  </a:cubicBezTo>
                  <a:cubicBezTo>
                    <a:pt x="760" y="837"/>
                    <a:pt x="1347" y="1"/>
                    <a:pt x="2208" y="311"/>
                  </a:cubicBezTo>
                  <a:cubicBezTo>
                    <a:pt x="2829" y="536"/>
                    <a:pt x="2880" y="1210"/>
                    <a:pt x="2595" y="1643"/>
                  </a:cubicBezTo>
                  <a:cubicBezTo>
                    <a:pt x="3181" y="1472"/>
                    <a:pt x="3552" y="2208"/>
                    <a:pt x="3139" y="2861"/>
                  </a:cubicBezTo>
                  <a:cubicBezTo>
                    <a:pt x="3482" y="3139"/>
                    <a:pt x="3061" y="4492"/>
                    <a:pt x="1930" y="4045"/>
                  </a:cubicBezTo>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79" name="Google Shape;179;p10"/>
          <p:cNvSpPr/>
          <p:nvPr/>
        </p:nvSpPr>
        <p:spPr>
          <a:xfrm rot="10800000" flipH="1">
            <a:off x="-867650" y="-216910"/>
            <a:ext cx="1490287" cy="1924102"/>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0" name="Google Shape;180;p10"/>
          <p:cNvSpPr txBox="1">
            <a:spLocks noGrp="1"/>
          </p:cNvSpPr>
          <p:nvPr>
            <p:ph type="title"/>
          </p:nvPr>
        </p:nvSpPr>
        <p:spPr>
          <a:xfrm>
            <a:off x="4572000" y="598531"/>
            <a:ext cx="3852000" cy="825600"/>
          </a:xfrm>
          <a:prstGeom prst="rect">
            <a:avLst/>
          </a:prstGeom>
        </p:spPr>
        <p:txBody>
          <a:bodyPr spcFirstLastPara="1" wrap="square" lIns="91425" tIns="91425" rIns="91425" bIns="91425" anchor="ctr" anchorCtr="0">
            <a:noAutofit/>
          </a:bodyPr>
          <a:lstStyle>
            <a:lvl1pPr lvl="0" algn="r" rtl="0">
              <a:spcBef>
                <a:spcPts val="0"/>
              </a:spcBef>
              <a:spcAft>
                <a:spcPts val="0"/>
              </a:spcAft>
              <a:buSzPts val="30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Big number">
  <p:cSld name="BIG_NUMBER">
    <p:spTree>
      <p:nvGrpSpPr>
        <p:cNvPr id="1" name="Shape 181"/>
        <p:cNvGrpSpPr/>
        <p:nvPr/>
      </p:nvGrpSpPr>
      <p:grpSpPr>
        <a:xfrm>
          <a:off x="0" y="0"/>
          <a:ext cx="0" cy="0"/>
          <a:chOff x="0" y="0"/>
          <a:chExt cx="0" cy="0"/>
        </a:xfrm>
      </p:grpSpPr>
      <p:sp>
        <p:nvSpPr>
          <p:cNvPr id="182" name="Google Shape;182;p11"/>
          <p:cNvSpPr/>
          <p:nvPr/>
        </p:nvSpPr>
        <p:spPr>
          <a:xfrm flipH="1">
            <a:off x="-694150" y="363855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83" name="Google Shape;183;p11"/>
          <p:cNvGrpSpPr/>
          <p:nvPr/>
        </p:nvGrpSpPr>
        <p:grpSpPr>
          <a:xfrm>
            <a:off x="6823666" y="4317551"/>
            <a:ext cx="2635586" cy="1388937"/>
            <a:chOff x="6823666" y="4317551"/>
            <a:chExt cx="2635586" cy="1388937"/>
          </a:xfrm>
        </p:grpSpPr>
        <p:sp>
          <p:nvSpPr>
            <p:cNvPr id="184" name="Google Shape;184;p11"/>
            <p:cNvSpPr/>
            <p:nvPr/>
          </p:nvSpPr>
          <p:spPr>
            <a:xfrm rot="10501061">
              <a:off x="6869775" y="4425779"/>
              <a:ext cx="2543368" cy="1172480"/>
            </a:xfrm>
            <a:custGeom>
              <a:avLst/>
              <a:gdLst/>
              <a:ahLst/>
              <a:cxnLst/>
              <a:rect l="l" t="t" r="r" b="b"/>
              <a:pathLst>
                <a:path w="40905" h="18857" extrusionOk="0">
                  <a:moveTo>
                    <a:pt x="8445" y="0"/>
                  </a:moveTo>
                  <a:cubicBezTo>
                    <a:pt x="8002" y="0"/>
                    <a:pt x="7559" y="24"/>
                    <a:pt x="7117" y="78"/>
                  </a:cubicBezTo>
                  <a:cubicBezTo>
                    <a:pt x="5572" y="268"/>
                    <a:pt x="4089" y="822"/>
                    <a:pt x="2544" y="1012"/>
                  </a:cubicBezTo>
                  <a:cubicBezTo>
                    <a:pt x="1963" y="1084"/>
                    <a:pt x="1349" y="1109"/>
                    <a:pt x="842" y="1408"/>
                  </a:cubicBezTo>
                  <a:cubicBezTo>
                    <a:pt x="337" y="1704"/>
                    <a:pt x="1" y="2395"/>
                    <a:pt x="309" y="2895"/>
                  </a:cubicBezTo>
                  <a:cubicBezTo>
                    <a:pt x="661" y="3053"/>
                    <a:pt x="1038" y="3136"/>
                    <a:pt x="1417" y="3144"/>
                  </a:cubicBezTo>
                  <a:lnTo>
                    <a:pt x="1417" y="3144"/>
                  </a:lnTo>
                  <a:lnTo>
                    <a:pt x="110" y="3340"/>
                  </a:lnTo>
                  <a:cubicBezTo>
                    <a:pt x="1993" y="3412"/>
                    <a:pt x="3684" y="5047"/>
                    <a:pt x="3818" y="6926"/>
                  </a:cubicBezTo>
                  <a:cubicBezTo>
                    <a:pt x="3927" y="8443"/>
                    <a:pt x="3153" y="9861"/>
                    <a:pt x="2567" y="11264"/>
                  </a:cubicBezTo>
                  <a:cubicBezTo>
                    <a:pt x="2472" y="11489"/>
                    <a:pt x="2384" y="11746"/>
                    <a:pt x="2486" y="11966"/>
                  </a:cubicBezTo>
                  <a:cubicBezTo>
                    <a:pt x="2577" y="12156"/>
                    <a:pt x="2787" y="12258"/>
                    <a:pt x="2984" y="12337"/>
                  </a:cubicBezTo>
                  <a:cubicBezTo>
                    <a:pt x="3824" y="12667"/>
                    <a:pt x="4716" y="12835"/>
                    <a:pt x="5613" y="12835"/>
                  </a:cubicBezTo>
                  <a:cubicBezTo>
                    <a:pt x="5924" y="12835"/>
                    <a:pt x="6235" y="12815"/>
                    <a:pt x="6545" y="12775"/>
                  </a:cubicBezTo>
                  <a:cubicBezTo>
                    <a:pt x="6675" y="12758"/>
                    <a:pt x="6809" y="12738"/>
                    <a:pt x="6940" y="12738"/>
                  </a:cubicBezTo>
                  <a:cubicBezTo>
                    <a:pt x="7061" y="12738"/>
                    <a:pt x="7179" y="12755"/>
                    <a:pt x="7288" y="12807"/>
                  </a:cubicBezTo>
                  <a:cubicBezTo>
                    <a:pt x="7538" y="12923"/>
                    <a:pt x="7675" y="13192"/>
                    <a:pt x="7784" y="13444"/>
                  </a:cubicBezTo>
                  <a:cubicBezTo>
                    <a:pt x="8201" y="14429"/>
                    <a:pt x="8442" y="15480"/>
                    <a:pt x="8493" y="16550"/>
                  </a:cubicBezTo>
                  <a:lnTo>
                    <a:pt x="11242" y="15925"/>
                  </a:lnTo>
                  <a:cubicBezTo>
                    <a:pt x="11259" y="16166"/>
                    <a:pt x="11275" y="16409"/>
                    <a:pt x="11291" y="16650"/>
                  </a:cubicBezTo>
                  <a:cubicBezTo>
                    <a:pt x="11689" y="16605"/>
                    <a:pt x="12106" y="16567"/>
                    <a:pt x="12516" y="16567"/>
                  </a:cubicBezTo>
                  <a:cubicBezTo>
                    <a:pt x="13320" y="16567"/>
                    <a:pt x="14101" y="16715"/>
                    <a:pt x="14669" y="17255"/>
                  </a:cubicBezTo>
                  <a:cubicBezTo>
                    <a:pt x="15048" y="17616"/>
                    <a:pt x="15282" y="18119"/>
                    <a:pt x="15699" y="18438"/>
                  </a:cubicBezTo>
                  <a:cubicBezTo>
                    <a:pt x="16151" y="18782"/>
                    <a:pt x="16742" y="18857"/>
                    <a:pt x="17316" y="18857"/>
                  </a:cubicBezTo>
                  <a:cubicBezTo>
                    <a:pt x="17392" y="18857"/>
                    <a:pt x="17468" y="18855"/>
                    <a:pt x="17543" y="18853"/>
                  </a:cubicBezTo>
                  <a:cubicBezTo>
                    <a:pt x="18139" y="18835"/>
                    <a:pt x="18771" y="18760"/>
                    <a:pt x="19234" y="18383"/>
                  </a:cubicBezTo>
                  <a:cubicBezTo>
                    <a:pt x="19698" y="18008"/>
                    <a:pt x="19878" y="17234"/>
                    <a:pt x="19457" y="16815"/>
                  </a:cubicBezTo>
                  <a:cubicBezTo>
                    <a:pt x="19913" y="16340"/>
                    <a:pt x="20574" y="16166"/>
                    <a:pt x="21246" y="16166"/>
                  </a:cubicBezTo>
                  <a:cubicBezTo>
                    <a:pt x="21528" y="16166"/>
                    <a:pt x="21813" y="16197"/>
                    <a:pt x="22086" y="16249"/>
                  </a:cubicBezTo>
                  <a:cubicBezTo>
                    <a:pt x="23003" y="16425"/>
                    <a:pt x="23888" y="16796"/>
                    <a:pt x="24822" y="16842"/>
                  </a:cubicBezTo>
                  <a:cubicBezTo>
                    <a:pt x="24892" y="16846"/>
                    <a:pt x="24963" y="16848"/>
                    <a:pt x="25033" y="16848"/>
                  </a:cubicBezTo>
                  <a:cubicBezTo>
                    <a:pt x="25992" y="16848"/>
                    <a:pt x="26929" y="16522"/>
                    <a:pt x="27838" y="16203"/>
                  </a:cubicBezTo>
                  <a:cubicBezTo>
                    <a:pt x="28866" y="15842"/>
                    <a:pt x="30066" y="15274"/>
                    <a:pt x="30182" y="14192"/>
                  </a:cubicBezTo>
                  <a:cubicBezTo>
                    <a:pt x="30233" y="13706"/>
                    <a:pt x="30045" y="13185"/>
                    <a:pt x="30247" y="12738"/>
                  </a:cubicBezTo>
                  <a:cubicBezTo>
                    <a:pt x="30462" y="12260"/>
                    <a:pt x="31046" y="12068"/>
                    <a:pt x="31569" y="12043"/>
                  </a:cubicBezTo>
                  <a:cubicBezTo>
                    <a:pt x="31625" y="12040"/>
                    <a:pt x="31682" y="12039"/>
                    <a:pt x="31738" y="12039"/>
                  </a:cubicBezTo>
                  <a:cubicBezTo>
                    <a:pt x="33394" y="12039"/>
                    <a:pt x="35030" y="13096"/>
                    <a:pt x="36616" y="13096"/>
                  </a:cubicBezTo>
                  <a:cubicBezTo>
                    <a:pt x="36962" y="13096"/>
                    <a:pt x="37306" y="13046"/>
                    <a:pt x="37648" y="12923"/>
                  </a:cubicBezTo>
                  <a:cubicBezTo>
                    <a:pt x="39390" y="12298"/>
                    <a:pt x="39983" y="10178"/>
                    <a:pt x="40330" y="8360"/>
                  </a:cubicBezTo>
                  <a:cubicBezTo>
                    <a:pt x="40488" y="7549"/>
                    <a:pt x="40643" y="6736"/>
                    <a:pt x="40798" y="5925"/>
                  </a:cubicBezTo>
                  <a:cubicBezTo>
                    <a:pt x="40851" y="5645"/>
                    <a:pt x="40905" y="5348"/>
                    <a:pt x="40819" y="5077"/>
                  </a:cubicBezTo>
                  <a:cubicBezTo>
                    <a:pt x="40691" y="4676"/>
                    <a:pt x="40302" y="4426"/>
                    <a:pt x="39927" y="4236"/>
                  </a:cubicBezTo>
                  <a:cubicBezTo>
                    <a:pt x="38771" y="3655"/>
                    <a:pt x="37502" y="3331"/>
                    <a:pt x="36235" y="3071"/>
                  </a:cubicBezTo>
                  <a:cubicBezTo>
                    <a:pt x="29086" y="1614"/>
                    <a:pt x="21664" y="2114"/>
                    <a:pt x="14481" y="845"/>
                  </a:cubicBezTo>
                  <a:cubicBezTo>
                    <a:pt x="12479" y="494"/>
                    <a:pt x="10462" y="0"/>
                    <a:pt x="8445"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85" name="Google Shape;185;p11"/>
            <p:cNvGrpSpPr/>
            <p:nvPr/>
          </p:nvGrpSpPr>
          <p:grpSpPr>
            <a:xfrm>
              <a:off x="7353666" y="4813213"/>
              <a:ext cx="1795826" cy="893252"/>
              <a:chOff x="3339218" y="4582238"/>
              <a:chExt cx="1438041" cy="715289"/>
            </a:xfrm>
          </p:grpSpPr>
          <p:sp>
            <p:nvSpPr>
              <p:cNvPr id="186" name="Google Shape;186;p11"/>
              <p:cNvSpPr/>
              <p:nvPr/>
            </p:nvSpPr>
            <p:spPr>
              <a:xfrm rot="10800000">
                <a:off x="3339467" y="4845372"/>
                <a:ext cx="1437793" cy="452155"/>
              </a:xfrm>
              <a:custGeom>
                <a:avLst/>
                <a:gdLst/>
                <a:ahLst/>
                <a:cxnLst/>
                <a:rect l="l" t="t" r="r" b="b"/>
                <a:pathLst>
                  <a:path w="23124" h="7272" extrusionOk="0">
                    <a:moveTo>
                      <a:pt x="361" y="288"/>
                    </a:moveTo>
                    <a:cubicBezTo>
                      <a:pt x="368" y="296"/>
                      <a:pt x="379" y="308"/>
                      <a:pt x="394" y="324"/>
                    </a:cubicBezTo>
                    <a:cubicBezTo>
                      <a:pt x="385" y="314"/>
                      <a:pt x="374" y="301"/>
                      <a:pt x="361" y="288"/>
                    </a:cubicBezTo>
                    <a:close/>
                    <a:moveTo>
                      <a:pt x="876" y="908"/>
                    </a:moveTo>
                    <a:lnTo>
                      <a:pt x="876" y="908"/>
                    </a:lnTo>
                    <a:cubicBezTo>
                      <a:pt x="878" y="910"/>
                      <a:pt x="882" y="913"/>
                      <a:pt x="885" y="916"/>
                    </a:cubicBezTo>
                    <a:lnTo>
                      <a:pt x="885" y="916"/>
                    </a:lnTo>
                    <a:cubicBezTo>
                      <a:pt x="882" y="913"/>
                      <a:pt x="879" y="911"/>
                      <a:pt x="876" y="908"/>
                    </a:cubicBezTo>
                    <a:close/>
                    <a:moveTo>
                      <a:pt x="22739" y="1362"/>
                    </a:moveTo>
                    <a:lnTo>
                      <a:pt x="22739" y="1362"/>
                    </a:lnTo>
                    <a:cubicBezTo>
                      <a:pt x="22727" y="1385"/>
                      <a:pt x="22719" y="1402"/>
                      <a:pt x="22714" y="1414"/>
                    </a:cubicBezTo>
                    <a:lnTo>
                      <a:pt x="22714" y="1414"/>
                    </a:lnTo>
                    <a:cubicBezTo>
                      <a:pt x="22720" y="1400"/>
                      <a:pt x="22729" y="1383"/>
                      <a:pt x="22739" y="1362"/>
                    </a:cubicBezTo>
                    <a:close/>
                    <a:moveTo>
                      <a:pt x="1550" y="1532"/>
                    </a:moveTo>
                    <a:lnTo>
                      <a:pt x="1548" y="1536"/>
                    </a:lnTo>
                    <a:cubicBezTo>
                      <a:pt x="1550" y="1535"/>
                      <a:pt x="1550" y="1534"/>
                      <a:pt x="1550" y="1532"/>
                    </a:cubicBezTo>
                    <a:close/>
                    <a:moveTo>
                      <a:pt x="2412" y="2351"/>
                    </a:moveTo>
                    <a:cubicBezTo>
                      <a:pt x="2412" y="2351"/>
                      <a:pt x="2412" y="2351"/>
                      <a:pt x="2412" y="2351"/>
                    </a:cubicBezTo>
                    <a:cubicBezTo>
                      <a:pt x="2412" y="2351"/>
                      <a:pt x="2412" y="2351"/>
                      <a:pt x="2412" y="2351"/>
                    </a:cubicBezTo>
                    <a:close/>
                    <a:moveTo>
                      <a:pt x="4332" y="3905"/>
                    </a:moveTo>
                    <a:lnTo>
                      <a:pt x="4397" y="3954"/>
                    </a:lnTo>
                    <a:lnTo>
                      <a:pt x="4397" y="3954"/>
                    </a:lnTo>
                    <a:cubicBezTo>
                      <a:pt x="4407" y="3957"/>
                      <a:pt x="4420" y="3962"/>
                      <a:pt x="4433" y="3968"/>
                    </a:cubicBezTo>
                    <a:lnTo>
                      <a:pt x="4433" y="3968"/>
                    </a:lnTo>
                    <a:cubicBezTo>
                      <a:pt x="4387" y="3936"/>
                      <a:pt x="4347" y="3910"/>
                      <a:pt x="4332" y="3905"/>
                    </a:cubicBezTo>
                    <a:close/>
                    <a:moveTo>
                      <a:pt x="4367" y="3977"/>
                    </a:moveTo>
                    <a:lnTo>
                      <a:pt x="4380" y="3991"/>
                    </a:lnTo>
                    <a:lnTo>
                      <a:pt x="4380" y="3991"/>
                    </a:lnTo>
                    <a:cubicBezTo>
                      <a:pt x="4370" y="3986"/>
                      <a:pt x="4362" y="3982"/>
                      <a:pt x="4361" y="3982"/>
                    </a:cubicBezTo>
                    <a:cubicBezTo>
                      <a:pt x="4359" y="3982"/>
                      <a:pt x="4368" y="3988"/>
                      <a:pt x="4395" y="4005"/>
                    </a:cubicBezTo>
                    <a:lnTo>
                      <a:pt x="4380" y="3991"/>
                    </a:lnTo>
                    <a:lnTo>
                      <a:pt x="4380" y="3991"/>
                    </a:lnTo>
                    <a:cubicBezTo>
                      <a:pt x="4395" y="3998"/>
                      <a:pt x="4416" y="4007"/>
                      <a:pt x="4430" y="4011"/>
                    </a:cubicBezTo>
                    <a:lnTo>
                      <a:pt x="4430" y="4011"/>
                    </a:lnTo>
                    <a:lnTo>
                      <a:pt x="4367" y="3977"/>
                    </a:lnTo>
                    <a:close/>
                    <a:moveTo>
                      <a:pt x="19849" y="5052"/>
                    </a:moveTo>
                    <a:cubicBezTo>
                      <a:pt x="19839" y="5060"/>
                      <a:pt x="19827" y="5069"/>
                      <a:pt x="19815" y="5078"/>
                    </a:cubicBezTo>
                    <a:cubicBezTo>
                      <a:pt x="19829" y="5068"/>
                      <a:pt x="19840" y="5059"/>
                      <a:pt x="19849" y="5052"/>
                    </a:cubicBezTo>
                    <a:close/>
                    <a:moveTo>
                      <a:pt x="18764" y="5700"/>
                    </a:moveTo>
                    <a:cubicBezTo>
                      <a:pt x="18759" y="5703"/>
                      <a:pt x="18753" y="5706"/>
                      <a:pt x="18747" y="5710"/>
                    </a:cubicBezTo>
                    <a:cubicBezTo>
                      <a:pt x="18753" y="5707"/>
                      <a:pt x="18758" y="5703"/>
                      <a:pt x="18764" y="5700"/>
                    </a:cubicBezTo>
                    <a:close/>
                    <a:moveTo>
                      <a:pt x="18780" y="5666"/>
                    </a:moveTo>
                    <a:lnTo>
                      <a:pt x="18684" y="5725"/>
                    </a:lnTo>
                    <a:lnTo>
                      <a:pt x="18684" y="5725"/>
                    </a:lnTo>
                    <a:cubicBezTo>
                      <a:pt x="18717" y="5706"/>
                      <a:pt x="18749" y="5687"/>
                      <a:pt x="18780" y="5666"/>
                    </a:cubicBezTo>
                    <a:close/>
                    <a:moveTo>
                      <a:pt x="8782" y="6305"/>
                    </a:moveTo>
                    <a:cubicBezTo>
                      <a:pt x="8789" y="6307"/>
                      <a:pt x="8795" y="6309"/>
                      <a:pt x="8800" y="6310"/>
                    </a:cubicBezTo>
                    <a:lnTo>
                      <a:pt x="8800" y="6310"/>
                    </a:lnTo>
                    <a:cubicBezTo>
                      <a:pt x="8791" y="6308"/>
                      <a:pt x="8785" y="6306"/>
                      <a:pt x="8782" y="6305"/>
                    </a:cubicBezTo>
                    <a:close/>
                    <a:moveTo>
                      <a:pt x="11505" y="6774"/>
                    </a:moveTo>
                    <a:cubicBezTo>
                      <a:pt x="11517" y="6776"/>
                      <a:pt x="11530" y="6778"/>
                      <a:pt x="11543" y="6780"/>
                    </a:cubicBezTo>
                    <a:cubicBezTo>
                      <a:pt x="11531" y="6777"/>
                      <a:pt x="11518" y="6775"/>
                      <a:pt x="11505" y="6774"/>
                    </a:cubicBezTo>
                    <a:close/>
                    <a:moveTo>
                      <a:pt x="14746" y="7096"/>
                    </a:moveTo>
                    <a:cubicBezTo>
                      <a:pt x="14743" y="7097"/>
                      <a:pt x="14741" y="7097"/>
                      <a:pt x="14738" y="7098"/>
                    </a:cubicBezTo>
                    <a:cubicBezTo>
                      <a:pt x="14741" y="7097"/>
                      <a:pt x="14744" y="7097"/>
                      <a:pt x="14746" y="7096"/>
                    </a:cubicBezTo>
                    <a:close/>
                    <a:moveTo>
                      <a:pt x="13767" y="7209"/>
                    </a:moveTo>
                    <a:cubicBezTo>
                      <a:pt x="13774" y="7209"/>
                      <a:pt x="13780" y="7209"/>
                      <a:pt x="13786" y="7209"/>
                    </a:cubicBezTo>
                    <a:lnTo>
                      <a:pt x="13786" y="7209"/>
                    </a:lnTo>
                    <a:cubicBezTo>
                      <a:pt x="13779" y="7209"/>
                      <a:pt x="13773" y="7209"/>
                      <a:pt x="13767" y="7209"/>
                    </a:cubicBezTo>
                    <a:close/>
                    <a:moveTo>
                      <a:pt x="4" y="1"/>
                    </a:moveTo>
                    <a:cubicBezTo>
                      <a:pt x="1" y="1"/>
                      <a:pt x="8" y="11"/>
                      <a:pt x="35" y="39"/>
                    </a:cubicBezTo>
                    <a:lnTo>
                      <a:pt x="156" y="132"/>
                    </a:lnTo>
                    <a:cubicBezTo>
                      <a:pt x="154" y="131"/>
                      <a:pt x="152" y="131"/>
                      <a:pt x="151" y="131"/>
                    </a:cubicBezTo>
                    <a:cubicBezTo>
                      <a:pt x="138" y="131"/>
                      <a:pt x="184" y="191"/>
                      <a:pt x="188" y="208"/>
                    </a:cubicBezTo>
                    <a:cubicBezTo>
                      <a:pt x="192" y="210"/>
                      <a:pt x="195" y="211"/>
                      <a:pt x="197" y="211"/>
                    </a:cubicBezTo>
                    <a:cubicBezTo>
                      <a:pt x="216" y="211"/>
                      <a:pt x="143" y="122"/>
                      <a:pt x="163" y="122"/>
                    </a:cubicBezTo>
                    <a:cubicBezTo>
                      <a:pt x="170" y="122"/>
                      <a:pt x="186" y="131"/>
                      <a:pt x="218" y="155"/>
                    </a:cubicBezTo>
                    <a:cubicBezTo>
                      <a:pt x="249" y="172"/>
                      <a:pt x="314" y="236"/>
                      <a:pt x="361" y="288"/>
                    </a:cubicBezTo>
                    <a:lnTo>
                      <a:pt x="361" y="288"/>
                    </a:lnTo>
                    <a:cubicBezTo>
                      <a:pt x="353" y="278"/>
                      <a:pt x="352" y="274"/>
                      <a:pt x="354" y="274"/>
                    </a:cubicBezTo>
                    <a:cubicBezTo>
                      <a:pt x="362" y="274"/>
                      <a:pt x="427" y="328"/>
                      <a:pt x="459" y="354"/>
                    </a:cubicBezTo>
                    <a:cubicBezTo>
                      <a:pt x="519" y="424"/>
                      <a:pt x="628" y="528"/>
                      <a:pt x="649" y="567"/>
                    </a:cubicBezTo>
                    <a:cubicBezTo>
                      <a:pt x="686" y="595"/>
                      <a:pt x="718" y="625"/>
                      <a:pt x="749" y="660"/>
                    </a:cubicBezTo>
                    <a:lnTo>
                      <a:pt x="749" y="667"/>
                    </a:lnTo>
                    <a:cubicBezTo>
                      <a:pt x="771" y="687"/>
                      <a:pt x="780" y="694"/>
                      <a:pt x="781" y="694"/>
                    </a:cubicBezTo>
                    <a:cubicBezTo>
                      <a:pt x="785" y="694"/>
                      <a:pt x="742" y="650"/>
                      <a:pt x="748" y="650"/>
                    </a:cubicBezTo>
                    <a:lnTo>
                      <a:pt x="748" y="650"/>
                    </a:lnTo>
                    <a:cubicBezTo>
                      <a:pt x="748" y="650"/>
                      <a:pt x="749" y="650"/>
                      <a:pt x="751" y="651"/>
                    </a:cubicBezTo>
                    <a:cubicBezTo>
                      <a:pt x="809" y="706"/>
                      <a:pt x="890" y="806"/>
                      <a:pt x="985" y="896"/>
                    </a:cubicBezTo>
                    <a:cubicBezTo>
                      <a:pt x="890" y="806"/>
                      <a:pt x="806" y="737"/>
                      <a:pt x="735" y="674"/>
                    </a:cubicBezTo>
                    <a:lnTo>
                      <a:pt x="735" y="674"/>
                    </a:lnTo>
                    <a:cubicBezTo>
                      <a:pt x="786" y="731"/>
                      <a:pt x="800" y="751"/>
                      <a:pt x="792" y="751"/>
                    </a:cubicBezTo>
                    <a:cubicBezTo>
                      <a:pt x="776" y="751"/>
                      <a:pt x="665" y="659"/>
                      <a:pt x="630" y="642"/>
                    </a:cubicBezTo>
                    <a:lnTo>
                      <a:pt x="630" y="642"/>
                    </a:lnTo>
                    <a:cubicBezTo>
                      <a:pt x="774" y="774"/>
                      <a:pt x="834" y="815"/>
                      <a:pt x="955" y="917"/>
                    </a:cubicBezTo>
                    <a:cubicBezTo>
                      <a:pt x="1000" y="969"/>
                      <a:pt x="1008" y="987"/>
                      <a:pt x="997" y="987"/>
                    </a:cubicBezTo>
                    <a:cubicBezTo>
                      <a:pt x="979" y="987"/>
                      <a:pt x="915" y="941"/>
                      <a:pt x="885" y="916"/>
                    </a:cubicBezTo>
                    <a:lnTo>
                      <a:pt x="885" y="916"/>
                    </a:lnTo>
                    <a:cubicBezTo>
                      <a:pt x="1015" y="1029"/>
                      <a:pt x="1156" y="1139"/>
                      <a:pt x="1226" y="1198"/>
                    </a:cubicBezTo>
                    <a:cubicBezTo>
                      <a:pt x="1115" y="1126"/>
                      <a:pt x="1126" y="1149"/>
                      <a:pt x="1027" y="1079"/>
                    </a:cubicBezTo>
                    <a:lnTo>
                      <a:pt x="1027" y="1079"/>
                    </a:lnTo>
                    <a:cubicBezTo>
                      <a:pt x="1117" y="1191"/>
                      <a:pt x="1152" y="1195"/>
                      <a:pt x="1205" y="1235"/>
                    </a:cubicBezTo>
                    <a:cubicBezTo>
                      <a:pt x="1175" y="1211"/>
                      <a:pt x="1149" y="1186"/>
                      <a:pt x="1124" y="1156"/>
                    </a:cubicBezTo>
                    <a:lnTo>
                      <a:pt x="1124" y="1156"/>
                    </a:lnTo>
                    <a:cubicBezTo>
                      <a:pt x="1244" y="1272"/>
                      <a:pt x="1249" y="1225"/>
                      <a:pt x="1325" y="1272"/>
                    </a:cubicBezTo>
                    <a:cubicBezTo>
                      <a:pt x="1401" y="1358"/>
                      <a:pt x="1549" y="1507"/>
                      <a:pt x="1550" y="1532"/>
                    </a:cubicBezTo>
                    <a:lnTo>
                      <a:pt x="1550" y="1532"/>
                    </a:lnTo>
                    <a:lnTo>
                      <a:pt x="1562" y="1517"/>
                    </a:lnTo>
                    <a:cubicBezTo>
                      <a:pt x="1673" y="1612"/>
                      <a:pt x="1608" y="1577"/>
                      <a:pt x="1620" y="1598"/>
                    </a:cubicBezTo>
                    <a:cubicBezTo>
                      <a:pt x="1633" y="1605"/>
                      <a:pt x="1640" y="1605"/>
                      <a:pt x="1647" y="1605"/>
                    </a:cubicBezTo>
                    <a:cubicBezTo>
                      <a:pt x="1649" y="1605"/>
                      <a:pt x="1651" y="1605"/>
                      <a:pt x="1652" y="1605"/>
                    </a:cubicBezTo>
                    <a:cubicBezTo>
                      <a:pt x="1671" y="1605"/>
                      <a:pt x="1696" y="1610"/>
                      <a:pt x="1823" y="1721"/>
                    </a:cubicBezTo>
                    <a:cubicBezTo>
                      <a:pt x="1768" y="1726"/>
                      <a:pt x="1981" y="1872"/>
                      <a:pt x="1951" y="1895"/>
                    </a:cubicBezTo>
                    <a:cubicBezTo>
                      <a:pt x="2039" y="1969"/>
                      <a:pt x="2090" y="1990"/>
                      <a:pt x="2176" y="2073"/>
                    </a:cubicBezTo>
                    <a:cubicBezTo>
                      <a:pt x="2193" y="2094"/>
                      <a:pt x="2196" y="2103"/>
                      <a:pt x="2189" y="2103"/>
                    </a:cubicBezTo>
                    <a:cubicBezTo>
                      <a:pt x="2164" y="2103"/>
                      <a:pt x="1999" y="1977"/>
                      <a:pt x="1960" y="1937"/>
                    </a:cubicBezTo>
                    <a:cubicBezTo>
                      <a:pt x="1917" y="1897"/>
                      <a:pt x="1907" y="1886"/>
                      <a:pt x="1911" y="1886"/>
                    </a:cubicBezTo>
                    <a:cubicBezTo>
                      <a:pt x="1917" y="1886"/>
                      <a:pt x="1945" y="1906"/>
                      <a:pt x="1949" y="1906"/>
                    </a:cubicBezTo>
                    <a:cubicBezTo>
                      <a:pt x="1950" y="1906"/>
                      <a:pt x="1948" y="1903"/>
                      <a:pt x="1939" y="1895"/>
                    </a:cubicBezTo>
                    <a:cubicBezTo>
                      <a:pt x="1898" y="1862"/>
                      <a:pt x="1856" y="1828"/>
                      <a:pt x="1814" y="1795"/>
                    </a:cubicBezTo>
                    <a:lnTo>
                      <a:pt x="1814" y="1795"/>
                    </a:lnTo>
                    <a:cubicBezTo>
                      <a:pt x="1871" y="1862"/>
                      <a:pt x="1995" y="1981"/>
                      <a:pt x="1970" y="1981"/>
                    </a:cubicBezTo>
                    <a:cubicBezTo>
                      <a:pt x="1970" y="1981"/>
                      <a:pt x="1970" y="1981"/>
                      <a:pt x="1969" y="1981"/>
                    </a:cubicBezTo>
                    <a:lnTo>
                      <a:pt x="1969" y="1981"/>
                    </a:lnTo>
                    <a:cubicBezTo>
                      <a:pt x="1996" y="2002"/>
                      <a:pt x="2008" y="2010"/>
                      <a:pt x="2011" y="2010"/>
                    </a:cubicBezTo>
                    <a:cubicBezTo>
                      <a:pt x="2018" y="2010"/>
                      <a:pt x="1967" y="1958"/>
                      <a:pt x="1975" y="1958"/>
                    </a:cubicBezTo>
                    <a:cubicBezTo>
                      <a:pt x="1978" y="1958"/>
                      <a:pt x="1991" y="1967"/>
                      <a:pt x="2023" y="1992"/>
                    </a:cubicBezTo>
                    <a:lnTo>
                      <a:pt x="2090" y="2071"/>
                    </a:lnTo>
                    <a:cubicBezTo>
                      <a:pt x="2132" y="2105"/>
                      <a:pt x="2147" y="2114"/>
                      <a:pt x="2153" y="2114"/>
                    </a:cubicBezTo>
                    <a:cubicBezTo>
                      <a:pt x="2159" y="2114"/>
                      <a:pt x="2156" y="2105"/>
                      <a:pt x="2162" y="2105"/>
                    </a:cubicBezTo>
                    <a:cubicBezTo>
                      <a:pt x="2169" y="2105"/>
                      <a:pt x="2189" y="2118"/>
                      <a:pt x="2254" y="2175"/>
                    </a:cubicBezTo>
                    <a:cubicBezTo>
                      <a:pt x="2236" y="2161"/>
                      <a:pt x="2227" y="2156"/>
                      <a:pt x="2225" y="2156"/>
                    </a:cubicBezTo>
                    <a:cubicBezTo>
                      <a:pt x="2220" y="2156"/>
                      <a:pt x="2255" y="2189"/>
                      <a:pt x="2296" y="2226"/>
                    </a:cubicBezTo>
                    <a:cubicBezTo>
                      <a:pt x="2353" y="2279"/>
                      <a:pt x="2424" y="2342"/>
                      <a:pt x="2412" y="2351"/>
                    </a:cubicBezTo>
                    <a:lnTo>
                      <a:pt x="2412" y="2351"/>
                    </a:lnTo>
                    <a:cubicBezTo>
                      <a:pt x="2413" y="2350"/>
                      <a:pt x="2414" y="2350"/>
                      <a:pt x="2416" y="2350"/>
                    </a:cubicBezTo>
                    <a:cubicBezTo>
                      <a:pt x="2461" y="2350"/>
                      <a:pt x="2724" y="2618"/>
                      <a:pt x="2778" y="2627"/>
                    </a:cubicBezTo>
                    <a:lnTo>
                      <a:pt x="2692" y="2543"/>
                    </a:lnTo>
                    <a:lnTo>
                      <a:pt x="2701" y="2571"/>
                    </a:lnTo>
                    <a:cubicBezTo>
                      <a:pt x="2602" y="2488"/>
                      <a:pt x="2514" y="2421"/>
                      <a:pt x="2414" y="2326"/>
                    </a:cubicBezTo>
                    <a:lnTo>
                      <a:pt x="2414" y="2326"/>
                    </a:lnTo>
                    <a:cubicBezTo>
                      <a:pt x="2437" y="2341"/>
                      <a:pt x="2447" y="2346"/>
                      <a:pt x="2452" y="2346"/>
                    </a:cubicBezTo>
                    <a:cubicBezTo>
                      <a:pt x="2462" y="2346"/>
                      <a:pt x="2451" y="2328"/>
                      <a:pt x="2460" y="2328"/>
                    </a:cubicBezTo>
                    <a:cubicBezTo>
                      <a:pt x="2465" y="2328"/>
                      <a:pt x="2478" y="2335"/>
                      <a:pt x="2507" y="2356"/>
                    </a:cubicBezTo>
                    <a:cubicBezTo>
                      <a:pt x="2596" y="2422"/>
                      <a:pt x="2608" y="2437"/>
                      <a:pt x="2599" y="2437"/>
                    </a:cubicBezTo>
                    <a:cubicBezTo>
                      <a:pt x="2591" y="2437"/>
                      <a:pt x="2569" y="2426"/>
                      <a:pt x="2565" y="2426"/>
                    </a:cubicBezTo>
                    <a:cubicBezTo>
                      <a:pt x="2563" y="2426"/>
                      <a:pt x="2564" y="2427"/>
                      <a:pt x="2567" y="2430"/>
                    </a:cubicBezTo>
                    <a:cubicBezTo>
                      <a:pt x="2618" y="2467"/>
                      <a:pt x="2667" y="2504"/>
                      <a:pt x="2718" y="2541"/>
                    </a:cubicBezTo>
                    <a:cubicBezTo>
                      <a:pt x="2690" y="2509"/>
                      <a:pt x="2660" y="2479"/>
                      <a:pt x="2632" y="2446"/>
                    </a:cubicBezTo>
                    <a:lnTo>
                      <a:pt x="2632" y="2446"/>
                    </a:lnTo>
                    <a:cubicBezTo>
                      <a:pt x="2743" y="2539"/>
                      <a:pt x="2896" y="2664"/>
                      <a:pt x="3046" y="2794"/>
                    </a:cubicBezTo>
                    <a:cubicBezTo>
                      <a:pt x="3129" y="2872"/>
                      <a:pt x="3142" y="2890"/>
                      <a:pt x="3136" y="2890"/>
                    </a:cubicBezTo>
                    <a:cubicBezTo>
                      <a:pt x="3131" y="2890"/>
                      <a:pt x="3113" y="2878"/>
                      <a:pt x="3108" y="2878"/>
                    </a:cubicBezTo>
                    <a:cubicBezTo>
                      <a:pt x="3103" y="2878"/>
                      <a:pt x="3111" y="2889"/>
                      <a:pt x="3158" y="2935"/>
                    </a:cubicBezTo>
                    <a:cubicBezTo>
                      <a:pt x="3236" y="2990"/>
                      <a:pt x="3225" y="2970"/>
                      <a:pt x="3327" y="3055"/>
                    </a:cubicBezTo>
                    <a:cubicBezTo>
                      <a:pt x="3276" y="3002"/>
                      <a:pt x="3225" y="2977"/>
                      <a:pt x="3185" y="2944"/>
                    </a:cubicBezTo>
                    <a:cubicBezTo>
                      <a:pt x="3181" y="2937"/>
                      <a:pt x="3180" y="2934"/>
                      <a:pt x="3183" y="2934"/>
                    </a:cubicBezTo>
                    <a:cubicBezTo>
                      <a:pt x="3202" y="2934"/>
                      <a:pt x="3357" y="3066"/>
                      <a:pt x="3378" y="3066"/>
                    </a:cubicBezTo>
                    <a:cubicBezTo>
                      <a:pt x="3379" y="3066"/>
                      <a:pt x="3380" y="3066"/>
                      <a:pt x="3380" y="3065"/>
                    </a:cubicBezTo>
                    <a:cubicBezTo>
                      <a:pt x="3402" y="3089"/>
                      <a:pt x="3406" y="3099"/>
                      <a:pt x="3398" y="3099"/>
                    </a:cubicBezTo>
                    <a:cubicBezTo>
                      <a:pt x="3393" y="3099"/>
                      <a:pt x="3382" y="3094"/>
                      <a:pt x="3366" y="3085"/>
                    </a:cubicBezTo>
                    <a:lnTo>
                      <a:pt x="3366" y="3085"/>
                    </a:lnTo>
                    <a:cubicBezTo>
                      <a:pt x="3410" y="3120"/>
                      <a:pt x="3454" y="3155"/>
                      <a:pt x="3496" y="3187"/>
                    </a:cubicBezTo>
                    <a:cubicBezTo>
                      <a:pt x="3538" y="3220"/>
                      <a:pt x="3579" y="3252"/>
                      <a:pt x="3614" y="3282"/>
                    </a:cubicBezTo>
                    <a:cubicBezTo>
                      <a:pt x="3670" y="3326"/>
                      <a:pt x="3721" y="3377"/>
                      <a:pt x="3765" y="3433"/>
                    </a:cubicBezTo>
                    <a:lnTo>
                      <a:pt x="3857" y="3472"/>
                    </a:lnTo>
                    <a:cubicBezTo>
                      <a:pt x="3935" y="3536"/>
                      <a:pt x="3958" y="3557"/>
                      <a:pt x="3953" y="3557"/>
                    </a:cubicBezTo>
                    <a:cubicBezTo>
                      <a:pt x="3948" y="3557"/>
                      <a:pt x="3920" y="3539"/>
                      <a:pt x="3890" y="3519"/>
                    </a:cubicBezTo>
                    <a:cubicBezTo>
                      <a:pt x="3856" y="3498"/>
                      <a:pt x="3821" y="3475"/>
                      <a:pt x="3814" y="3475"/>
                    </a:cubicBezTo>
                    <a:cubicBezTo>
                      <a:pt x="3808" y="3475"/>
                      <a:pt x="3824" y="3492"/>
                      <a:pt x="3883" y="3542"/>
                    </a:cubicBezTo>
                    <a:cubicBezTo>
                      <a:pt x="3966" y="3611"/>
                      <a:pt x="4054" y="3674"/>
                      <a:pt x="4147" y="3732"/>
                    </a:cubicBezTo>
                    <a:lnTo>
                      <a:pt x="4054" y="3660"/>
                    </a:lnTo>
                    <a:lnTo>
                      <a:pt x="4054" y="3660"/>
                    </a:lnTo>
                    <a:cubicBezTo>
                      <a:pt x="4135" y="3704"/>
                      <a:pt x="4135" y="3692"/>
                      <a:pt x="4253" y="3771"/>
                    </a:cubicBezTo>
                    <a:cubicBezTo>
                      <a:pt x="4332" y="3834"/>
                      <a:pt x="4279" y="3815"/>
                      <a:pt x="4388" y="3875"/>
                    </a:cubicBezTo>
                    <a:cubicBezTo>
                      <a:pt x="4500" y="3966"/>
                      <a:pt x="4519" y="3991"/>
                      <a:pt x="4502" y="3991"/>
                    </a:cubicBezTo>
                    <a:cubicBezTo>
                      <a:pt x="4490" y="3991"/>
                      <a:pt x="4461" y="3979"/>
                      <a:pt x="4433" y="3968"/>
                    </a:cubicBezTo>
                    <a:lnTo>
                      <a:pt x="4433" y="3968"/>
                    </a:lnTo>
                    <a:cubicBezTo>
                      <a:pt x="4517" y="4026"/>
                      <a:pt x="4624" y="4104"/>
                      <a:pt x="4645" y="4107"/>
                    </a:cubicBezTo>
                    <a:cubicBezTo>
                      <a:pt x="4644" y="4109"/>
                      <a:pt x="4641" y="4110"/>
                      <a:pt x="4636" y="4110"/>
                    </a:cubicBezTo>
                    <a:cubicBezTo>
                      <a:pt x="4626" y="4110"/>
                      <a:pt x="4606" y="4104"/>
                      <a:pt x="4571" y="4084"/>
                    </a:cubicBezTo>
                    <a:lnTo>
                      <a:pt x="4571" y="4084"/>
                    </a:lnTo>
                    <a:cubicBezTo>
                      <a:pt x="4502" y="4019"/>
                      <a:pt x="4478" y="4006"/>
                      <a:pt x="4469" y="4006"/>
                    </a:cubicBezTo>
                    <a:cubicBezTo>
                      <a:pt x="4463" y="4006"/>
                      <a:pt x="4462" y="4011"/>
                      <a:pt x="4459" y="4011"/>
                    </a:cubicBezTo>
                    <a:cubicBezTo>
                      <a:pt x="4456" y="4011"/>
                      <a:pt x="4452" y="4006"/>
                      <a:pt x="4436" y="3984"/>
                    </a:cubicBezTo>
                    <a:lnTo>
                      <a:pt x="4397" y="3954"/>
                    </a:lnTo>
                    <a:lnTo>
                      <a:pt x="4397" y="3954"/>
                    </a:lnTo>
                    <a:cubicBezTo>
                      <a:pt x="4393" y="3953"/>
                      <a:pt x="4390" y="3952"/>
                      <a:pt x="4388" y="3952"/>
                    </a:cubicBezTo>
                    <a:lnTo>
                      <a:pt x="4388" y="3952"/>
                    </a:lnTo>
                    <a:cubicBezTo>
                      <a:pt x="4443" y="3999"/>
                      <a:pt x="4451" y="4013"/>
                      <a:pt x="4439" y="4013"/>
                    </a:cubicBezTo>
                    <a:cubicBezTo>
                      <a:pt x="4437" y="4013"/>
                      <a:pt x="4434" y="4012"/>
                      <a:pt x="4430" y="4011"/>
                    </a:cubicBezTo>
                    <a:lnTo>
                      <a:pt x="4430" y="4011"/>
                    </a:lnTo>
                    <a:lnTo>
                      <a:pt x="4503" y="4050"/>
                    </a:lnTo>
                    <a:lnTo>
                      <a:pt x="4541" y="4107"/>
                    </a:lnTo>
                    <a:cubicBezTo>
                      <a:pt x="4603" y="4156"/>
                      <a:pt x="4656" y="4170"/>
                      <a:pt x="4684" y="4204"/>
                    </a:cubicBezTo>
                    <a:cubicBezTo>
                      <a:pt x="4706" y="4226"/>
                      <a:pt x="4706" y="4232"/>
                      <a:pt x="4699" y="4232"/>
                    </a:cubicBezTo>
                    <a:cubicBezTo>
                      <a:pt x="4689" y="4232"/>
                      <a:pt x="4663" y="4219"/>
                      <a:pt x="4656" y="4219"/>
                    </a:cubicBezTo>
                    <a:cubicBezTo>
                      <a:pt x="4648" y="4219"/>
                      <a:pt x="4665" y="4236"/>
                      <a:pt x="4758" y="4304"/>
                    </a:cubicBezTo>
                    <a:cubicBezTo>
                      <a:pt x="4835" y="4364"/>
                      <a:pt x="4916" y="4415"/>
                      <a:pt x="5002" y="4459"/>
                    </a:cubicBezTo>
                    <a:cubicBezTo>
                      <a:pt x="5029" y="4473"/>
                      <a:pt x="5055" y="4485"/>
                      <a:pt x="5083" y="4501"/>
                    </a:cubicBezTo>
                    <a:cubicBezTo>
                      <a:pt x="5117" y="4522"/>
                      <a:pt x="5152" y="4543"/>
                      <a:pt x="5187" y="4566"/>
                    </a:cubicBezTo>
                    <a:cubicBezTo>
                      <a:pt x="5152" y="4536"/>
                      <a:pt x="5115" y="4508"/>
                      <a:pt x="5076" y="4482"/>
                    </a:cubicBezTo>
                    <a:lnTo>
                      <a:pt x="5076" y="4482"/>
                    </a:lnTo>
                    <a:cubicBezTo>
                      <a:pt x="5087" y="4488"/>
                      <a:pt x="5093" y="4490"/>
                      <a:pt x="5096" y="4490"/>
                    </a:cubicBezTo>
                    <a:cubicBezTo>
                      <a:pt x="5105" y="4490"/>
                      <a:pt x="5088" y="4473"/>
                      <a:pt x="5095" y="4473"/>
                    </a:cubicBezTo>
                    <a:cubicBezTo>
                      <a:pt x="5100" y="4473"/>
                      <a:pt x="5112" y="4479"/>
                      <a:pt x="5143" y="4496"/>
                    </a:cubicBezTo>
                    <a:cubicBezTo>
                      <a:pt x="5185" y="4549"/>
                      <a:pt x="5372" y="4670"/>
                      <a:pt x="5514" y="4763"/>
                    </a:cubicBezTo>
                    <a:cubicBezTo>
                      <a:pt x="5509" y="4761"/>
                      <a:pt x="5506" y="4761"/>
                      <a:pt x="5504" y="4761"/>
                    </a:cubicBezTo>
                    <a:cubicBezTo>
                      <a:pt x="5487" y="4761"/>
                      <a:pt x="5532" y="4800"/>
                      <a:pt x="5520" y="4800"/>
                    </a:cubicBezTo>
                    <a:cubicBezTo>
                      <a:pt x="5518" y="4800"/>
                      <a:pt x="5514" y="4798"/>
                      <a:pt x="5507" y="4795"/>
                    </a:cubicBezTo>
                    <a:lnTo>
                      <a:pt x="5507" y="4795"/>
                    </a:lnTo>
                    <a:cubicBezTo>
                      <a:pt x="5564" y="4830"/>
                      <a:pt x="5625" y="4862"/>
                      <a:pt x="5687" y="4888"/>
                    </a:cubicBezTo>
                    <a:cubicBezTo>
                      <a:pt x="5623" y="4843"/>
                      <a:pt x="5602" y="4827"/>
                      <a:pt x="5607" y="4827"/>
                    </a:cubicBezTo>
                    <a:cubicBezTo>
                      <a:pt x="5619" y="4827"/>
                      <a:pt x="5795" y="4932"/>
                      <a:pt x="5812" y="4932"/>
                    </a:cubicBezTo>
                    <a:cubicBezTo>
                      <a:pt x="5817" y="4932"/>
                      <a:pt x="5805" y="4921"/>
                      <a:pt x="5764" y="4890"/>
                    </a:cubicBezTo>
                    <a:lnTo>
                      <a:pt x="5764" y="4890"/>
                    </a:lnTo>
                    <a:cubicBezTo>
                      <a:pt x="5877" y="4962"/>
                      <a:pt x="5942" y="5008"/>
                      <a:pt x="5995" y="5048"/>
                    </a:cubicBezTo>
                    <a:cubicBezTo>
                      <a:pt x="6051" y="5087"/>
                      <a:pt x="6095" y="5122"/>
                      <a:pt x="6162" y="5168"/>
                    </a:cubicBezTo>
                    <a:cubicBezTo>
                      <a:pt x="6154" y="5168"/>
                      <a:pt x="6026" y="5099"/>
                      <a:pt x="6015" y="5099"/>
                    </a:cubicBezTo>
                    <a:cubicBezTo>
                      <a:pt x="6010" y="5099"/>
                      <a:pt x="6028" y="5113"/>
                      <a:pt x="6090" y="5152"/>
                    </a:cubicBezTo>
                    <a:cubicBezTo>
                      <a:pt x="6160" y="5185"/>
                      <a:pt x="6188" y="5196"/>
                      <a:pt x="6197" y="5196"/>
                    </a:cubicBezTo>
                    <a:cubicBezTo>
                      <a:pt x="6214" y="5196"/>
                      <a:pt x="6169" y="5161"/>
                      <a:pt x="6189" y="5161"/>
                    </a:cubicBezTo>
                    <a:cubicBezTo>
                      <a:pt x="6198" y="5161"/>
                      <a:pt x="6219" y="5168"/>
                      <a:pt x="6262" y="5186"/>
                    </a:cubicBezTo>
                    <a:lnTo>
                      <a:pt x="6116" y="5092"/>
                    </a:lnTo>
                    <a:cubicBezTo>
                      <a:pt x="6115" y="5088"/>
                      <a:pt x="6117" y="5087"/>
                      <a:pt x="6120" y="5087"/>
                    </a:cubicBezTo>
                    <a:cubicBezTo>
                      <a:pt x="6156" y="5087"/>
                      <a:pt x="6381" y="5239"/>
                      <a:pt x="6417" y="5254"/>
                    </a:cubicBezTo>
                    <a:cubicBezTo>
                      <a:pt x="6435" y="5266"/>
                      <a:pt x="6440" y="5270"/>
                      <a:pt x="6438" y="5270"/>
                    </a:cubicBezTo>
                    <a:cubicBezTo>
                      <a:pt x="6431" y="5270"/>
                      <a:pt x="6362" y="5234"/>
                      <a:pt x="6350" y="5234"/>
                    </a:cubicBezTo>
                    <a:cubicBezTo>
                      <a:pt x="6345" y="5234"/>
                      <a:pt x="6348" y="5239"/>
                      <a:pt x="6366" y="5254"/>
                    </a:cubicBezTo>
                    <a:cubicBezTo>
                      <a:pt x="6419" y="5288"/>
                      <a:pt x="6475" y="5319"/>
                      <a:pt x="6533" y="5346"/>
                    </a:cubicBezTo>
                    <a:cubicBezTo>
                      <a:pt x="6579" y="5367"/>
                      <a:pt x="6621" y="5393"/>
                      <a:pt x="6662" y="5418"/>
                    </a:cubicBezTo>
                    <a:cubicBezTo>
                      <a:pt x="6567" y="5388"/>
                      <a:pt x="6625" y="5411"/>
                      <a:pt x="6521" y="5372"/>
                    </a:cubicBezTo>
                    <a:lnTo>
                      <a:pt x="6521" y="5372"/>
                    </a:lnTo>
                    <a:cubicBezTo>
                      <a:pt x="6669" y="5453"/>
                      <a:pt x="6677" y="5462"/>
                      <a:pt x="6665" y="5462"/>
                    </a:cubicBezTo>
                    <a:cubicBezTo>
                      <a:pt x="6661" y="5462"/>
                      <a:pt x="6655" y="5461"/>
                      <a:pt x="6650" y="5461"/>
                    </a:cubicBezTo>
                    <a:cubicBezTo>
                      <a:pt x="6638" y="5461"/>
                      <a:pt x="6637" y="5469"/>
                      <a:pt x="6737" y="5529"/>
                    </a:cubicBezTo>
                    <a:cubicBezTo>
                      <a:pt x="6818" y="5569"/>
                      <a:pt x="6774" y="5529"/>
                      <a:pt x="6901" y="5601"/>
                    </a:cubicBezTo>
                    <a:cubicBezTo>
                      <a:pt x="6836" y="5543"/>
                      <a:pt x="6848" y="5543"/>
                      <a:pt x="6642" y="5427"/>
                    </a:cubicBezTo>
                    <a:lnTo>
                      <a:pt x="6642" y="5427"/>
                    </a:lnTo>
                    <a:cubicBezTo>
                      <a:pt x="6683" y="5437"/>
                      <a:pt x="6750" y="5474"/>
                      <a:pt x="6827" y="5520"/>
                    </a:cubicBezTo>
                    <a:cubicBezTo>
                      <a:pt x="6901" y="5566"/>
                      <a:pt x="6982" y="5608"/>
                      <a:pt x="7063" y="5643"/>
                    </a:cubicBezTo>
                    <a:cubicBezTo>
                      <a:pt x="7012" y="5610"/>
                      <a:pt x="6957" y="5583"/>
                      <a:pt x="6901" y="5557"/>
                    </a:cubicBezTo>
                    <a:cubicBezTo>
                      <a:pt x="6898" y="5538"/>
                      <a:pt x="6878" y="5519"/>
                      <a:pt x="6897" y="5519"/>
                    </a:cubicBezTo>
                    <a:cubicBezTo>
                      <a:pt x="6908" y="5519"/>
                      <a:pt x="6931" y="5525"/>
                      <a:pt x="6975" y="5539"/>
                    </a:cubicBezTo>
                    <a:cubicBezTo>
                      <a:pt x="6906" y="5508"/>
                      <a:pt x="6855" y="5488"/>
                      <a:pt x="6797" y="5464"/>
                    </a:cubicBezTo>
                    <a:cubicBezTo>
                      <a:pt x="6723" y="5432"/>
                      <a:pt x="6649" y="5395"/>
                      <a:pt x="6579" y="5353"/>
                    </a:cubicBezTo>
                    <a:cubicBezTo>
                      <a:pt x="6574" y="5346"/>
                      <a:pt x="6574" y="5343"/>
                      <a:pt x="6579" y="5343"/>
                    </a:cubicBezTo>
                    <a:cubicBezTo>
                      <a:pt x="6609" y="5343"/>
                      <a:pt x="6789" y="5442"/>
                      <a:pt x="6832" y="5442"/>
                    </a:cubicBezTo>
                    <a:cubicBezTo>
                      <a:pt x="6837" y="5442"/>
                      <a:pt x="6840" y="5441"/>
                      <a:pt x="6841" y="5439"/>
                    </a:cubicBezTo>
                    <a:cubicBezTo>
                      <a:pt x="6866" y="5448"/>
                      <a:pt x="6899" y="5467"/>
                      <a:pt x="6936" y="5483"/>
                    </a:cubicBezTo>
                    <a:cubicBezTo>
                      <a:pt x="6975" y="5502"/>
                      <a:pt x="7017" y="5525"/>
                      <a:pt x="7056" y="5548"/>
                    </a:cubicBezTo>
                    <a:cubicBezTo>
                      <a:pt x="7140" y="5592"/>
                      <a:pt x="7223" y="5643"/>
                      <a:pt x="7274" y="5675"/>
                    </a:cubicBezTo>
                    <a:lnTo>
                      <a:pt x="7584" y="5803"/>
                    </a:lnTo>
                    <a:cubicBezTo>
                      <a:pt x="7677" y="5842"/>
                      <a:pt x="7770" y="5877"/>
                      <a:pt x="7865" y="5905"/>
                    </a:cubicBezTo>
                    <a:cubicBezTo>
                      <a:pt x="8001" y="5974"/>
                      <a:pt x="8360" y="6108"/>
                      <a:pt x="8627" y="6215"/>
                    </a:cubicBezTo>
                    <a:cubicBezTo>
                      <a:pt x="8655" y="6240"/>
                      <a:pt x="8856" y="6318"/>
                      <a:pt x="8833" y="6318"/>
                    </a:cubicBezTo>
                    <a:cubicBezTo>
                      <a:pt x="8829" y="6318"/>
                      <a:pt x="8818" y="6315"/>
                      <a:pt x="8800" y="6310"/>
                    </a:cubicBezTo>
                    <a:lnTo>
                      <a:pt x="8800" y="6310"/>
                    </a:lnTo>
                    <a:cubicBezTo>
                      <a:pt x="8847" y="6325"/>
                      <a:pt x="8964" y="6364"/>
                      <a:pt x="8983" y="6364"/>
                    </a:cubicBezTo>
                    <a:cubicBezTo>
                      <a:pt x="8987" y="6364"/>
                      <a:pt x="8986" y="6362"/>
                      <a:pt x="8977" y="6356"/>
                    </a:cubicBezTo>
                    <a:cubicBezTo>
                      <a:pt x="8944" y="6347"/>
                      <a:pt x="8912" y="6335"/>
                      <a:pt x="8879" y="6322"/>
                    </a:cubicBezTo>
                    <a:lnTo>
                      <a:pt x="8928" y="6322"/>
                    </a:lnTo>
                    <a:cubicBezTo>
                      <a:pt x="9058" y="6375"/>
                      <a:pt x="9211" y="6410"/>
                      <a:pt x="9333" y="6463"/>
                    </a:cubicBezTo>
                    <a:cubicBezTo>
                      <a:pt x="9338" y="6466"/>
                      <a:pt x="9337" y="6468"/>
                      <a:pt x="9334" y="6468"/>
                    </a:cubicBezTo>
                    <a:cubicBezTo>
                      <a:pt x="9313" y="6468"/>
                      <a:pt x="9182" y="6421"/>
                      <a:pt x="9162" y="6421"/>
                    </a:cubicBezTo>
                    <a:cubicBezTo>
                      <a:pt x="9156" y="6421"/>
                      <a:pt x="9159" y="6424"/>
                      <a:pt x="9173" y="6433"/>
                    </a:cubicBezTo>
                    <a:cubicBezTo>
                      <a:pt x="9224" y="6442"/>
                      <a:pt x="9275" y="6456"/>
                      <a:pt x="9326" y="6470"/>
                    </a:cubicBezTo>
                    <a:cubicBezTo>
                      <a:pt x="9396" y="6488"/>
                      <a:pt x="9475" y="6509"/>
                      <a:pt x="9556" y="6532"/>
                    </a:cubicBezTo>
                    <a:cubicBezTo>
                      <a:pt x="9634" y="6556"/>
                      <a:pt x="9716" y="6581"/>
                      <a:pt x="9787" y="6604"/>
                    </a:cubicBezTo>
                    <a:cubicBezTo>
                      <a:pt x="9857" y="6627"/>
                      <a:pt x="9919" y="6644"/>
                      <a:pt x="9956" y="6657"/>
                    </a:cubicBezTo>
                    <a:cubicBezTo>
                      <a:pt x="10063" y="6690"/>
                      <a:pt x="10070" y="6715"/>
                      <a:pt x="10114" y="6732"/>
                    </a:cubicBezTo>
                    <a:lnTo>
                      <a:pt x="10297" y="6780"/>
                    </a:lnTo>
                    <a:cubicBezTo>
                      <a:pt x="10311" y="6794"/>
                      <a:pt x="10329" y="6806"/>
                      <a:pt x="10348" y="6817"/>
                    </a:cubicBezTo>
                    <a:cubicBezTo>
                      <a:pt x="10415" y="6838"/>
                      <a:pt x="10485" y="6852"/>
                      <a:pt x="10556" y="6861"/>
                    </a:cubicBezTo>
                    <a:cubicBezTo>
                      <a:pt x="10693" y="6903"/>
                      <a:pt x="10706" y="6916"/>
                      <a:pt x="10667" y="6916"/>
                    </a:cubicBezTo>
                    <a:cubicBezTo>
                      <a:pt x="10639" y="6916"/>
                      <a:pt x="10586" y="6910"/>
                      <a:pt x="10533" y="6903"/>
                    </a:cubicBezTo>
                    <a:lnTo>
                      <a:pt x="10401" y="6864"/>
                    </a:lnTo>
                    <a:cubicBezTo>
                      <a:pt x="10331" y="6856"/>
                      <a:pt x="10243" y="6831"/>
                      <a:pt x="10221" y="6831"/>
                    </a:cubicBezTo>
                    <a:cubicBezTo>
                      <a:pt x="10211" y="6831"/>
                      <a:pt x="10215" y="6836"/>
                      <a:pt x="10239" y="6850"/>
                    </a:cubicBezTo>
                    <a:cubicBezTo>
                      <a:pt x="10262" y="6857"/>
                      <a:pt x="10285" y="6860"/>
                      <a:pt x="10309" y="6860"/>
                    </a:cubicBezTo>
                    <a:cubicBezTo>
                      <a:pt x="10317" y="6860"/>
                      <a:pt x="10324" y="6860"/>
                      <a:pt x="10332" y="6859"/>
                    </a:cubicBezTo>
                    <a:lnTo>
                      <a:pt x="10408" y="6887"/>
                    </a:lnTo>
                    <a:cubicBezTo>
                      <a:pt x="10477" y="6896"/>
                      <a:pt x="10640" y="6931"/>
                      <a:pt x="10683" y="6931"/>
                    </a:cubicBezTo>
                    <a:cubicBezTo>
                      <a:pt x="10692" y="6931"/>
                      <a:pt x="10696" y="6930"/>
                      <a:pt x="10693" y="6926"/>
                    </a:cubicBezTo>
                    <a:lnTo>
                      <a:pt x="10693" y="6926"/>
                    </a:lnTo>
                    <a:cubicBezTo>
                      <a:pt x="10732" y="6938"/>
                      <a:pt x="10774" y="6952"/>
                      <a:pt x="10816" y="6961"/>
                    </a:cubicBezTo>
                    <a:lnTo>
                      <a:pt x="10946" y="6986"/>
                    </a:lnTo>
                    <a:cubicBezTo>
                      <a:pt x="11031" y="7003"/>
                      <a:pt x="11115" y="7021"/>
                      <a:pt x="11184" y="7040"/>
                    </a:cubicBezTo>
                    <a:cubicBezTo>
                      <a:pt x="11087" y="7012"/>
                      <a:pt x="11214" y="7030"/>
                      <a:pt x="11189" y="7012"/>
                    </a:cubicBezTo>
                    <a:lnTo>
                      <a:pt x="11015" y="6972"/>
                    </a:lnTo>
                    <a:lnTo>
                      <a:pt x="11254" y="7012"/>
                    </a:lnTo>
                    <a:lnTo>
                      <a:pt x="11316" y="7023"/>
                    </a:lnTo>
                    <a:lnTo>
                      <a:pt x="11379" y="7033"/>
                    </a:lnTo>
                    <a:cubicBezTo>
                      <a:pt x="11418" y="7040"/>
                      <a:pt x="11455" y="7047"/>
                      <a:pt x="11488" y="7056"/>
                    </a:cubicBezTo>
                    <a:cubicBezTo>
                      <a:pt x="11469" y="7063"/>
                      <a:pt x="11464" y="7065"/>
                      <a:pt x="11529" y="7084"/>
                    </a:cubicBezTo>
                    <a:cubicBezTo>
                      <a:pt x="11507" y="7077"/>
                      <a:pt x="11510" y="7075"/>
                      <a:pt x="11525" y="7075"/>
                    </a:cubicBezTo>
                    <a:cubicBezTo>
                      <a:pt x="11548" y="7075"/>
                      <a:pt x="11600" y="7080"/>
                      <a:pt x="11625" y="7080"/>
                    </a:cubicBezTo>
                    <a:cubicBezTo>
                      <a:pt x="11651" y="7080"/>
                      <a:pt x="11651" y="7075"/>
                      <a:pt x="11576" y="7056"/>
                    </a:cubicBezTo>
                    <a:cubicBezTo>
                      <a:pt x="11499" y="7049"/>
                      <a:pt x="11427" y="7040"/>
                      <a:pt x="11332" y="7023"/>
                    </a:cubicBezTo>
                    <a:cubicBezTo>
                      <a:pt x="11308" y="7011"/>
                      <a:pt x="11319" y="7007"/>
                      <a:pt x="11347" y="7007"/>
                    </a:cubicBezTo>
                    <a:cubicBezTo>
                      <a:pt x="11387" y="7007"/>
                      <a:pt x="11461" y="7015"/>
                      <a:pt x="11513" y="7016"/>
                    </a:cubicBezTo>
                    <a:lnTo>
                      <a:pt x="11731" y="7044"/>
                    </a:lnTo>
                    <a:cubicBezTo>
                      <a:pt x="11773" y="7049"/>
                      <a:pt x="11819" y="7056"/>
                      <a:pt x="11858" y="7058"/>
                    </a:cubicBezTo>
                    <a:lnTo>
                      <a:pt x="11979" y="7067"/>
                    </a:lnTo>
                    <a:cubicBezTo>
                      <a:pt x="12069" y="7081"/>
                      <a:pt x="12095" y="7109"/>
                      <a:pt x="12252" y="7114"/>
                    </a:cubicBezTo>
                    <a:cubicBezTo>
                      <a:pt x="12168" y="7096"/>
                      <a:pt x="12190" y="7090"/>
                      <a:pt x="12247" y="7090"/>
                    </a:cubicBezTo>
                    <a:cubicBezTo>
                      <a:pt x="12257" y="7090"/>
                      <a:pt x="12268" y="7090"/>
                      <a:pt x="12280" y="7091"/>
                    </a:cubicBezTo>
                    <a:lnTo>
                      <a:pt x="12345" y="7091"/>
                    </a:lnTo>
                    <a:lnTo>
                      <a:pt x="12410" y="7088"/>
                    </a:lnTo>
                    <a:cubicBezTo>
                      <a:pt x="12437" y="7088"/>
                      <a:pt x="12467" y="7086"/>
                      <a:pt x="12498" y="7081"/>
                    </a:cubicBezTo>
                    <a:cubicBezTo>
                      <a:pt x="12648" y="7102"/>
                      <a:pt x="12743" y="7081"/>
                      <a:pt x="12864" y="7107"/>
                    </a:cubicBezTo>
                    <a:cubicBezTo>
                      <a:pt x="12856" y="7107"/>
                      <a:pt x="12847" y="7108"/>
                      <a:pt x="12836" y="7108"/>
                    </a:cubicBezTo>
                    <a:cubicBezTo>
                      <a:pt x="12774" y="7108"/>
                      <a:pt x="12659" y="7101"/>
                      <a:pt x="12580" y="7101"/>
                    </a:cubicBezTo>
                    <a:cubicBezTo>
                      <a:pt x="12549" y="7101"/>
                      <a:pt x="12524" y="7102"/>
                      <a:pt x="12509" y="7105"/>
                    </a:cubicBezTo>
                    <a:cubicBezTo>
                      <a:pt x="12501" y="7116"/>
                      <a:pt x="12543" y="7139"/>
                      <a:pt x="12407" y="7139"/>
                    </a:cubicBezTo>
                    <a:cubicBezTo>
                      <a:pt x="12385" y="7139"/>
                      <a:pt x="12358" y="7138"/>
                      <a:pt x="12326" y="7137"/>
                    </a:cubicBezTo>
                    <a:lnTo>
                      <a:pt x="12326" y="7137"/>
                    </a:lnTo>
                    <a:cubicBezTo>
                      <a:pt x="12419" y="7146"/>
                      <a:pt x="12468" y="7149"/>
                      <a:pt x="12497" y="7149"/>
                    </a:cubicBezTo>
                    <a:cubicBezTo>
                      <a:pt x="12550" y="7149"/>
                      <a:pt x="12536" y="7139"/>
                      <a:pt x="12604" y="7139"/>
                    </a:cubicBezTo>
                    <a:cubicBezTo>
                      <a:pt x="12608" y="7139"/>
                      <a:pt x="12613" y="7139"/>
                      <a:pt x="12618" y="7139"/>
                    </a:cubicBezTo>
                    <a:lnTo>
                      <a:pt x="12523" y="7135"/>
                    </a:lnTo>
                    <a:cubicBezTo>
                      <a:pt x="12560" y="7133"/>
                      <a:pt x="12508" y="7119"/>
                      <a:pt x="12541" y="7119"/>
                    </a:cubicBezTo>
                    <a:cubicBezTo>
                      <a:pt x="12547" y="7119"/>
                      <a:pt x="12556" y="7120"/>
                      <a:pt x="12569" y="7121"/>
                    </a:cubicBezTo>
                    <a:cubicBezTo>
                      <a:pt x="12655" y="7128"/>
                      <a:pt x="12715" y="7135"/>
                      <a:pt x="12771" y="7142"/>
                    </a:cubicBezTo>
                    <a:cubicBezTo>
                      <a:pt x="12824" y="7149"/>
                      <a:pt x="12868" y="7155"/>
                      <a:pt x="12910" y="7160"/>
                    </a:cubicBezTo>
                    <a:lnTo>
                      <a:pt x="13169" y="7193"/>
                    </a:lnTo>
                    <a:cubicBezTo>
                      <a:pt x="13121" y="7181"/>
                      <a:pt x="13223" y="7174"/>
                      <a:pt x="13274" y="7174"/>
                    </a:cubicBezTo>
                    <a:cubicBezTo>
                      <a:pt x="13487" y="7193"/>
                      <a:pt x="13271" y="7206"/>
                      <a:pt x="13401" y="7232"/>
                    </a:cubicBezTo>
                    <a:cubicBezTo>
                      <a:pt x="13475" y="7218"/>
                      <a:pt x="13621" y="7218"/>
                      <a:pt x="13570" y="7209"/>
                    </a:cubicBezTo>
                    <a:cubicBezTo>
                      <a:pt x="13582" y="7208"/>
                      <a:pt x="13591" y="7208"/>
                      <a:pt x="13599" y="7208"/>
                    </a:cubicBezTo>
                    <a:cubicBezTo>
                      <a:pt x="13646" y="7208"/>
                      <a:pt x="13620" y="7214"/>
                      <a:pt x="13672" y="7218"/>
                    </a:cubicBezTo>
                    <a:cubicBezTo>
                      <a:pt x="13741" y="7203"/>
                      <a:pt x="13811" y="7194"/>
                      <a:pt x="13882" y="7194"/>
                    </a:cubicBezTo>
                    <a:cubicBezTo>
                      <a:pt x="13890" y="7194"/>
                      <a:pt x="13898" y="7195"/>
                      <a:pt x="13906" y="7195"/>
                    </a:cubicBezTo>
                    <a:cubicBezTo>
                      <a:pt x="13896" y="7201"/>
                      <a:pt x="13883" y="7209"/>
                      <a:pt x="13800" y="7209"/>
                    </a:cubicBezTo>
                    <a:cubicBezTo>
                      <a:pt x="13796" y="7209"/>
                      <a:pt x="13791" y="7209"/>
                      <a:pt x="13786" y="7209"/>
                    </a:cubicBezTo>
                    <a:lnTo>
                      <a:pt x="13786" y="7209"/>
                    </a:lnTo>
                    <a:cubicBezTo>
                      <a:pt x="13823" y="7210"/>
                      <a:pt x="13859" y="7215"/>
                      <a:pt x="13894" y="7225"/>
                    </a:cubicBezTo>
                    <a:cubicBezTo>
                      <a:pt x="13915" y="7232"/>
                      <a:pt x="13913" y="7241"/>
                      <a:pt x="13885" y="7248"/>
                    </a:cubicBezTo>
                    <a:lnTo>
                      <a:pt x="13681" y="7241"/>
                    </a:lnTo>
                    <a:lnTo>
                      <a:pt x="13681" y="7241"/>
                    </a:lnTo>
                    <a:cubicBezTo>
                      <a:pt x="13589" y="7260"/>
                      <a:pt x="13871" y="7246"/>
                      <a:pt x="13864" y="7260"/>
                    </a:cubicBezTo>
                    <a:cubicBezTo>
                      <a:pt x="13839" y="7262"/>
                      <a:pt x="13815" y="7262"/>
                      <a:pt x="13793" y="7262"/>
                    </a:cubicBezTo>
                    <a:cubicBezTo>
                      <a:pt x="13746" y="7262"/>
                      <a:pt x="13706" y="7259"/>
                      <a:pt x="13669" y="7259"/>
                    </a:cubicBezTo>
                    <a:cubicBezTo>
                      <a:pt x="13662" y="7259"/>
                      <a:pt x="13656" y="7259"/>
                      <a:pt x="13649" y="7260"/>
                    </a:cubicBezTo>
                    <a:cubicBezTo>
                      <a:pt x="13677" y="7265"/>
                      <a:pt x="13707" y="7267"/>
                      <a:pt x="13738" y="7267"/>
                    </a:cubicBezTo>
                    <a:cubicBezTo>
                      <a:pt x="13759" y="7267"/>
                      <a:pt x="13781" y="7266"/>
                      <a:pt x="13802" y="7264"/>
                    </a:cubicBezTo>
                    <a:cubicBezTo>
                      <a:pt x="13834" y="7262"/>
                      <a:pt x="13867" y="7262"/>
                      <a:pt x="13899" y="7260"/>
                    </a:cubicBezTo>
                    <a:cubicBezTo>
                      <a:pt x="13931" y="7255"/>
                      <a:pt x="13962" y="7253"/>
                      <a:pt x="13987" y="7250"/>
                    </a:cubicBezTo>
                    <a:cubicBezTo>
                      <a:pt x="14012" y="7249"/>
                      <a:pt x="14032" y="7249"/>
                      <a:pt x="14048" y="7249"/>
                    </a:cubicBezTo>
                    <a:cubicBezTo>
                      <a:pt x="14135" y="7249"/>
                      <a:pt x="14094" y="7263"/>
                      <a:pt x="14096" y="7271"/>
                    </a:cubicBezTo>
                    <a:cubicBezTo>
                      <a:pt x="14374" y="7227"/>
                      <a:pt x="13772" y="7262"/>
                      <a:pt x="14031" y="7223"/>
                    </a:cubicBezTo>
                    <a:cubicBezTo>
                      <a:pt x="14108" y="7206"/>
                      <a:pt x="14184" y="7197"/>
                      <a:pt x="14263" y="7193"/>
                    </a:cubicBezTo>
                    <a:lnTo>
                      <a:pt x="14409" y="7181"/>
                    </a:lnTo>
                    <a:lnTo>
                      <a:pt x="14550" y="7165"/>
                    </a:lnTo>
                    <a:cubicBezTo>
                      <a:pt x="14399" y="7160"/>
                      <a:pt x="14564" y="7132"/>
                      <a:pt x="14742" y="7107"/>
                    </a:cubicBezTo>
                    <a:lnTo>
                      <a:pt x="14742" y="7107"/>
                    </a:lnTo>
                    <a:cubicBezTo>
                      <a:pt x="14684" y="7113"/>
                      <a:pt x="14651" y="7114"/>
                      <a:pt x="14631" y="7114"/>
                    </a:cubicBezTo>
                    <a:cubicBezTo>
                      <a:pt x="14599" y="7114"/>
                      <a:pt x="14594" y="7110"/>
                      <a:pt x="14572" y="7110"/>
                    </a:cubicBezTo>
                    <a:cubicBezTo>
                      <a:pt x="14550" y="7110"/>
                      <a:pt x="14510" y="7114"/>
                      <a:pt x="14409" y="7130"/>
                    </a:cubicBezTo>
                    <a:lnTo>
                      <a:pt x="14402" y="7114"/>
                    </a:lnTo>
                    <a:cubicBezTo>
                      <a:pt x="14518" y="7102"/>
                      <a:pt x="14657" y="7095"/>
                      <a:pt x="14772" y="7084"/>
                    </a:cubicBezTo>
                    <a:lnTo>
                      <a:pt x="14772" y="7084"/>
                    </a:lnTo>
                    <a:cubicBezTo>
                      <a:pt x="14751" y="7090"/>
                      <a:pt x="14770" y="7092"/>
                      <a:pt x="14746" y="7096"/>
                    </a:cubicBezTo>
                    <a:lnTo>
                      <a:pt x="14746" y="7096"/>
                    </a:lnTo>
                    <a:cubicBezTo>
                      <a:pt x="14859" y="7080"/>
                      <a:pt x="14970" y="7062"/>
                      <a:pt x="15083" y="7044"/>
                    </a:cubicBezTo>
                    <a:lnTo>
                      <a:pt x="15083" y="7044"/>
                    </a:lnTo>
                    <a:lnTo>
                      <a:pt x="15048" y="7060"/>
                    </a:lnTo>
                    <a:cubicBezTo>
                      <a:pt x="15261" y="7030"/>
                      <a:pt x="15523" y="6993"/>
                      <a:pt x="15648" y="6959"/>
                    </a:cubicBezTo>
                    <a:lnTo>
                      <a:pt x="15648" y="6959"/>
                    </a:lnTo>
                    <a:cubicBezTo>
                      <a:pt x="15597" y="6970"/>
                      <a:pt x="15549" y="6977"/>
                      <a:pt x="15527" y="6977"/>
                    </a:cubicBezTo>
                    <a:cubicBezTo>
                      <a:pt x="15504" y="6977"/>
                      <a:pt x="15508" y="6970"/>
                      <a:pt x="15560" y="6956"/>
                    </a:cubicBezTo>
                    <a:cubicBezTo>
                      <a:pt x="15648" y="6928"/>
                      <a:pt x="15736" y="6905"/>
                      <a:pt x="15826" y="6887"/>
                    </a:cubicBezTo>
                    <a:cubicBezTo>
                      <a:pt x="15828" y="6887"/>
                      <a:pt x="15831" y="6887"/>
                      <a:pt x="15834" y="6887"/>
                    </a:cubicBezTo>
                    <a:cubicBezTo>
                      <a:pt x="15884" y="6887"/>
                      <a:pt x="16057" y="6848"/>
                      <a:pt x="16085" y="6848"/>
                    </a:cubicBezTo>
                    <a:cubicBezTo>
                      <a:pt x="16098" y="6848"/>
                      <a:pt x="16082" y="6856"/>
                      <a:pt x="16016" y="6877"/>
                    </a:cubicBezTo>
                    <a:cubicBezTo>
                      <a:pt x="16090" y="6857"/>
                      <a:pt x="16137" y="6845"/>
                      <a:pt x="16174" y="6833"/>
                    </a:cubicBezTo>
                    <a:cubicBezTo>
                      <a:pt x="16209" y="6822"/>
                      <a:pt x="16232" y="6813"/>
                      <a:pt x="16250" y="6803"/>
                    </a:cubicBezTo>
                    <a:cubicBezTo>
                      <a:pt x="16294" y="6787"/>
                      <a:pt x="16336" y="6771"/>
                      <a:pt x="16473" y="6727"/>
                    </a:cubicBezTo>
                    <a:lnTo>
                      <a:pt x="16473" y="6727"/>
                    </a:lnTo>
                    <a:lnTo>
                      <a:pt x="16290" y="6785"/>
                    </a:lnTo>
                    <a:cubicBezTo>
                      <a:pt x="16268" y="6778"/>
                      <a:pt x="16349" y="6737"/>
                      <a:pt x="16307" y="6737"/>
                    </a:cubicBezTo>
                    <a:cubicBezTo>
                      <a:pt x="16294" y="6737"/>
                      <a:pt x="16269" y="6740"/>
                      <a:pt x="16227" y="6750"/>
                    </a:cubicBezTo>
                    <a:cubicBezTo>
                      <a:pt x="16280" y="6736"/>
                      <a:pt x="16329" y="6715"/>
                      <a:pt x="16373" y="6685"/>
                    </a:cubicBezTo>
                    <a:cubicBezTo>
                      <a:pt x="16392" y="6674"/>
                      <a:pt x="16410" y="6664"/>
                      <a:pt x="16429" y="6655"/>
                    </a:cubicBezTo>
                    <a:cubicBezTo>
                      <a:pt x="16459" y="6646"/>
                      <a:pt x="16500" y="6630"/>
                      <a:pt x="16570" y="6606"/>
                    </a:cubicBezTo>
                    <a:cubicBezTo>
                      <a:pt x="16589" y="6602"/>
                      <a:pt x="16601" y="6600"/>
                      <a:pt x="16607" y="6600"/>
                    </a:cubicBezTo>
                    <a:cubicBezTo>
                      <a:pt x="16620" y="6600"/>
                      <a:pt x="16608" y="6609"/>
                      <a:pt x="16581" y="6623"/>
                    </a:cubicBezTo>
                    <a:cubicBezTo>
                      <a:pt x="16561" y="6632"/>
                      <a:pt x="16533" y="6646"/>
                      <a:pt x="16500" y="6660"/>
                    </a:cubicBezTo>
                    <a:cubicBezTo>
                      <a:pt x="16468" y="6671"/>
                      <a:pt x="16429" y="6685"/>
                      <a:pt x="16392" y="6697"/>
                    </a:cubicBezTo>
                    <a:cubicBezTo>
                      <a:pt x="16431" y="6685"/>
                      <a:pt x="16468" y="6678"/>
                      <a:pt x="16507" y="6667"/>
                    </a:cubicBezTo>
                    <a:cubicBezTo>
                      <a:pt x="16547" y="6657"/>
                      <a:pt x="16584" y="6644"/>
                      <a:pt x="16621" y="6625"/>
                    </a:cubicBezTo>
                    <a:cubicBezTo>
                      <a:pt x="16624" y="6625"/>
                      <a:pt x="16626" y="6625"/>
                      <a:pt x="16628" y="6625"/>
                    </a:cubicBezTo>
                    <a:cubicBezTo>
                      <a:pt x="16666" y="6625"/>
                      <a:pt x="16480" y="6695"/>
                      <a:pt x="16489" y="6697"/>
                    </a:cubicBezTo>
                    <a:cubicBezTo>
                      <a:pt x="16632" y="6653"/>
                      <a:pt x="16484" y="6690"/>
                      <a:pt x="16616" y="6644"/>
                    </a:cubicBezTo>
                    <a:cubicBezTo>
                      <a:pt x="16846" y="6551"/>
                      <a:pt x="16776" y="6620"/>
                      <a:pt x="16994" y="6532"/>
                    </a:cubicBezTo>
                    <a:lnTo>
                      <a:pt x="16994" y="6532"/>
                    </a:lnTo>
                    <a:cubicBezTo>
                      <a:pt x="16960" y="6544"/>
                      <a:pt x="16907" y="6560"/>
                      <a:pt x="16897" y="6560"/>
                    </a:cubicBezTo>
                    <a:cubicBezTo>
                      <a:pt x="16892" y="6560"/>
                      <a:pt x="16896" y="6557"/>
                      <a:pt x="16913" y="6549"/>
                    </a:cubicBezTo>
                    <a:cubicBezTo>
                      <a:pt x="17212" y="6442"/>
                      <a:pt x="17075" y="6477"/>
                      <a:pt x="17286" y="6386"/>
                    </a:cubicBezTo>
                    <a:cubicBezTo>
                      <a:pt x="17325" y="6377"/>
                      <a:pt x="17362" y="6375"/>
                      <a:pt x="17402" y="6375"/>
                    </a:cubicBezTo>
                    <a:cubicBezTo>
                      <a:pt x="17422" y="6375"/>
                      <a:pt x="17441" y="6370"/>
                      <a:pt x="17459" y="6366"/>
                    </a:cubicBezTo>
                    <a:cubicBezTo>
                      <a:pt x="17488" y="6358"/>
                      <a:pt x="17516" y="6349"/>
                      <a:pt x="17543" y="6338"/>
                    </a:cubicBezTo>
                    <a:lnTo>
                      <a:pt x="17543" y="6338"/>
                    </a:lnTo>
                    <a:cubicBezTo>
                      <a:pt x="17515" y="6350"/>
                      <a:pt x="17488" y="6362"/>
                      <a:pt x="17459" y="6373"/>
                    </a:cubicBezTo>
                    <a:cubicBezTo>
                      <a:pt x="17543" y="6349"/>
                      <a:pt x="17626" y="6322"/>
                      <a:pt x="17703" y="6284"/>
                    </a:cubicBezTo>
                    <a:cubicBezTo>
                      <a:pt x="17754" y="6261"/>
                      <a:pt x="17800" y="6238"/>
                      <a:pt x="17849" y="6215"/>
                    </a:cubicBezTo>
                    <a:lnTo>
                      <a:pt x="17985" y="6141"/>
                    </a:lnTo>
                    <a:cubicBezTo>
                      <a:pt x="18073" y="6092"/>
                      <a:pt x="18161" y="6044"/>
                      <a:pt x="18247" y="5993"/>
                    </a:cubicBezTo>
                    <a:lnTo>
                      <a:pt x="18377" y="5914"/>
                    </a:lnTo>
                    <a:cubicBezTo>
                      <a:pt x="18421" y="5888"/>
                      <a:pt x="18462" y="5863"/>
                      <a:pt x="18506" y="5835"/>
                    </a:cubicBezTo>
                    <a:lnTo>
                      <a:pt x="18684" y="5725"/>
                    </a:lnTo>
                    <a:lnTo>
                      <a:pt x="18684" y="5725"/>
                    </a:lnTo>
                    <a:cubicBezTo>
                      <a:pt x="18671" y="5733"/>
                      <a:pt x="18657" y="5741"/>
                      <a:pt x="18643" y="5749"/>
                    </a:cubicBezTo>
                    <a:cubicBezTo>
                      <a:pt x="18638" y="5751"/>
                      <a:pt x="18636" y="5752"/>
                      <a:pt x="18634" y="5752"/>
                    </a:cubicBezTo>
                    <a:cubicBezTo>
                      <a:pt x="18621" y="5752"/>
                      <a:pt x="18754" y="5677"/>
                      <a:pt x="18747" y="5671"/>
                    </a:cubicBezTo>
                    <a:lnTo>
                      <a:pt x="18840" y="5629"/>
                    </a:lnTo>
                    <a:cubicBezTo>
                      <a:pt x="18841" y="5626"/>
                      <a:pt x="18841" y="5625"/>
                      <a:pt x="18838" y="5625"/>
                    </a:cubicBezTo>
                    <a:cubicBezTo>
                      <a:pt x="18827" y="5625"/>
                      <a:pt x="18787" y="5645"/>
                      <a:pt x="18750" y="5664"/>
                    </a:cubicBezTo>
                    <a:cubicBezTo>
                      <a:pt x="18718" y="5680"/>
                      <a:pt x="18686" y="5694"/>
                      <a:pt x="18677" y="5694"/>
                    </a:cubicBezTo>
                    <a:cubicBezTo>
                      <a:pt x="18674" y="5694"/>
                      <a:pt x="18674" y="5691"/>
                      <a:pt x="18680" y="5685"/>
                    </a:cubicBezTo>
                    <a:cubicBezTo>
                      <a:pt x="18701" y="5675"/>
                      <a:pt x="18720" y="5666"/>
                      <a:pt x="18738" y="5654"/>
                    </a:cubicBezTo>
                    <a:lnTo>
                      <a:pt x="18738" y="5654"/>
                    </a:lnTo>
                    <a:lnTo>
                      <a:pt x="18657" y="5694"/>
                    </a:lnTo>
                    <a:cubicBezTo>
                      <a:pt x="18740" y="5650"/>
                      <a:pt x="18821" y="5599"/>
                      <a:pt x="18898" y="5546"/>
                    </a:cubicBezTo>
                    <a:cubicBezTo>
                      <a:pt x="18965" y="5502"/>
                      <a:pt x="19037" y="5460"/>
                      <a:pt x="19111" y="5427"/>
                    </a:cubicBezTo>
                    <a:lnTo>
                      <a:pt x="19111" y="5427"/>
                    </a:lnTo>
                    <a:cubicBezTo>
                      <a:pt x="19028" y="5483"/>
                      <a:pt x="18981" y="5511"/>
                      <a:pt x="18958" y="5532"/>
                    </a:cubicBezTo>
                    <a:cubicBezTo>
                      <a:pt x="18933" y="5552"/>
                      <a:pt x="18930" y="5559"/>
                      <a:pt x="18926" y="5569"/>
                    </a:cubicBezTo>
                    <a:cubicBezTo>
                      <a:pt x="18921" y="5587"/>
                      <a:pt x="18917" y="5605"/>
                      <a:pt x="18764" y="5700"/>
                    </a:cubicBezTo>
                    <a:lnTo>
                      <a:pt x="18764" y="5700"/>
                    </a:lnTo>
                    <a:cubicBezTo>
                      <a:pt x="18813" y="5669"/>
                      <a:pt x="18833" y="5659"/>
                      <a:pt x="18838" y="5659"/>
                    </a:cubicBezTo>
                    <a:cubicBezTo>
                      <a:pt x="18849" y="5659"/>
                      <a:pt x="18798" y="5701"/>
                      <a:pt x="18809" y="5701"/>
                    </a:cubicBezTo>
                    <a:cubicBezTo>
                      <a:pt x="18809" y="5701"/>
                      <a:pt x="18809" y="5701"/>
                      <a:pt x="18810" y="5701"/>
                    </a:cubicBezTo>
                    <a:cubicBezTo>
                      <a:pt x="18907" y="5647"/>
                      <a:pt x="18849" y="5664"/>
                      <a:pt x="18960" y="5603"/>
                    </a:cubicBezTo>
                    <a:lnTo>
                      <a:pt x="18960" y="5603"/>
                    </a:lnTo>
                    <a:cubicBezTo>
                      <a:pt x="18964" y="5613"/>
                      <a:pt x="18802" y="5719"/>
                      <a:pt x="18817" y="5719"/>
                    </a:cubicBezTo>
                    <a:cubicBezTo>
                      <a:pt x="18820" y="5719"/>
                      <a:pt x="18828" y="5716"/>
                      <a:pt x="18845" y="5708"/>
                    </a:cubicBezTo>
                    <a:cubicBezTo>
                      <a:pt x="18847" y="5685"/>
                      <a:pt x="18944" y="5631"/>
                      <a:pt x="18984" y="5592"/>
                    </a:cubicBezTo>
                    <a:cubicBezTo>
                      <a:pt x="19008" y="5580"/>
                      <a:pt x="19019" y="5576"/>
                      <a:pt x="19022" y="5576"/>
                    </a:cubicBezTo>
                    <a:cubicBezTo>
                      <a:pt x="19029" y="5576"/>
                      <a:pt x="19011" y="5590"/>
                      <a:pt x="19017" y="5590"/>
                    </a:cubicBezTo>
                    <a:cubicBezTo>
                      <a:pt x="19019" y="5590"/>
                      <a:pt x="19022" y="5590"/>
                      <a:pt x="19028" y="5587"/>
                    </a:cubicBezTo>
                    <a:cubicBezTo>
                      <a:pt x="19069" y="5559"/>
                      <a:pt x="19093" y="5539"/>
                      <a:pt x="19132" y="5515"/>
                    </a:cubicBezTo>
                    <a:lnTo>
                      <a:pt x="19132" y="5515"/>
                    </a:lnTo>
                    <a:lnTo>
                      <a:pt x="19109" y="5546"/>
                    </a:lnTo>
                    <a:cubicBezTo>
                      <a:pt x="19333" y="5418"/>
                      <a:pt x="19167" y="5490"/>
                      <a:pt x="19415" y="5335"/>
                    </a:cubicBezTo>
                    <a:cubicBezTo>
                      <a:pt x="19415" y="5333"/>
                      <a:pt x="19413" y="5332"/>
                      <a:pt x="19411" y="5332"/>
                    </a:cubicBezTo>
                    <a:cubicBezTo>
                      <a:pt x="19395" y="5332"/>
                      <a:pt x="19327" y="5378"/>
                      <a:pt x="19238" y="5437"/>
                    </a:cubicBezTo>
                    <a:cubicBezTo>
                      <a:pt x="19238" y="5437"/>
                      <a:pt x="19237" y="5437"/>
                      <a:pt x="19237" y="5437"/>
                    </a:cubicBezTo>
                    <a:cubicBezTo>
                      <a:pt x="19207" y="5437"/>
                      <a:pt x="19282" y="5380"/>
                      <a:pt x="19357" y="5321"/>
                    </a:cubicBezTo>
                    <a:cubicBezTo>
                      <a:pt x="19435" y="5261"/>
                      <a:pt x="19514" y="5191"/>
                      <a:pt x="19493" y="5184"/>
                    </a:cubicBezTo>
                    <a:cubicBezTo>
                      <a:pt x="19561" y="5136"/>
                      <a:pt x="19583" y="5122"/>
                      <a:pt x="19587" y="5122"/>
                    </a:cubicBezTo>
                    <a:cubicBezTo>
                      <a:pt x="19592" y="5122"/>
                      <a:pt x="19556" y="5154"/>
                      <a:pt x="19566" y="5154"/>
                    </a:cubicBezTo>
                    <a:cubicBezTo>
                      <a:pt x="19571" y="5154"/>
                      <a:pt x="19591" y="5144"/>
                      <a:pt x="19642" y="5112"/>
                    </a:cubicBezTo>
                    <a:cubicBezTo>
                      <a:pt x="19657" y="5104"/>
                      <a:pt x="19667" y="5101"/>
                      <a:pt x="19671" y="5101"/>
                    </a:cubicBezTo>
                    <a:cubicBezTo>
                      <a:pt x="19681" y="5101"/>
                      <a:pt x="19655" y="5126"/>
                      <a:pt x="19616" y="5156"/>
                    </a:cubicBezTo>
                    <a:cubicBezTo>
                      <a:pt x="19563" y="5198"/>
                      <a:pt x="19491" y="5251"/>
                      <a:pt x="19470" y="5275"/>
                    </a:cubicBezTo>
                    <a:lnTo>
                      <a:pt x="19681" y="5149"/>
                    </a:lnTo>
                    <a:lnTo>
                      <a:pt x="19681" y="5149"/>
                    </a:lnTo>
                    <a:cubicBezTo>
                      <a:pt x="19630" y="5219"/>
                      <a:pt x="19498" y="5298"/>
                      <a:pt x="19479" y="5344"/>
                    </a:cubicBezTo>
                    <a:cubicBezTo>
                      <a:pt x="19553" y="5293"/>
                      <a:pt x="19586" y="5268"/>
                      <a:pt x="19618" y="5242"/>
                    </a:cubicBezTo>
                    <a:cubicBezTo>
                      <a:pt x="19651" y="5217"/>
                      <a:pt x="19683" y="5193"/>
                      <a:pt x="19755" y="5133"/>
                    </a:cubicBezTo>
                    <a:lnTo>
                      <a:pt x="19755" y="5133"/>
                    </a:lnTo>
                    <a:cubicBezTo>
                      <a:pt x="19725" y="5154"/>
                      <a:pt x="19692" y="5173"/>
                      <a:pt x="19658" y="5186"/>
                    </a:cubicBezTo>
                    <a:cubicBezTo>
                      <a:pt x="19653" y="5186"/>
                      <a:pt x="19669" y="5173"/>
                      <a:pt x="19688" y="5156"/>
                    </a:cubicBezTo>
                    <a:cubicBezTo>
                      <a:pt x="19714" y="5133"/>
                      <a:pt x="19746" y="5104"/>
                      <a:pt x="19733" y="5104"/>
                    </a:cubicBezTo>
                    <a:cubicBezTo>
                      <a:pt x="19728" y="5104"/>
                      <a:pt x="19716" y="5108"/>
                      <a:pt x="19695" y="5119"/>
                    </a:cubicBezTo>
                    <a:cubicBezTo>
                      <a:pt x="19781" y="5071"/>
                      <a:pt x="19864" y="5015"/>
                      <a:pt x="19943" y="4957"/>
                    </a:cubicBezTo>
                    <a:lnTo>
                      <a:pt x="19943" y="4957"/>
                    </a:lnTo>
                    <a:cubicBezTo>
                      <a:pt x="19853" y="5028"/>
                      <a:pt x="19932" y="4988"/>
                      <a:pt x="19849" y="5052"/>
                    </a:cubicBezTo>
                    <a:lnTo>
                      <a:pt x="19849" y="5052"/>
                    </a:lnTo>
                    <a:cubicBezTo>
                      <a:pt x="20027" y="4919"/>
                      <a:pt x="19982" y="4945"/>
                      <a:pt x="20184" y="4786"/>
                    </a:cubicBezTo>
                    <a:cubicBezTo>
                      <a:pt x="20191" y="4776"/>
                      <a:pt x="20192" y="4772"/>
                      <a:pt x="20188" y="4772"/>
                    </a:cubicBezTo>
                    <a:cubicBezTo>
                      <a:pt x="20175" y="4772"/>
                      <a:pt x="20107" y="4818"/>
                      <a:pt x="20098" y="4818"/>
                    </a:cubicBezTo>
                    <a:cubicBezTo>
                      <a:pt x="20092" y="4818"/>
                      <a:pt x="20114" y="4797"/>
                      <a:pt x="20200" y="4723"/>
                    </a:cubicBezTo>
                    <a:cubicBezTo>
                      <a:pt x="20226" y="4703"/>
                      <a:pt x="20238" y="4695"/>
                      <a:pt x="20241" y="4695"/>
                    </a:cubicBezTo>
                    <a:cubicBezTo>
                      <a:pt x="20243" y="4695"/>
                      <a:pt x="20233" y="4705"/>
                      <a:pt x="20216" y="4719"/>
                    </a:cubicBezTo>
                    <a:cubicBezTo>
                      <a:pt x="20283" y="4667"/>
                      <a:pt x="20295" y="4655"/>
                      <a:pt x="20288" y="4655"/>
                    </a:cubicBezTo>
                    <a:cubicBezTo>
                      <a:pt x="20281" y="4655"/>
                      <a:pt x="20256" y="4666"/>
                      <a:pt x="20246" y="4666"/>
                    </a:cubicBezTo>
                    <a:cubicBezTo>
                      <a:pt x="20237" y="4666"/>
                      <a:pt x="20239" y="4658"/>
                      <a:pt x="20269" y="4628"/>
                    </a:cubicBezTo>
                    <a:cubicBezTo>
                      <a:pt x="20322" y="4584"/>
                      <a:pt x="20355" y="4561"/>
                      <a:pt x="20360" y="4561"/>
                    </a:cubicBezTo>
                    <a:cubicBezTo>
                      <a:pt x="20363" y="4561"/>
                      <a:pt x="20360" y="4566"/>
                      <a:pt x="20350" y="4575"/>
                    </a:cubicBezTo>
                    <a:cubicBezTo>
                      <a:pt x="20459" y="4471"/>
                      <a:pt x="20387" y="4512"/>
                      <a:pt x="20462" y="4445"/>
                    </a:cubicBezTo>
                    <a:lnTo>
                      <a:pt x="20462" y="4445"/>
                    </a:lnTo>
                    <a:lnTo>
                      <a:pt x="20424" y="4475"/>
                    </a:lnTo>
                    <a:cubicBezTo>
                      <a:pt x="20438" y="4459"/>
                      <a:pt x="20420" y="4464"/>
                      <a:pt x="20418" y="4457"/>
                    </a:cubicBezTo>
                    <a:cubicBezTo>
                      <a:pt x="20413" y="4448"/>
                      <a:pt x="20429" y="4427"/>
                      <a:pt x="20510" y="4355"/>
                    </a:cubicBezTo>
                    <a:cubicBezTo>
                      <a:pt x="20575" y="4296"/>
                      <a:pt x="20595" y="4282"/>
                      <a:pt x="20601" y="4282"/>
                    </a:cubicBezTo>
                    <a:cubicBezTo>
                      <a:pt x="20606" y="4282"/>
                      <a:pt x="20602" y="4291"/>
                      <a:pt x="20605" y="4292"/>
                    </a:cubicBezTo>
                    <a:cubicBezTo>
                      <a:pt x="20649" y="4248"/>
                      <a:pt x="20691" y="4214"/>
                      <a:pt x="20728" y="4181"/>
                    </a:cubicBezTo>
                    <a:cubicBezTo>
                      <a:pt x="20767" y="4149"/>
                      <a:pt x="20800" y="4119"/>
                      <a:pt x="20834" y="4093"/>
                    </a:cubicBezTo>
                    <a:lnTo>
                      <a:pt x="20834" y="4093"/>
                    </a:lnTo>
                    <a:cubicBezTo>
                      <a:pt x="20833" y="4094"/>
                      <a:pt x="20832" y="4094"/>
                      <a:pt x="20831" y="4094"/>
                    </a:cubicBezTo>
                    <a:cubicBezTo>
                      <a:pt x="20827" y="4094"/>
                      <a:pt x="20834" y="4084"/>
                      <a:pt x="20855" y="4061"/>
                    </a:cubicBezTo>
                    <a:cubicBezTo>
                      <a:pt x="21004" y="3912"/>
                      <a:pt x="20957" y="3991"/>
                      <a:pt x="21015" y="3938"/>
                    </a:cubicBezTo>
                    <a:cubicBezTo>
                      <a:pt x="21233" y="3734"/>
                      <a:pt x="20962" y="3938"/>
                      <a:pt x="21196" y="3702"/>
                    </a:cubicBezTo>
                    <a:lnTo>
                      <a:pt x="21196" y="3702"/>
                    </a:lnTo>
                    <a:lnTo>
                      <a:pt x="21057" y="3836"/>
                    </a:lnTo>
                    <a:cubicBezTo>
                      <a:pt x="21011" y="3882"/>
                      <a:pt x="20967" y="3926"/>
                      <a:pt x="20918" y="3970"/>
                    </a:cubicBezTo>
                    <a:cubicBezTo>
                      <a:pt x="20920" y="3962"/>
                      <a:pt x="20920" y="3953"/>
                      <a:pt x="20913" y="3953"/>
                    </a:cubicBezTo>
                    <a:cubicBezTo>
                      <a:pt x="20905" y="3953"/>
                      <a:pt x="20889" y="3963"/>
                      <a:pt x="20858" y="3994"/>
                    </a:cubicBezTo>
                    <a:cubicBezTo>
                      <a:pt x="20862" y="4007"/>
                      <a:pt x="20772" y="4114"/>
                      <a:pt x="20675" y="4197"/>
                    </a:cubicBezTo>
                    <a:cubicBezTo>
                      <a:pt x="20674" y="4198"/>
                      <a:pt x="20673" y="4198"/>
                      <a:pt x="20672" y="4198"/>
                    </a:cubicBezTo>
                    <a:cubicBezTo>
                      <a:pt x="20656" y="4198"/>
                      <a:pt x="20815" y="4043"/>
                      <a:pt x="20799" y="4043"/>
                    </a:cubicBezTo>
                    <a:cubicBezTo>
                      <a:pt x="20795" y="4043"/>
                      <a:pt x="20779" y="4054"/>
                      <a:pt x="20744" y="4082"/>
                    </a:cubicBezTo>
                    <a:cubicBezTo>
                      <a:pt x="20802" y="4031"/>
                      <a:pt x="20879" y="3954"/>
                      <a:pt x="20948" y="3889"/>
                    </a:cubicBezTo>
                    <a:lnTo>
                      <a:pt x="20948" y="3889"/>
                    </a:lnTo>
                    <a:cubicBezTo>
                      <a:pt x="20941" y="3899"/>
                      <a:pt x="20939" y="3904"/>
                      <a:pt x="20941" y="3904"/>
                    </a:cubicBezTo>
                    <a:cubicBezTo>
                      <a:pt x="20951" y="3904"/>
                      <a:pt x="21077" y="3772"/>
                      <a:pt x="21086" y="3772"/>
                    </a:cubicBezTo>
                    <a:cubicBezTo>
                      <a:pt x="21089" y="3772"/>
                      <a:pt x="21083" y="3781"/>
                      <a:pt x="21064" y="3806"/>
                    </a:cubicBezTo>
                    <a:cubicBezTo>
                      <a:pt x="21212" y="3655"/>
                      <a:pt x="21293" y="3567"/>
                      <a:pt x="21372" y="3482"/>
                    </a:cubicBezTo>
                    <a:cubicBezTo>
                      <a:pt x="21453" y="3398"/>
                      <a:pt x="21525" y="3312"/>
                      <a:pt x="21648" y="3164"/>
                    </a:cubicBezTo>
                    <a:lnTo>
                      <a:pt x="21648" y="3164"/>
                    </a:lnTo>
                    <a:cubicBezTo>
                      <a:pt x="21617" y="3218"/>
                      <a:pt x="21585" y="3266"/>
                      <a:pt x="21548" y="3315"/>
                    </a:cubicBezTo>
                    <a:cubicBezTo>
                      <a:pt x="21520" y="3352"/>
                      <a:pt x="21490" y="3391"/>
                      <a:pt x="21458" y="3433"/>
                    </a:cubicBezTo>
                    <a:cubicBezTo>
                      <a:pt x="21423" y="3472"/>
                      <a:pt x="21386" y="3512"/>
                      <a:pt x="21351" y="3546"/>
                    </a:cubicBezTo>
                    <a:lnTo>
                      <a:pt x="21333" y="3551"/>
                    </a:lnTo>
                    <a:cubicBezTo>
                      <a:pt x="21295" y="3595"/>
                      <a:pt x="21282" y="3612"/>
                      <a:pt x="21284" y="3612"/>
                    </a:cubicBezTo>
                    <a:cubicBezTo>
                      <a:pt x="21291" y="3612"/>
                      <a:pt x="21440" y="3456"/>
                      <a:pt x="21455" y="3456"/>
                    </a:cubicBezTo>
                    <a:cubicBezTo>
                      <a:pt x="21456" y="3456"/>
                      <a:pt x="21457" y="3458"/>
                      <a:pt x="21455" y="3461"/>
                    </a:cubicBezTo>
                    <a:cubicBezTo>
                      <a:pt x="21643" y="3211"/>
                      <a:pt x="21919" y="2946"/>
                      <a:pt x="22139" y="2631"/>
                    </a:cubicBezTo>
                    <a:lnTo>
                      <a:pt x="22139" y="2631"/>
                    </a:lnTo>
                    <a:cubicBezTo>
                      <a:pt x="22126" y="2644"/>
                      <a:pt x="22119" y="2650"/>
                      <a:pt x="22117" y="2650"/>
                    </a:cubicBezTo>
                    <a:cubicBezTo>
                      <a:pt x="22110" y="2650"/>
                      <a:pt x="22132" y="2612"/>
                      <a:pt x="22134" y="2597"/>
                    </a:cubicBezTo>
                    <a:lnTo>
                      <a:pt x="22134" y="2597"/>
                    </a:lnTo>
                    <a:cubicBezTo>
                      <a:pt x="22044" y="2722"/>
                      <a:pt x="22062" y="2701"/>
                      <a:pt x="21983" y="2784"/>
                    </a:cubicBezTo>
                    <a:cubicBezTo>
                      <a:pt x="21988" y="2759"/>
                      <a:pt x="22046" y="2689"/>
                      <a:pt x="22069" y="2645"/>
                    </a:cubicBezTo>
                    <a:cubicBezTo>
                      <a:pt x="22071" y="2640"/>
                      <a:pt x="22071" y="2638"/>
                      <a:pt x="22069" y="2638"/>
                    </a:cubicBezTo>
                    <a:cubicBezTo>
                      <a:pt x="22060" y="2638"/>
                      <a:pt x="21993" y="2743"/>
                      <a:pt x="21960" y="2775"/>
                    </a:cubicBezTo>
                    <a:cubicBezTo>
                      <a:pt x="22002" y="2717"/>
                      <a:pt x="22041" y="2655"/>
                      <a:pt x="22076" y="2590"/>
                    </a:cubicBezTo>
                    <a:cubicBezTo>
                      <a:pt x="22109" y="2560"/>
                      <a:pt x="22141" y="2532"/>
                      <a:pt x="22176" y="2504"/>
                    </a:cubicBezTo>
                    <a:cubicBezTo>
                      <a:pt x="22229" y="2430"/>
                      <a:pt x="22266" y="2377"/>
                      <a:pt x="22292" y="2335"/>
                    </a:cubicBezTo>
                    <a:cubicBezTo>
                      <a:pt x="22319" y="2291"/>
                      <a:pt x="22338" y="2259"/>
                      <a:pt x="22356" y="2226"/>
                    </a:cubicBezTo>
                    <a:cubicBezTo>
                      <a:pt x="22395" y="2154"/>
                      <a:pt x="22438" y="2084"/>
                      <a:pt x="22483" y="2016"/>
                    </a:cubicBezTo>
                    <a:lnTo>
                      <a:pt x="22483" y="2016"/>
                    </a:lnTo>
                    <a:cubicBezTo>
                      <a:pt x="22470" y="2035"/>
                      <a:pt x="22467" y="2041"/>
                      <a:pt x="22469" y="2041"/>
                    </a:cubicBezTo>
                    <a:cubicBezTo>
                      <a:pt x="22472" y="2041"/>
                      <a:pt x="22488" y="2022"/>
                      <a:pt x="22490" y="2022"/>
                    </a:cubicBezTo>
                    <a:lnTo>
                      <a:pt x="22490" y="2022"/>
                    </a:lnTo>
                    <a:cubicBezTo>
                      <a:pt x="22492" y="2022"/>
                      <a:pt x="22485" y="2034"/>
                      <a:pt x="22454" y="2078"/>
                    </a:cubicBezTo>
                    <a:cubicBezTo>
                      <a:pt x="22472" y="2052"/>
                      <a:pt x="22491" y="2027"/>
                      <a:pt x="22509" y="1999"/>
                    </a:cubicBezTo>
                    <a:lnTo>
                      <a:pt x="22509" y="1999"/>
                    </a:lnTo>
                    <a:cubicBezTo>
                      <a:pt x="22479" y="2055"/>
                      <a:pt x="22442" y="2117"/>
                      <a:pt x="22403" y="2182"/>
                    </a:cubicBezTo>
                    <a:cubicBezTo>
                      <a:pt x="22366" y="2245"/>
                      <a:pt x="22326" y="2312"/>
                      <a:pt x="22292" y="2367"/>
                    </a:cubicBezTo>
                    <a:cubicBezTo>
                      <a:pt x="22223" y="2474"/>
                      <a:pt x="22173" y="2555"/>
                      <a:pt x="22192" y="2555"/>
                    </a:cubicBezTo>
                    <a:cubicBezTo>
                      <a:pt x="22192" y="2555"/>
                      <a:pt x="22193" y="2555"/>
                      <a:pt x="22194" y="2555"/>
                    </a:cubicBezTo>
                    <a:cubicBezTo>
                      <a:pt x="22252" y="2472"/>
                      <a:pt x="22301" y="2395"/>
                      <a:pt x="22349" y="2316"/>
                    </a:cubicBezTo>
                    <a:cubicBezTo>
                      <a:pt x="22398" y="2235"/>
                      <a:pt x="22447" y="2150"/>
                      <a:pt x="22516" y="2045"/>
                    </a:cubicBezTo>
                    <a:lnTo>
                      <a:pt x="22516" y="2057"/>
                    </a:lnTo>
                    <a:cubicBezTo>
                      <a:pt x="22551" y="2004"/>
                      <a:pt x="22560" y="1988"/>
                      <a:pt x="22558" y="1988"/>
                    </a:cubicBezTo>
                    <a:lnTo>
                      <a:pt x="22558" y="1988"/>
                    </a:lnTo>
                    <a:cubicBezTo>
                      <a:pt x="22554" y="1988"/>
                      <a:pt x="22528" y="2022"/>
                      <a:pt x="22524" y="2022"/>
                    </a:cubicBezTo>
                    <a:cubicBezTo>
                      <a:pt x="22523" y="2022"/>
                      <a:pt x="22523" y="2020"/>
                      <a:pt x="22525" y="2015"/>
                    </a:cubicBezTo>
                    <a:cubicBezTo>
                      <a:pt x="22560" y="1950"/>
                      <a:pt x="22602" y="1888"/>
                      <a:pt x="22651" y="1830"/>
                    </a:cubicBezTo>
                    <a:cubicBezTo>
                      <a:pt x="22690" y="1786"/>
                      <a:pt x="22720" y="1735"/>
                      <a:pt x="22741" y="1679"/>
                    </a:cubicBezTo>
                    <a:lnTo>
                      <a:pt x="22741" y="1679"/>
                    </a:lnTo>
                    <a:cubicBezTo>
                      <a:pt x="22706" y="1737"/>
                      <a:pt x="22667" y="1795"/>
                      <a:pt x="22630" y="1853"/>
                    </a:cubicBezTo>
                    <a:cubicBezTo>
                      <a:pt x="22650" y="1811"/>
                      <a:pt x="22656" y="1798"/>
                      <a:pt x="22655" y="1798"/>
                    </a:cubicBezTo>
                    <a:lnTo>
                      <a:pt x="22655" y="1798"/>
                    </a:lnTo>
                    <a:cubicBezTo>
                      <a:pt x="22652" y="1798"/>
                      <a:pt x="22619" y="1853"/>
                      <a:pt x="22608" y="1853"/>
                    </a:cubicBezTo>
                    <a:cubicBezTo>
                      <a:pt x="22606" y="1853"/>
                      <a:pt x="22604" y="1851"/>
                      <a:pt x="22604" y="1846"/>
                    </a:cubicBezTo>
                    <a:cubicBezTo>
                      <a:pt x="22671" y="1726"/>
                      <a:pt x="22762" y="1561"/>
                      <a:pt x="22859" y="1383"/>
                    </a:cubicBezTo>
                    <a:lnTo>
                      <a:pt x="23000" y="1107"/>
                    </a:lnTo>
                    <a:cubicBezTo>
                      <a:pt x="23044" y="1012"/>
                      <a:pt x="23086" y="920"/>
                      <a:pt x="23123" y="829"/>
                    </a:cubicBezTo>
                    <a:lnTo>
                      <a:pt x="23123" y="829"/>
                    </a:lnTo>
                    <a:cubicBezTo>
                      <a:pt x="23072" y="913"/>
                      <a:pt x="23026" y="998"/>
                      <a:pt x="22986" y="1086"/>
                    </a:cubicBezTo>
                    <a:cubicBezTo>
                      <a:pt x="22988" y="1034"/>
                      <a:pt x="23003" y="993"/>
                      <a:pt x="22992" y="993"/>
                    </a:cubicBezTo>
                    <a:cubicBezTo>
                      <a:pt x="22987" y="993"/>
                      <a:pt x="22979" y="999"/>
                      <a:pt x="22963" y="1015"/>
                    </a:cubicBezTo>
                    <a:cubicBezTo>
                      <a:pt x="22938" y="1068"/>
                      <a:pt x="22908" y="1119"/>
                      <a:pt x="22880" y="1172"/>
                    </a:cubicBezTo>
                    <a:lnTo>
                      <a:pt x="22854" y="1161"/>
                    </a:lnTo>
                    <a:cubicBezTo>
                      <a:pt x="22875" y="1119"/>
                      <a:pt x="22901" y="1077"/>
                      <a:pt x="22922" y="1040"/>
                    </a:cubicBezTo>
                    <a:cubicBezTo>
                      <a:pt x="22917" y="1010"/>
                      <a:pt x="23042" y="799"/>
                      <a:pt x="23033" y="781"/>
                    </a:cubicBezTo>
                    <a:lnTo>
                      <a:pt x="23033" y="781"/>
                    </a:lnTo>
                    <a:lnTo>
                      <a:pt x="22970" y="917"/>
                    </a:lnTo>
                    <a:cubicBezTo>
                      <a:pt x="22963" y="926"/>
                      <a:pt x="22959" y="930"/>
                      <a:pt x="22957" y="930"/>
                    </a:cubicBezTo>
                    <a:cubicBezTo>
                      <a:pt x="22947" y="930"/>
                      <a:pt x="23009" y="803"/>
                      <a:pt x="23044" y="720"/>
                    </a:cubicBezTo>
                    <a:lnTo>
                      <a:pt x="23044" y="720"/>
                    </a:lnTo>
                    <a:cubicBezTo>
                      <a:pt x="23003" y="785"/>
                      <a:pt x="22968" y="855"/>
                      <a:pt x="22940" y="924"/>
                    </a:cubicBezTo>
                    <a:cubicBezTo>
                      <a:pt x="22919" y="968"/>
                      <a:pt x="22901" y="1017"/>
                      <a:pt x="22878" y="1063"/>
                    </a:cubicBezTo>
                    <a:cubicBezTo>
                      <a:pt x="22854" y="1112"/>
                      <a:pt x="22831" y="1161"/>
                      <a:pt x="22806" y="1209"/>
                    </a:cubicBezTo>
                    <a:cubicBezTo>
                      <a:pt x="22806" y="1209"/>
                      <a:pt x="22806" y="1209"/>
                      <a:pt x="22807" y="1209"/>
                    </a:cubicBezTo>
                    <a:cubicBezTo>
                      <a:pt x="22815" y="1209"/>
                      <a:pt x="22784" y="1293"/>
                      <a:pt x="22792" y="1293"/>
                    </a:cubicBezTo>
                    <a:cubicBezTo>
                      <a:pt x="22796" y="1293"/>
                      <a:pt x="22809" y="1273"/>
                      <a:pt x="22841" y="1214"/>
                    </a:cubicBezTo>
                    <a:lnTo>
                      <a:pt x="22841" y="1214"/>
                    </a:lnTo>
                    <a:cubicBezTo>
                      <a:pt x="22850" y="1221"/>
                      <a:pt x="22799" y="1337"/>
                      <a:pt x="22759" y="1408"/>
                    </a:cubicBezTo>
                    <a:cubicBezTo>
                      <a:pt x="22761" y="1404"/>
                      <a:pt x="22761" y="1402"/>
                      <a:pt x="22759" y="1402"/>
                    </a:cubicBezTo>
                    <a:cubicBezTo>
                      <a:pt x="22753" y="1402"/>
                      <a:pt x="22719" y="1442"/>
                      <a:pt x="22709" y="1442"/>
                    </a:cubicBezTo>
                    <a:cubicBezTo>
                      <a:pt x="22705" y="1442"/>
                      <a:pt x="22705" y="1435"/>
                      <a:pt x="22714" y="1414"/>
                    </a:cubicBezTo>
                    <a:lnTo>
                      <a:pt x="22714" y="1414"/>
                    </a:lnTo>
                    <a:cubicBezTo>
                      <a:pt x="22668" y="1509"/>
                      <a:pt x="22687" y="1457"/>
                      <a:pt x="22604" y="1615"/>
                    </a:cubicBezTo>
                    <a:cubicBezTo>
                      <a:pt x="22605" y="1614"/>
                      <a:pt x="22605" y="1613"/>
                      <a:pt x="22604" y="1613"/>
                    </a:cubicBezTo>
                    <a:lnTo>
                      <a:pt x="22604" y="1613"/>
                    </a:lnTo>
                    <a:cubicBezTo>
                      <a:pt x="22600" y="1613"/>
                      <a:pt x="22434" y="1892"/>
                      <a:pt x="22412" y="1892"/>
                    </a:cubicBezTo>
                    <a:cubicBezTo>
                      <a:pt x="22411" y="1892"/>
                      <a:pt x="22410" y="1892"/>
                      <a:pt x="22410" y="1890"/>
                    </a:cubicBezTo>
                    <a:lnTo>
                      <a:pt x="22410" y="1890"/>
                    </a:lnTo>
                    <a:cubicBezTo>
                      <a:pt x="22382" y="1950"/>
                      <a:pt x="22442" y="1909"/>
                      <a:pt x="22312" y="2108"/>
                    </a:cubicBezTo>
                    <a:cubicBezTo>
                      <a:pt x="22349" y="2069"/>
                      <a:pt x="22384" y="2027"/>
                      <a:pt x="22417" y="1983"/>
                    </a:cubicBezTo>
                    <a:cubicBezTo>
                      <a:pt x="22432" y="1964"/>
                      <a:pt x="22445" y="1950"/>
                      <a:pt x="22447" y="1950"/>
                    </a:cubicBezTo>
                    <a:cubicBezTo>
                      <a:pt x="22447" y="1950"/>
                      <a:pt x="22447" y="1950"/>
                      <a:pt x="22447" y="1950"/>
                    </a:cubicBezTo>
                    <a:cubicBezTo>
                      <a:pt x="22449" y="1950"/>
                      <a:pt x="22444" y="1967"/>
                      <a:pt x="22424" y="2008"/>
                    </a:cubicBezTo>
                    <a:cubicBezTo>
                      <a:pt x="22442" y="1974"/>
                      <a:pt x="22461" y="1937"/>
                      <a:pt x="22477" y="1902"/>
                    </a:cubicBezTo>
                    <a:cubicBezTo>
                      <a:pt x="22508" y="1856"/>
                      <a:pt x="22518" y="1846"/>
                      <a:pt x="22521" y="1846"/>
                    </a:cubicBezTo>
                    <a:cubicBezTo>
                      <a:pt x="22524" y="1846"/>
                      <a:pt x="22522" y="1854"/>
                      <a:pt x="22524" y="1854"/>
                    </a:cubicBezTo>
                    <a:cubicBezTo>
                      <a:pt x="22528" y="1854"/>
                      <a:pt x="22541" y="1839"/>
                      <a:pt x="22588" y="1767"/>
                    </a:cubicBezTo>
                    <a:lnTo>
                      <a:pt x="22588" y="1767"/>
                    </a:lnTo>
                    <a:cubicBezTo>
                      <a:pt x="22553" y="1821"/>
                      <a:pt x="22493" y="1939"/>
                      <a:pt x="22468" y="1957"/>
                    </a:cubicBezTo>
                    <a:cubicBezTo>
                      <a:pt x="22470" y="1956"/>
                      <a:pt x="22472" y="1956"/>
                      <a:pt x="22474" y="1956"/>
                    </a:cubicBezTo>
                    <a:cubicBezTo>
                      <a:pt x="22511" y="1956"/>
                      <a:pt x="22304" y="2239"/>
                      <a:pt x="22319" y="2261"/>
                    </a:cubicBezTo>
                    <a:cubicBezTo>
                      <a:pt x="22268" y="2319"/>
                      <a:pt x="22220" y="2381"/>
                      <a:pt x="22178" y="2448"/>
                    </a:cubicBezTo>
                    <a:cubicBezTo>
                      <a:pt x="22179" y="2444"/>
                      <a:pt x="22177" y="2443"/>
                      <a:pt x="22174" y="2443"/>
                    </a:cubicBezTo>
                    <a:cubicBezTo>
                      <a:pt x="22171" y="2443"/>
                      <a:pt x="22166" y="2445"/>
                      <a:pt x="22163" y="2445"/>
                    </a:cubicBezTo>
                    <a:cubicBezTo>
                      <a:pt x="22158" y="2445"/>
                      <a:pt x="22158" y="2438"/>
                      <a:pt x="22183" y="2397"/>
                    </a:cubicBezTo>
                    <a:cubicBezTo>
                      <a:pt x="22229" y="2335"/>
                      <a:pt x="22261" y="2289"/>
                      <a:pt x="22312" y="2221"/>
                    </a:cubicBezTo>
                    <a:lnTo>
                      <a:pt x="22312" y="2221"/>
                    </a:lnTo>
                    <a:cubicBezTo>
                      <a:pt x="22292" y="2233"/>
                      <a:pt x="22273" y="2252"/>
                      <a:pt x="22259" y="2272"/>
                    </a:cubicBezTo>
                    <a:cubicBezTo>
                      <a:pt x="22238" y="2298"/>
                      <a:pt x="22213" y="2335"/>
                      <a:pt x="22185" y="2374"/>
                    </a:cubicBezTo>
                    <a:cubicBezTo>
                      <a:pt x="22127" y="2453"/>
                      <a:pt x="22067" y="2550"/>
                      <a:pt x="22002" y="2627"/>
                    </a:cubicBezTo>
                    <a:cubicBezTo>
                      <a:pt x="22010" y="2618"/>
                      <a:pt x="22015" y="2613"/>
                      <a:pt x="22017" y="2613"/>
                    </a:cubicBezTo>
                    <a:cubicBezTo>
                      <a:pt x="22020" y="2613"/>
                      <a:pt x="22016" y="2623"/>
                      <a:pt x="22000" y="2650"/>
                    </a:cubicBezTo>
                    <a:cubicBezTo>
                      <a:pt x="21960" y="2696"/>
                      <a:pt x="21898" y="2773"/>
                      <a:pt x="21851" y="2828"/>
                    </a:cubicBezTo>
                    <a:cubicBezTo>
                      <a:pt x="21817" y="2868"/>
                      <a:pt x="21789" y="2894"/>
                      <a:pt x="21781" y="2894"/>
                    </a:cubicBezTo>
                    <a:cubicBezTo>
                      <a:pt x="21778" y="2894"/>
                      <a:pt x="21779" y="2890"/>
                      <a:pt x="21784" y="2879"/>
                    </a:cubicBezTo>
                    <a:lnTo>
                      <a:pt x="21784" y="2879"/>
                    </a:lnTo>
                    <a:cubicBezTo>
                      <a:pt x="21719" y="2960"/>
                      <a:pt x="21657" y="3041"/>
                      <a:pt x="21590" y="3118"/>
                    </a:cubicBezTo>
                    <a:lnTo>
                      <a:pt x="21390" y="3350"/>
                    </a:lnTo>
                    <a:cubicBezTo>
                      <a:pt x="21383" y="3347"/>
                      <a:pt x="21446" y="3282"/>
                      <a:pt x="21467" y="3252"/>
                    </a:cubicBezTo>
                    <a:lnTo>
                      <a:pt x="21467" y="3252"/>
                    </a:lnTo>
                    <a:cubicBezTo>
                      <a:pt x="21430" y="3294"/>
                      <a:pt x="21393" y="3338"/>
                      <a:pt x="21353" y="3380"/>
                    </a:cubicBezTo>
                    <a:lnTo>
                      <a:pt x="21238" y="3505"/>
                    </a:lnTo>
                    <a:cubicBezTo>
                      <a:pt x="21228" y="3512"/>
                      <a:pt x="21223" y="3516"/>
                      <a:pt x="21222" y="3516"/>
                    </a:cubicBezTo>
                    <a:cubicBezTo>
                      <a:pt x="21212" y="3516"/>
                      <a:pt x="21312" y="3407"/>
                      <a:pt x="21326" y="3380"/>
                    </a:cubicBezTo>
                    <a:lnTo>
                      <a:pt x="21326" y="3380"/>
                    </a:lnTo>
                    <a:lnTo>
                      <a:pt x="21159" y="3560"/>
                    </a:lnTo>
                    <a:lnTo>
                      <a:pt x="21173" y="3528"/>
                    </a:lnTo>
                    <a:lnTo>
                      <a:pt x="21173" y="3528"/>
                    </a:lnTo>
                    <a:cubicBezTo>
                      <a:pt x="21163" y="3539"/>
                      <a:pt x="21145" y="3563"/>
                      <a:pt x="21122" y="3590"/>
                    </a:cubicBezTo>
                    <a:cubicBezTo>
                      <a:pt x="21099" y="3618"/>
                      <a:pt x="21066" y="3648"/>
                      <a:pt x="21034" y="3678"/>
                    </a:cubicBezTo>
                    <a:cubicBezTo>
                      <a:pt x="20987" y="3729"/>
                      <a:pt x="20934" y="3776"/>
                      <a:pt x="20879" y="3817"/>
                    </a:cubicBezTo>
                    <a:cubicBezTo>
                      <a:pt x="20781" y="3915"/>
                      <a:pt x="20742" y="3966"/>
                      <a:pt x="20689" y="4026"/>
                    </a:cubicBezTo>
                    <a:cubicBezTo>
                      <a:pt x="20638" y="4086"/>
                      <a:pt x="20573" y="4149"/>
                      <a:pt x="20431" y="4265"/>
                    </a:cubicBezTo>
                    <a:cubicBezTo>
                      <a:pt x="20429" y="4244"/>
                      <a:pt x="20582" y="4123"/>
                      <a:pt x="20638" y="4058"/>
                    </a:cubicBezTo>
                    <a:lnTo>
                      <a:pt x="20638" y="4058"/>
                    </a:lnTo>
                    <a:cubicBezTo>
                      <a:pt x="20580" y="4102"/>
                      <a:pt x="20424" y="4255"/>
                      <a:pt x="20385" y="4267"/>
                    </a:cubicBezTo>
                    <a:cubicBezTo>
                      <a:pt x="20193" y="4445"/>
                      <a:pt x="20235" y="4450"/>
                      <a:pt x="20147" y="4545"/>
                    </a:cubicBezTo>
                    <a:cubicBezTo>
                      <a:pt x="20090" y="4590"/>
                      <a:pt x="20069" y="4605"/>
                      <a:pt x="20065" y="4605"/>
                    </a:cubicBezTo>
                    <a:cubicBezTo>
                      <a:pt x="20057" y="4605"/>
                      <a:pt x="20114" y="4549"/>
                      <a:pt x="20110" y="4549"/>
                    </a:cubicBezTo>
                    <a:lnTo>
                      <a:pt x="20110" y="4549"/>
                    </a:lnTo>
                    <a:cubicBezTo>
                      <a:pt x="20110" y="4549"/>
                      <a:pt x="20110" y="4549"/>
                      <a:pt x="20109" y="4549"/>
                    </a:cubicBezTo>
                    <a:cubicBezTo>
                      <a:pt x="20058" y="4589"/>
                      <a:pt x="19998" y="4677"/>
                      <a:pt x="19936" y="4695"/>
                    </a:cubicBezTo>
                    <a:cubicBezTo>
                      <a:pt x="19890" y="4741"/>
                      <a:pt x="19859" y="4777"/>
                      <a:pt x="19871" y="4777"/>
                    </a:cubicBezTo>
                    <a:cubicBezTo>
                      <a:pt x="19878" y="4777"/>
                      <a:pt x="19903" y="4763"/>
                      <a:pt x="19952" y="4728"/>
                    </a:cubicBezTo>
                    <a:lnTo>
                      <a:pt x="19952" y="4728"/>
                    </a:lnTo>
                    <a:cubicBezTo>
                      <a:pt x="19862" y="4800"/>
                      <a:pt x="19734" y="4902"/>
                      <a:pt x="19716" y="4925"/>
                    </a:cubicBezTo>
                    <a:cubicBezTo>
                      <a:pt x="19728" y="4909"/>
                      <a:pt x="19730" y="4902"/>
                      <a:pt x="19725" y="4902"/>
                    </a:cubicBezTo>
                    <a:cubicBezTo>
                      <a:pt x="19708" y="4902"/>
                      <a:pt x="19606" y="4983"/>
                      <a:pt x="19582" y="4983"/>
                    </a:cubicBezTo>
                    <a:cubicBezTo>
                      <a:pt x="19581" y="4983"/>
                      <a:pt x="19580" y="4983"/>
                      <a:pt x="19579" y="4983"/>
                    </a:cubicBezTo>
                    <a:cubicBezTo>
                      <a:pt x="19507" y="5029"/>
                      <a:pt x="19389" y="5105"/>
                      <a:pt x="19278" y="5184"/>
                    </a:cubicBezTo>
                    <a:cubicBezTo>
                      <a:pt x="19176" y="5247"/>
                      <a:pt x="19079" y="5319"/>
                      <a:pt x="18988" y="5393"/>
                    </a:cubicBezTo>
                    <a:cubicBezTo>
                      <a:pt x="18995" y="5376"/>
                      <a:pt x="19004" y="5360"/>
                      <a:pt x="19014" y="5344"/>
                    </a:cubicBezTo>
                    <a:lnTo>
                      <a:pt x="19014" y="5344"/>
                    </a:lnTo>
                    <a:cubicBezTo>
                      <a:pt x="18956" y="5381"/>
                      <a:pt x="18898" y="5414"/>
                      <a:pt x="18840" y="5451"/>
                    </a:cubicBezTo>
                    <a:cubicBezTo>
                      <a:pt x="18819" y="5460"/>
                      <a:pt x="18808" y="5464"/>
                      <a:pt x="18804" y="5464"/>
                    </a:cubicBezTo>
                    <a:cubicBezTo>
                      <a:pt x="18796" y="5464"/>
                      <a:pt x="18827" y="5443"/>
                      <a:pt x="18872" y="5414"/>
                    </a:cubicBezTo>
                    <a:lnTo>
                      <a:pt x="18979" y="5346"/>
                    </a:lnTo>
                    <a:lnTo>
                      <a:pt x="19069" y="5288"/>
                    </a:lnTo>
                    <a:lnTo>
                      <a:pt x="19069" y="5288"/>
                    </a:lnTo>
                    <a:cubicBezTo>
                      <a:pt x="18954" y="5363"/>
                      <a:pt x="18854" y="5418"/>
                      <a:pt x="18759" y="5476"/>
                    </a:cubicBezTo>
                    <a:cubicBezTo>
                      <a:pt x="18664" y="5534"/>
                      <a:pt x="18569" y="5585"/>
                      <a:pt x="18460" y="5645"/>
                    </a:cubicBezTo>
                    <a:cubicBezTo>
                      <a:pt x="18487" y="5633"/>
                      <a:pt x="18497" y="5630"/>
                      <a:pt x="18503" y="5630"/>
                    </a:cubicBezTo>
                    <a:cubicBezTo>
                      <a:pt x="18509" y="5630"/>
                      <a:pt x="18508" y="5635"/>
                      <a:pt x="18517" y="5635"/>
                    </a:cubicBezTo>
                    <a:cubicBezTo>
                      <a:pt x="18519" y="5635"/>
                      <a:pt x="18523" y="5634"/>
                      <a:pt x="18527" y="5634"/>
                    </a:cubicBezTo>
                    <a:lnTo>
                      <a:pt x="18527" y="5634"/>
                    </a:lnTo>
                    <a:cubicBezTo>
                      <a:pt x="18488" y="5661"/>
                      <a:pt x="18446" y="5685"/>
                      <a:pt x="18402" y="5708"/>
                    </a:cubicBezTo>
                    <a:cubicBezTo>
                      <a:pt x="18358" y="5733"/>
                      <a:pt x="18312" y="5754"/>
                      <a:pt x="18272" y="5775"/>
                    </a:cubicBezTo>
                    <a:cubicBezTo>
                      <a:pt x="18270" y="5776"/>
                      <a:pt x="18267" y="5776"/>
                      <a:pt x="18265" y="5776"/>
                    </a:cubicBezTo>
                    <a:cubicBezTo>
                      <a:pt x="18255" y="5776"/>
                      <a:pt x="18267" y="5763"/>
                      <a:pt x="18319" y="5736"/>
                    </a:cubicBezTo>
                    <a:lnTo>
                      <a:pt x="18319" y="5736"/>
                    </a:lnTo>
                    <a:lnTo>
                      <a:pt x="18168" y="5817"/>
                    </a:lnTo>
                    <a:cubicBezTo>
                      <a:pt x="18173" y="5793"/>
                      <a:pt x="18099" y="5830"/>
                      <a:pt x="18242" y="5745"/>
                    </a:cubicBezTo>
                    <a:lnTo>
                      <a:pt x="18242" y="5745"/>
                    </a:lnTo>
                    <a:lnTo>
                      <a:pt x="18106" y="5821"/>
                    </a:lnTo>
                    <a:cubicBezTo>
                      <a:pt x="18062" y="5842"/>
                      <a:pt x="18043" y="5850"/>
                      <a:pt x="18039" y="5850"/>
                    </a:cubicBezTo>
                    <a:cubicBezTo>
                      <a:pt x="18028" y="5850"/>
                      <a:pt x="18115" y="5798"/>
                      <a:pt x="18140" y="5780"/>
                    </a:cubicBezTo>
                    <a:lnTo>
                      <a:pt x="18140" y="5780"/>
                    </a:lnTo>
                    <a:cubicBezTo>
                      <a:pt x="18101" y="5800"/>
                      <a:pt x="18059" y="5821"/>
                      <a:pt x="18018" y="5840"/>
                    </a:cubicBezTo>
                    <a:lnTo>
                      <a:pt x="17895" y="5898"/>
                    </a:lnTo>
                    <a:cubicBezTo>
                      <a:pt x="17809" y="5949"/>
                      <a:pt x="17953" y="5888"/>
                      <a:pt x="17784" y="5972"/>
                    </a:cubicBezTo>
                    <a:cubicBezTo>
                      <a:pt x="17726" y="5997"/>
                      <a:pt x="17661" y="6020"/>
                      <a:pt x="17596" y="6046"/>
                    </a:cubicBezTo>
                    <a:lnTo>
                      <a:pt x="17397" y="6129"/>
                    </a:lnTo>
                    <a:lnTo>
                      <a:pt x="17188" y="6210"/>
                    </a:lnTo>
                    <a:lnTo>
                      <a:pt x="17084" y="6250"/>
                    </a:lnTo>
                    <a:lnTo>
                      <a:pt x="16982" y="6284"/>
                    </a:lnTo>
                    <a:lnTo>
                      <a:pt x="17080" y="6259"/>
                    </a:lnTo>
                    <a:lnTo>
                      <a:pt x="17177" y="6229"/>
                    </a:lnTo>
                    <a:lnTo>
                      <a:pt x="17177" y="6229"/>
                    </a:lnTo>
                    <a:cubicBezTo>
                      <a:pt x="17147" y="6240"/>
                      <a:pt x="17119" y="6252"/>
                      <a:pt x="17089" y="6266"/>
                    </a:cubicBezTo>
                    <a:cubicBezTo>
                      <a:pt x="17075" y="6273"/>
                      <a:pt x="17063" y="6282"/>
                      <a:pt x="17052" y="6291"/>
                    </a:cubicBezTo>
                    <a:cubicBezTo>
                      <a:pt x="17036" y="6305"/>
                      <a:pt x="17033" y="6317"/>
                      <a:pt x="17012" y="6331"/>
                    </a:cubicBezTo>
                    <a:lnTo>
                      <a:pt x="16760" y="6419"/>
                    </a:lnTo>
                    <a:cubicBezTo>
                      <a:pt x="16674" y="6444"/>
                      <a:pt x="16591" y="6470"/>
                      <a:pt x="16524" y="6488"/>
                    </a:cubicBezTo>
                    <a:cubicBezTo>
                      <a:pt x="16608" y="6453"/>
                      <a:pt x="16620" y="6437"/>
                      <a:pt x="16586" y="6437"/>
                    </a:cubicBezTo>
                    <a:cubicBezTo>
                      <a:pt x="16562" y="6437"/>
                      <a:pt x="16517" y="6445"/>
                      <a:pt x="16459" y="6458"/>
                    </a:cubicBezTo>
                    <a:cubicBezTo>
                      <a:pt x="16304" y="6505"/>
                      <a:pt x="16248" y="6525"/>
                      <a:pt x="16209" y="6546"/>
                    </a:cubicBezTo>
                    <a:cubicBezTo>
                      <a:pt x="16162" y="6574"/>
                      <a:pt x="16114" y="6595"/>
                      <a:pt x="16063" y="6611"/>
                    </a:cubicBezTo>
                    <a:cubicBezTo>
                      <a:pt x="16094" y="6594"/>
                      <a:pt x="16096" y="6588"/>
                      <a:pt x="16083" y="6588"/>
                    </a:cubicBezTo>
                    <a:cubicBezTo>
                      <a:pt x="16047" y="6588"/>
                      <a:pt x="15898" y="6631"/>
                      <a:pt x="15869" y="6631"/>
                    </a:cubicBezTo>
                    <a:cubicBezTo>
                      <a:pt x="15865" y="6631"/>
                      <a:pt x="15863" y="6630"/>
                      <a:pt x="15866" y="6627"/>
                    </a:cubicBezTo>
                    <a:lnTo>
                      <a:pt x="15866" y="6627"/>
                    </a:lnTo>
                    <a:cubicBezTo>
                      <a:pt x="15463" y="6729"/>
                      <a:pt x="15053" y="6806"/>
                      <a:pt x="14638" y="6857"/>
                    </a:cubicBezTo>
                    <a:cubicBezTo>
                      <a:pt x="14647" y="6861"/>
                      <a:pt x="14770" y="6854"/>
                      <a:pt x="14696" y="6866"/>
                    </a:cubicBezTo>
                    <a:cubicBezTo>
                      <a:pt x="14611" y="6879"/>
                      <a:pt x="14550" y="6882"/>
                      <a:pt x="14509" y="6882"/>
                    </a:cubicBezTo>
                    <a:cubicBezTo>
                      <a:pt x="14474" y="6882"/>
                      <a:pt x="14453" y="6880"/>
                      <a:pt x="14443" y="6877"/>
                    </a:cubicBezTo>
                    <a:cubicBezTo>
                      <a:pt x="14395" y="6884"/>
                      <a:pt x="14348" y="6887"/>
                      <a:pt x="14309" y="6891"/>
                    </a:cubicBezTo>
                    <a:cubicBezTo>
                      <a:pt x="14270" y="6896"/>
                      <a:pt x="14233" y="6901"/>
                      <a:pt x="14203" y="6905"/>
                    </a:cubicBezTo>
                    <a:cubicBezTo>
                      <a:pt x="14140" y="6912"/>
                      <a:pt x="14094" y="6922"/>
                      <a:pt x="14061" y="6928"/>
                    </a:cubicBezTo>
                    <a:cubicBezTo>
                      <a:pt x="14093" y="6925"/>
                      <a:pt x="14114" y="6924"/>
                      <a:pt x="14127" y="6924"/>
                    </a:cubicBezTo>
                    <a:cubicBezTo>
                      <a:pt x="14151" y="6924"/>
                      <a:pt x="14151" y="6928"/>
                      <a:pt x="14142" y="6935"/>
                    </a:cubicBezTo>
                    <a:cubicBezTo>
                      <a:pt x="14106" y="6938"/>
                      <a:pt x="14071" y="6940"/>
                      <a:pt x="14035" y="6940"/>
                    </a:cubicBezTo>
                    <a:cubicBezTo>
                      <a:pt x="14013" y="6940"/>
                      <a:pt x="13991" y="6939"/>
                      <a:pt x="13969" y="6938"/>
                    </a:cubicBezTo>
                    <a:cubicBezTo>
                      <a:pt x="13913" y="6938"/>
                      <a:pt x="13857" y="6940"/>
                      <a:pt x="13802" y="6947"/>
                    </a:cubicBezTo>
                    <a:cubicBezTo>
                      <a:pt x="13776" y="6938"/>
                      <a:pt x="13832" y="6935"/>
                      <a:pt x="13887" y="6931"/>
                    </a:cubicBezTo>
                    <a:cubicBezTo>
                      <a:pt x="13943" y="6928"/>
                      <a:pt x="14006" y="6919"/>
                      <a:pt x="13996" y="6912"/>
                    </a:cubicBezTo>
                    <a:lnTo>
                      <a:pt x="13996" y="6912"/>
                    </a:lnTo>
                    <a:lnTo>
                      <a:pt x="13874" y="6919"/>
                    </a:lnTo>
                    <a:cubicBezTo>
                      <a:pt x="13837" y="6919"/>
                      <a:pt x="13802" y="6922"/>
                      <a:pt x="13767" y="6924"/>
                    </a:cubicBezTo>
                    <a:cubicBezTo>
                      <a:pt x="13702" y="6928"/>
                      <a:pt x="13642" y="6933"/>
                      <a:pt x="13577" y="6938"/>
                    </a:cubicBezTo>
                    <a:cubicBezTo>
                      <a:pt x="13547" y="6926"/>
                      <a:pt x="13695" y="6933"/>
                      <a:pt x="13598" y="6926"/>
                    </a:cubicBezTo>
                    <a:lnTo>
                      <a:pt x="13598" y="6926"/>
                    </a:lnTo>
                    <a:lnTo>
                      <a:pt x="13382" y="6935"/>
                    </a:lnTo>
                    <a:lnTo>
                      <a:pt x="12864" y="6935"/>
                    </a:lnTo>
                    <a:lnTo>
                      <a:pt x="12780" y="6931"/>
                    </a:lnTo>
                    <a:lnTo>
                      <a:pt x="12725" y="6910"/>
                    </a:lnTo>
                    <a:cubicBezTo>
                      <a:pt x="12632" y="6903"/>
                      <a:pt x="12537" y="6901"/>
                      <a:pt x="12442" y="6901"/>
                    </a:cubicBezTo>
                    <a:cubicBezTo>
                      <a:pt x="12398" y="6894"/>
                      <a:pt x="12403" y="6891"/>
                      <a:pt x="12429" y="6891"/>
                    </a:cubicBezTo>
                    <a:cubicBezTo>
                      <a:pt x="12445" y="6891"/>
                      <a:pt x="12471" y="6892"/>
                      <a:pt x="12498" y="6894"/>
                    </a:cubicBezTo>
                    <a:lnTo>
                      <a:pt x="12359" y="6882"/>
                    </a:lnTo>
                    <a:lnTo>
                      <a:pt x="12220" y="6871"/>
                    </a:lnTo>
                    <a:cubicBezTo>
                      <a:pt x="12129" y="6864"/>
                      <a:pt x="12051" y="6857"/>
                      <a:pt x="12000" y="6852"/>
                    </a:cubicBezTo>
                    <a:cubicBezTo>
                      <a:pt x="12002" y="6851"/>
                      <a:pt x="12007" y="6850"/>
                      <a:pt x="12012" y="6850"/>
                    </a:cubicBezTo>
                    <a:cubicBezTo>
                      <a:pt x="12037" y="6850"/>
                      <a:pt x="12088" y="6860"/>
                      <a:pt x="12117" y="6860"/>
                    </a:cubicBezTo>
                    <a:cubicBezTo>
                      <a:pt x="12122" y="6860"/>
                      <a:pt x="12126" y="6859"/>
                      <a:pt x="12129" y="6859"/>
                    </a:cubicBezTo>
                    <a:cubicBezTo>
                      <a:pt x="12074" y="6852"/>
                      <a:pt x="12013" y="6845"/>
                      <a:pt x="11956" y="6840"/>
                    </a:cubicBezTo>
                    <a:lnTo>
                      <a:pt x="11865" y="6833"/>
                    </a:lnTo>
                    <a:lnTo>
                      <a:pt x="11777" y="6822"/>
                    </a:lnTo>
                    <a:cubicBezTo>
                      <a:pt x="11678" y="6813"/>
                      <a:pt x="11580" y="6796"/>
                      <a:pt x="11483" y="6773"/>
                    </a:cubicBezTo>
                    <a:cubicBezTo>
                      <a:pt x="11490" y="6773"/>
                      <a:pt x="11497" y="6774"/>
                      <a:pt x="11505" y="6774"/>
                    </a:cubicBezTo>
                    <a:lnTo>
                      <a:pt x="11505" y="6774"/>
                    </a:lnTo>
                    <a:cubicBezTo>
                      <a:pt x="11355" y="6750"/>
                      <a:pt x="11216" y="6722"/>
                      <a:pt x="11071" y="6697"/>
                    </a:cubicBezTo>
                    <a:cubicBezTo>
                      <a:pt x="10992" y="6681"/>
                      <a:pt x="10913" y="6669"/>
                      <a:pt x="10832" y="6650"/>
                    </a:cubicBezTo>
                    <a:lnTo>
                      <a:pt x="10580" y="6593"/>
                    </a:lnTo>
                    <a:cubicBezTo>
                      <a:pt x="10443" y="6551"/>
                      <a:pt x="10403" y="6545"/>
                      <a:pt x="10377" y="6545"/>
                    </a:cubicBezTo>
                    <a:cubicBezTo>
                      <a:pt x="10366" y="6545"/>
                      <a:pt x="10358" y="6546"/>
                      <a:pt x="10347" y="6546"/>
                    </a:cubicBezTo>
                    <a:cubicBezTo>
                      <a:pt x="10321" y="6546"/>
                      <a:pt x="10278" y="6541"/>
                      <a:pt x="10153" y="6507"/>
                    </a:cubicBezTo>
                    <a:cubicBezTo>
                      <a:pt x="10158" y="6486"/>
                      <a:pt x="10051" y="6454"/>
                      <a:pt x="9929" y="6423"/>
                    </a:cubicBezTo>
                    <a:cubicBezTo>
                      <a:pt x="9804" y="6391"/>
                      <a:pt x="9665" y="6352"/>
                      <a:pt x="9600" y="6328"/>
                    </a:cubicBezTo>
                    <a:lnTo>
                      <a:pt x="9600" y="6328"/>
                    </a:lnTo>
                    <a:lnTo>
                      <a:pt x="9639" y="6347"/>
                    </a:lnTo>
                    <a:cubicBezTo>
                      <a:pt x="9553" y="6328"/>
                      <a:pt x="9468" y="6303"/>
                      <a:pt x="9384" y="6271"/>
                    </a:cubicBezTo>
                    <a:cubicBezTo>
                      <a:pt x="9301" y="6238"/>
                      <a:pt x="9224" y="6203"/>
                      <a:pt x="9173" y="6178"/>
                    </a:cubicBezTo>
                    <a:cubicBezTo>
                      <a:pt x="8944" y="6097"/>
                      <a:pt x="8604" y="5963"/>
                      <a:pt x="8372" y="5884"/>
                    </a:cubicBezTo>
                    <a:lnTo>
                      <a:pt x="8372" y="5884"/>
                    </a:lnTo>
                    <a:lnTo>
                      <a:pt x="8421" y="5895"/>
                    </a:lnTo>
                    <a:cubicBezTo>
                      <a:pt x="8231" y="5826"/>
                      <a:pt x="8122" y="5763"/>
                      <a:pt x="7932" y="5691"/>
                    </a:cubicBezTo>
                    <a:lnTo>
                      <a:pt x="7932" y="5691"/>
                    </a:lnTo>
                    <a:cubicBezTo>
                      <a:pt x="7936" y="5691"/>
                      <a:pt x="7963" y="5701"/>
                      <a:pt x="7968" y="5701"/>
                    </a:cubicBezTo>
                    <a:cubicBezTo>
                      <a:pt x="7972" y="5701"/>
                      <a:pt x="7967" y="5697"/>
                      <a:pt x="7939" y="5682"/>
                    </a:cubicBezTo>
                    <a:cubicBezTo>
                      <a:pt x="7721" y="5576"/>
                      <a:pt x="7501" y="5474"/>
                      <a:pt x="7283" y="5360"/>
                    </a:cubicBezTo>
                    <a:lnTo>
                      <a:pt x="7119" y="5277"/>
                    </a:lnTo>
                    <a:cubicBezTo>
                      <a:pt x="7093" y="5263"/>
                      <a:pt x="7066" y="5249"/>
                      <a:pt x="7038" y="5235"/>
                    </a:cubicBezTo>
                    <a:lnTo>
                      <a:pt x="6957" y="5191"/>
                    </a:lnTo>
                    <a:lnTo>
                      <a:pt x="6632" y="5017"/>
                    </a:lnTo>
                    <a:cubicBezTo>
                      <a:pt x="6526" y="4959"/>
                      <a:pt x="6419" y="4897"/>
                      <a:pt x="6315" y="4837"/>
                    </a:cubicBezTo>
                    <a:lnTo>
                      <a:pt x="6155" y="4744"/>
                    </a:lnTo>
                    <a:lnTo>
                      <a:pt x="6000" y="4649"/>
                    </a:lnTo>
                    <a:cubicBezTo>
                      <a:pt x="5896" y="4584"/>
                      <a:pt x="5789" y="4522"/>
                      <a:pt x="5687" y="4454"/>
                    </a:cubicBezTo>
                    <a:lnTo>
                      <a:pt x="5384" y="4253"/>
                    </a:lnTo>
                    <a:cubicBezTo>
                      <a:pt x="4552" y="3685"/>
                      <a:pt x="3755" y="3074"/>
                      <a:pt x="2993" y="2416"/>
                    </a:cubicBezTo>
                    <a:cubicBezTo>
                      <a:pt x="2599" y="2078"/>
                      <a:pt x="2210" y="1733"/>
                      <a:pt x="1840" y="1388"/>
                    </a:cubicBezTo>
                    <a:cubicBezTo>
                      <a:pt x="1469" y="1045"/>
                      <a:pt x="1108" y="709"/>
                      <a:pt x="776" y="391"/>
                    </a:cubicBezTo>
                    <a:lnTo>
                      <a:pt x="661" y="317"/>
                    </a:lnTo>
                    <a:cubicBezTo>
                      <a:pt x="593" y="273"/>
                      <a:pt x="501" y="215"/>
                      <a:pt x="410" y="162"/>
                    </a:cubicBezTo>
                    <a:cubicBezTo>
                      <a:pt x="277" y="83"/>
                      <a:pt x="145" y="13"/>
                      <a:pt x="95" y="13"/>
                    </a:cubicBezTo>
                    <a:cubicBezTo>
                      <a:pt x="78" y="13"/>
                      <a:pt x="70" y="21"/>
                      <a:pt x="74" y="39"/>
                    </a:cubicBezTo>
                    <a:cubicBezTo>
                      <a:pt x="82" y="48"/>
                      <a:pt x="83" y="52"/>
                      <a:pt x="81" y="52"/>
                    </a:cubicBezTo>
                    <a:cubicBezTo>
                      <a:pt x="73" y="52"/>
                      <a:pt x="11" y="1"/>
                      <a:pt x="4"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7" name="Google Shape;187;p11"/>
              <p:cNvSpPr/>
              <p:nvPr/>
            </p:nvSpPr>
            <p:spPr>
              <a:xfrm rot="10800000">
                <a:off x="3339653" y="4724251"/>
                <a:ext cx="1437606" cy="452030"/>
              </a:xfrm>
              <a:custGeom>
                <a:avLst/>
                <a:gdLst/>
                <a:ahLst/>
                <a:cxnLst/>
                <a:rect l="l" t="t" r="r" b="b"/>
                <a:pathLst>
                  <a:path w="23121" h="7270" extrusionOk="0">
                    <a:moveTo>
                      <a:pt x="361" y="288"/>
                    </a:moveTo>
                    <a:cubicBezTo>
                      <a:pt x="368" y="296"/>
                      <a:pt x="379" y="308"/>
                      <a:pt x="394" y="325"/>
                    </a:cubicBezTo>
                    <a:cubicBezTo>
                      <a:pt x="385" y="314"/>
                      <a:pt x="374" y="302"/>
                      <a:pt x="361" y="288"/>
                    </a:cubicBezTo>
                    <a:close/>
                    <a:moveTo>
                      <a:pt x="876" y="908"/>
                    </a:moveTo>
                    <a:cubicBezTo>
                      <a:pt x="878" y="911"/>
                      <a:pt x="881" y="913"/>
                      <a:pt x="884" y="916"/>
                    </a:cubicBezTo>
                    <a:lnTo>
                      <a:pt x="884" y="916"/>
                    </a:lnTo>
                    <a:cubicBezTo>
                      <a:pt x="882" y="913"/>
                      <a:pt x="879" y="911"/>
                      <a:pt x="876" y="908"/>
                    </a:cubicBezTo>
                    <a:close/>
                    <a:moveTo>
                      <a:pt x="22736" y="1360"/>
                    </a:moveTo>
                    <a:lnTo>
                      <a:pt x="22736" y="1360"/>
                    </a:lnTo>
                    <a:cubicBezTo>
                      <a:pt x="22725" y="1383"/>
                      <a:pt x="22717" y="1400"/>
                      <a:pt x="22711" y="1412"/>
                    </a:cubicBezTo>
                    <a:lnTo>
                      <a:pt x="22711" y="1412"/>
                    </a:lnTo>
                    <a:cubicBezTo>
                      <a:pt x="22718" y="1398"/>
                      <a:pt x="22726" y="1381"/>
                      <a:pt x="22736" y="1360"/>
                    </a:cubicBezTo>
                    <a:close/>
                    <a:moveTo>
                      <a:pt x="1550" y="1533"/>
                    </a:moveTo>
                    <a:lnTo>
                      <a:pt x="1548" y="1536"/>
                    </a:lnTo>
                    <a:cubicBezTo>
                      <a:pt x="1550" y="1536"/>
                      <a:pt x="1550" y="1535"/>
                      <a:pt x="1550" y="1533"/>
                    </a:cubicBezTo>
                    <a:close/>
                    <a:moveTo>
                      <a:pt x="2417" y="2349"/>
                    </a:moveTo>
                    <a:cubicBezTo>
                      <a:pt x="2417" y="2349"/>
                      <a:pt x="2417" y="2349"/>
                      <a:pt x="2416" y="2349"/>
                    </a:cubicBezTo>
                    <a:cubicBezTo>
                      <a:pt x="2417" y="2349"/>
                      <a:pt x="2417" y="2349"/>
                      <a:pt x="2417" y="2349"/>
                    </a:cubicBezTo>
                    <a:close/>
                    <a:moveTo>
                      <a:pt x="4337" y="3904"/>
                    </a:moveTo>
                    <a:lnTo>
                      <a:pt x="4408" y="3957"/>
                    </a:lnTo>
                    <a:lnTo>
                      <a:pt x="4408" y="3957"/>
                    </a:lnTo>
                    <a:cubicBezTo>
                      <a:pt x="4418" y="3961"/>
                      <a:pt x="4430" y="3965"/>
                      <a:pt x="4441" y="3970"/>
                    </a:cubicBezTo>
                    <a:lnTo>
                      <a:pt x="4441" y="3970"/>
                    </a:lnTo>
                    <a:cubicBezTo>
                      <a:pt x="4393" y="3936"/>
                      <a:pt x="4352" y="3909"/>
                      <a:pt x="4337" y="3904"/>
                    </a:cubicBezTo>
                    <a:close/>
                    <a:moveTo>
                      <a:pt x="4371" y="3975"/>
                    </a:moveTo>
                    <a:lnTo>
                      <a:pt x="4387" y="3993"/>
                    </a:lnTo>
                    <a:lnTo>
                      <a:pt x="4387" y="3993"/>
                    </a:lnTo>
                    <a:cubicBezTo>
                      <a:pt x="4376" y="3987"/>
                      <a:pt x="4367" y="3983"/>
                      <a:pt x="4365" y="3983"/>
                    </a:cubicBezTo>
                    <a:cubicBezTo>
                      <a:pt x="4364" y="3983"/>
                      <a:pt x="4372" y="3989"/>
                      <a:pt x="4399" y="4006"/>
                    </a:cubicBezTo>
                    <a:lnTo>
                      <a:pt x="4387" y="3993"/>
                    </a:lnTo>
                    <a:lnTo>
                      <a:pt x="4387" y="3993"/>
                    </a:lnTo>
                    <a:cubicBezTo>
                      <a:pt x="4406" y="4001"/>
                      <a:pt x="4432" y="4013"/>
                      <a:pt x="4442" y="4013"/>
                    </a:cubicBezTo>
                    <a:lnTo>
                      <a:pt x="4442" y="4013"/>
                    </a:lnTo>
                    <a:lnTo>
                      <a:pt x="4371" y="3975"/>
                    </a:lnTo>
                    <a:close/>
                    <a:moveTo>
                      <a:pt x="18782" y="5666"/>
                    </a:moveTo>
                    <a:lnTo>
                      <a:pt x="18724" y="5702"/>
                    </a:lnTo>
                    <a:lnTo>
                      <a:pt x="18724" y="5702"/>
                    </a:lnTo>
                    <a:cubicBezTo>
                      <a:pt x="18743" y="5691"/>
                      <a:pt x="18763" y="5679"/>
                      <a:pt x="18782" y="5666"/>
                    </a:cubicBezTo>
                    <a:close/>
                    <a:moveTo>
                      <a:pt x="18763" y="5701"/>
                    </a:moveTo>
                    <a:cubicBezTo>
                      <a:pt x="18758" y="5704"/>
                      <a:pt x="18753" y="5707"/>
                      <a:pt x="18747" y="5710"/>
                    </a:cubicBezTo>
                    <a:cubicBezTo>
                      <a:pt x="18753" y="5707"/>
                      <a:pt x="18758" y="5704"/>
                      <a:pt x="18763" y="5701"/>
                    </a:cubicBezTo>
                    <a:close/>
                    <a:moveTo>
                      <a:pt x="18317" y="5734"/>
                    </a:moveTo>
                    <a:cubicBezTo>
                      <a:pt x="18309" y="5738"/>
                      <a:pt x="18302" y="5742"/>
                      <a:pt x="18295" y="5745"/>
                    </a:cubicBezTo>
                    <a:lnTo>
                      <a:pt x="18295" y="5745"/>
                    </a:lnTo>
                    <a:lnTo>
                      <a:pt x="18317" y="5734"/>
                    </a:lnTo>
                    <a:close/>
                    <a:moveTo>
                      <a:pt x="8782" y="6301"/>
                    </a:moveTo>
                    <a:lnTo>
                      <a:pt x="8782" y="6301"/>
                    </a:lnTo>
                    <a:cubicBezTo>
                      <a:pt x="8787" y="6303"/>
                      <a:pt x="8791" y="6304"/>
                      <a:pt x="8795" y="6305"/>
                    </a:cubicBezTo>
                    <a:lnTo>
                      <a:pt x="8795" y="6305"/>
                    </a:lnTo>
                    <a:cubicBezTo>
                      <a:pt x="8789" y="6303"/>
                      <a:pt x="8785" y="6302"/>
                      <a:pt x="8782" y="6301"/>
                    </a:cubicBezTo>
                    <a:close/>
                    <a:moveTo>
                      <a:pt x="11183" y="7037"/>
                    </a:moveTo>
                    <a:cubicBezTo>
                      <a:pt x="11184" y="7037"/>
                      <a:pt x="11185" y="7037"/>
                      <a:pt x="11186" y="7038"/>
                    </a:cubicBezTo>
                    <a:cubicBezTo>
                      <a:pt x="11185" y="7037"/>
                      <a:pt x="11184" y="7037"/>
                      <a:pt x="11183" y="7037"/>
                    </a:cubicBezTo>
                    <a:close/>
                    <a:moveTo>
                      <a:pt x="13769" y="7207"/>
                    </a:moveTo>
                    <a:cubicBezTo>
                      <a:pt x="13776" y="7207"/>
                      <a:pt x="13781" y="7207"/>
                      <a:pt x="13787" y="7207"/>
                    </a:cubicBezTo>
                    <a:lnTo>
                      <a:pt x="13787" y="7207"/>
                    </a:lnTo>
                    <a:cubicBezTo>
                      <a:pt x="13781" y="7207"/>
                      <a:pt x="13775" y="7207"/>
                      <a:pt x="13769" y="7207"/>
                    </a:cubicBezTo>
                    <a:close/>
                    <a:moveTo>
                      <a:pt x="4" y="0"/>
                    </a:moveTo>
                    <a:cubicBezTo>
                      <a:pt x="1" y="0"/>
                      <a:pt x="8" y="10"/>
                      <a:pt x="35" y="40"/>
                    </a:cubicBezTo>
                    <a:lnTo>
                      <a:pt x="156" y="132"/>
                    </a:lnTo>
                    <a:cubicBezTo>
                      <a:pt x="154" y="132"/>
                      <a:pt x="152" y="131"/>
                      <a:pt x="151" y="131"/>
                    </a:cubicBezTo>
                    <a:cubicBezTo>
                      <a:pt x="138" y="131"/>
                      <a:pt x="184" y="192"/>
                      <a:pt x="188" y="209"/>
                    </a:cubicBezTo>
                    <a:cubicBezTo>
                      <a:pt x="192" y="211"/>
                      <a:pt x="195" y="212"/>
                      <a:pt x="197" y="212"/>
                    </a:cubicBezTo>
                    <a:cubicBezTo>
                      <a:pt x="216" y="212"/>
                      <a:pt x="143" y="123"/>
                      <a:pt x="163" y="123"/>
                    </a:cubicBezTo>
                    <a:cubicBezTo>
                      <a:pt x="170" y="123"/>
                      <a:pt x="186" y="132"/>
                      <a:pt x="218" y="156"/>
                    </a:cubicBezTo>
                    <a:cubicBezTo>
                      <a:pt x="249" y="172"/>
                      <a:pt x="314" y="237"/>
                      <a:pt x="361" y="288"/>
                    </a:cubicBezTo>
                    <a:lnTo>
                      <a:pt x="361" y="288"/>
                    </a:lnTo>
                    <a:cubicBezTo>
                      <a:pt x="353" y="278"/>
                      <a:pt x="352" y="274"/>
                      <a:pt x="354" y="274"/>
                    </a:cubicBezTo>
                    <a:cubicBezTo>
                      <a:pt x="362" y="274"/>
                      <a:pt x="427" y="328"/>
                      <a:pt x="459" y="353"/>
                    </a:cubicBezTo>
                    <a:cubicBezTo>
                      <a:pt x="519" y="424"/>
                      <a:pt x="628" y="526"/>
                      <a:pt x="649" y="568"/>
                    </a:cubicBezTo>
                    <a:cubicBezTo>
                      <a:pt x="686" y="593"/>
                      <a:pt x="718" y="626"/>
                      <a:pt x="749" y="658"/>
                    </a:cubicBezTo>
                    <a:lnTo>
                      <a:pt x="749" y="668"/>
                    </a:lnTo>
                    <a:cubicBezTo>
                      <a:pt x="771" y="687"/>
                      <a:pt x="779" y="694"/>
                      <a:pt x="781" y="694"/>
                    </a:cubicBezTo>
                    <a:cubicBezTo>
                      <a:pt x="785" y="694"/>
                      <a:pt x="744" y="650"/>
                      <a:pt x="748" y="650"/>
                    </a:cubicBezTo>
                    <a:cubicBezTo>
                      <a:pt x="748" y="650"/>
                      <a:pt x="749" y="650"/>
                      <a:pt x="751" y="651"/>
                    </a:cubicBezTo>
                    <a:cubicBezTo>
                      <a:pt x="809" y="707"/>
                      <a:pt x="890" y="804"/>
                      <a:pt x="985" y="897"/>
                    </a:cubicBezTo>
                    <a:cubicBezTo>
                      <a:pt x="890" y="804"/>
                      <a:pt x="806" y="735"/>
                      <a:pt x="735" y="675"/>
                    </a:cubicBezTo>
                    <a:lnTo>
                      <a:pt x="735" y="675"/>
                    </a:lnTo>
                    <a:cubicBezTo>
                      <a:pt x="786" y="730"/>
                      <a:pt x="800" y="750"/>
                      <a:pt x="792" y="750"/>
                    </a:cubicBezTo>
                    <a:cubicBezTo>
                      <a:pt x="776" y="750"/>
                      <a:pt x="665" y="659"/>
                      <a:pt x="630" y="642"/>
                    </a:cubicBezTo>
                    <a:lnTo>
                      <a:pt x="630" y="642"/>
                    </a:lnTo>
                    <a:cubicBezTo>
                      <a:pt x="774" y="772"/>
                      <a:pt x="834" y="816"/>
                      <a:pt x="955" y="918"/>
                    </a:cubicBezTo>
                    <a:cubicBezTo>
                      <a:pt x="1000" y="969"/>
                      <a:pt x="1008" y="987"/>
                      <a:pt x="997" y="987"/>
                    </a:cubicBezTo>
                    <a:cubicBezTo>
                      <a:pt x="979" y="987"/>
                      <a:pt x="914" y="940"/>
                      <a:pt x="884" y="916"/>
                    </a:cubicBezTo>
                    <a:lnTo>
                      <a:pt x="884" y="916"/>
                    </a:lnTo>
                    <a:cubicBezTo>
                      <a:pt x="1014" y="1029"/>
                      <a:pt x="1155" y="1139"/>
                      <a:pt x="1226" y="1198"/>
                    </a:cubicBezTo>
                    <a:cubicBezTo>
                      <a:pt x="1115" y="1126"/>
                      <a:pt x="1126" y="1147"/>
                      <a:pt x="1027" y="1080"/>
                    </a:cubicBezTo>
                    <a:lnTo>
                      <a:pt x="1027" y="1080"/>
                    </a:lnTo>
                    <a:cubicBezTo>
                      <a:pt x="1117" y="1189"/>
                      <a:pt x="1152" y="1196"/>
                      <a:pt x="1205" y="1235"/>
                    </a:cubicBezTo>
                    <a:cubicBezTo>
                      <a:pt x="1175" y="1212"/>
                      <a:pt x="1149" y="1184"/>
                      <a:pt x="1124" y="1156"/>
                    </a:cubicBezTo>
                    <a:lnTo>
                      <a:pt x="1124" y="1156"/>
                    </a:lnTo>
                    <a:cubicBezTo>
                      <a:pt x="1244" y="1272"/>
                      <a:pt x="1249" y="1226"/>
                      <a:pt x="1325" y="1272"/>
                    </a:cubicBezTo>
                    <a:cubicBezTo>
                      <a:pt x="1401" y="1358"/>
                      <a:pt x="1549" y="1508"/>
                      <a:pt x="1550" y="1533"/>
                    </a:cubicBezTo>
                    <a:lnTo>
                      <a:pt x="1550" y="1533"/>
                    </a:lnTo>
                    <a:lnTo>
                      <a:pt x="1562" y="1518"/>
                    </a:lnTo>
                    <a:cubicBezTo>
                      <a:pt x="1673" y="1610"/>
                      <a:pt x="1608" y="1578"/>
                      <a:pt x="1620" y="1599"/>
                    </a:cubicBezTo>
                    <a:cubicBezTo>
                      <a:pt x="1633" y="1605"/>
                      <a:pt x="1640" y="1606"/>
                      <a:pt x="1647" y="1606"/>
                    </a:cubicBezTo>
                    <a:cubicBezTo>
                      <a:pt x="1649" y="1606"/>
                      <a:pt x="1651" y="1606"/>
                      <a:pt x="1652" y="1606"/>
                    </a:cubicBezTo>
                    <a:cubicBezTo>
                      <a:pt x="1671" y="1606"/>
                      <a:pt x="1696" y="1610"/>
                      <a:pt x="1823" y="1722"/>
                    </a:cubicBezTo>
                    <a:cubicBezTo>
                      <a:pt x="1768" y="1724"/>
                      <a:pt x="1981" y="1872"/>
                      <a:pt x="1951" y="1893"/>
                    </a:cubicBezTo>
                    <a:cubicBezTo>
                      <a:pt x="2039" y="1967"/>
                      <a:pt x="2090" y="1988"/>
                      <a:pt x="2176" y="2071"/>
                    </a:cubicBezTo>
                    <a:cubicBezTo>
                      <a:pt x="2193" y="2093"/>
                      <a:pt x="2196" y="2102"/>
                      <a:pt x="2189" y="2102"/>
                    </a:cubicBezTo>
                    <a:cubicBezTo>
                      <a:pt x="2163" y="2102"/>
                      <a:pt x="1999" y="1975"/>
                      <a:pt x="1960" y="1935"/>
                    </a:cubicBezTo>
                    <a:cubicBezTo>
                      <a:pt x="1917" y="1895"/>
                      <a:pt x="1907" y="1884"/>
                      <a:pt x="1911" y="1884"/>
                    </a:cubicBezTo>
                    <a:cubicBezTo>
                      <a:pt x="1917" y="1884"/>
                      <a:pt x="1945" y="1904"/>
                      <a:pt x="1949" y="1904"/>
                    </a:cubicBezTo>
                    <a:cubicBezTo>
                      <a:pt x="1950" y="1904"/>
                      <a:pt x="1948" y="1901"/>
                      <a:pt x="1939" y="1893"/>
                    </a:cubicBezTo>
                    <a:cubicBezTo>
                      <a:pt x="1898" y="1861"/>
                      <a:pt x="1856" y="1826"/>
                      <a:pt x="1814" y="1793"/>
                    </a:cubicBezTo>
                    <a:lnTo>
                      <a:pt x="1814" y="1793"/>
                    </a:lnTo>
                    <a:cubicBezTo>
                      <a:pt x="1871" y="1860"/>
                      <a:pt x="1995" y="1979"/>
                      <a:pt x="1970" y="1979"/>
                    </a:cubicBezTo>
                    <a:cubicBezTo>
                      <a:pt x="1970" y="1979"/>
                      <a:pt x="1970" y="1979"/>
                      <a:pt x="1969" y="1979"/>
                    </a:cubicBezTo>
                    <a:lnTo>
                      <a:pt x="1969" y="1979"/>
                    </a:lnTo>
                    <a:cubicBezTo>
                      <a:pt x="1996" y="2001"/>
                      <a:pt x="2008" y="2009"/>
                      <a:pt x="2011" y="2009"/>
                    </a:cubicBezTo>
                    <a:cubicBezTo>
                      <a:pt x="2017" y="2009"/>
                      <a:pt x="1968" y="1957"/>
                      <a:pt x="1975" y="1957"/>
                    </a:cubicBezTo>
                    <a:cubicBezTo>
                      <a:pt x="1978" y="1957"/>
                      <a:pt x="1991" y="1966"/>
                      <a:pt x="2023" y="1993"/>
                    </a:cubicBezTo>
                    <a:lnTo>
                      <a:pt x="2094" y="2069"/>
                    </a:lnTo>
                    <a:cubicBezTo>
                      <a:pt x="2138" y="2104"/>
                      <a:pt x="2153" y="2113"/>
                      <a:pt x="2158" y="2113"/>
                    </a:cubicBezTo>
                    <a:cubicBezTo>
                      <a:pt x="2164" y="2113"/>
                      <a:pt x="2161" y="2105"/>
                      <a:pt x="2166" y="2105"/>
                    </a:cubicBezTo>
                    <a:cubicBezTo>
                      <a:pt x="2173" y="2105"/>
                      <a:pt x="2192" y="2118"/>
                      <a:pt x="2259" y="2176"/>
                    </a:cubicBezTo>
                    <a:cubicBezTo>
                      <a:pt x="2240" y="2162"/>
                      <a:pt x="2231" y="2156"/>
                      <a:pt x="2229" y="2156"/>
                    </a:cubicBezTo>
                    <a:cubicBezTo>
                      <a:pt x="2225" y="2156"/>
                      <a:pt x="2260" y="2187"/>
                      <a:pt x="2301" y="2224"/>
                    </a:cubicBezTo>
                    <a:cubicBezTo>
                      <a:pt x="2357" y="2276"/>
                      <a:pt x="2427" y="2341"/>
                      <a:pt x="2417" y="2349"/>
                    </a:cubicBezTo>
                    <a:lnTo>
                      <a:pt x="2417" y="2349"/>
                    </a:lnTo>
                    <a:cubicBezTo>
                      <a:pt x="2418" y="2349"/>
                      <a:pt x="2419" y="2348"/>
                      <a:pt x="2420" y="2348"/>
                    </a:cubicBezTo>
                    <a:cubicBezTo>
                      <a:pt x="2462" y="2348"/>
                      <a:pt x="2729" y="2618"/>
                      <a:pt x="2782" y="2627"/>
                    </a:cubicBezTo>
                    <a:lnTo>
                      <a:pt x="2694" y="2544"/>
                    </a:lnTo>
                    <a:lnTo>
                      <a:pt x="2706" y="2572"/>
                    </a:lnTo>
                    <a:cubicBezTo>
                      <a:pt x="2606" y="2486"/>
                      <a:pt x="2518" y="2419"/>
                      <a:pt x="2419" y="2326"/>
                    </a:cubicBezTo>
                    <a:lnTo>
                      <a:pt x="2419" y="2326"/>
                    </a:lnTo>
                    <a:cubicBezTo>
                      <a:pt x="2440" y="2341"/>
                      <a:pt x="2450" y="2345"/>
                      <a:pt x="2455" y="2345"/>
                    </a:cubicBezTo>
                    <a:cubicBezTo>
                      <a:pt x="2466" y="2345"/>
                      <a:pt x="2454" y="2327"/>
                      <a:pt x="2464" y="2327"/>
                    </a:cubicBezTo>
                    <a:cubicBezTo>
                      <a:pt x="2470" y="2327"/>
                      <a:pt x="2483" y="2333"/>
                      <a:pt x="2511" y="2354"/>
                    </a:cubicBezTo>
                    <a:cubicBezTo>
                      <a:pt x="2602" y="2422"/>
                      <a:pt x="2613" y="2437"/>
                      <a:pt x="2603" y="2437"/>
                    </a:cubicBezTo>
                    <a:cubicBezTo>
                      <a:pt x="2596" y="2437"/>
                      <a:pt x="2573" y="2427"/>
                      <a:pt x="2569" y="2427"/>
                    </a:cubicBezTo>
                    <a:cubicBezTo>
                      <a:pt x="2568" y="2427"/>
                      <a:pt x="2569" y="2428"/>
                      <a:pt x="2572" y="2430"/>
                    </a:cubicBezTo>
                    <a:cubicBezTo>
                      <a:pt x="2623" y="2467"/>
                      <a:pt x="2671" y="2504"/>
                      <a:pt x="2722" y="2539"/>
                    </a:cubicBezTo>
                    <a:cubicBezTo>
                      <a:pt x="2694" y="2511"/>
                      <a:pt x="2664" y="2479"/>
                      <a:pt x="2636" y="2447"/>
                    </a:cubicBezTo>
                    <a:lnTo>
                      <a:pt x="2636" y="2447"/>
                    </a:lnTo>
                    <a:cubicBezTo>
                      <a:pt x="2748" y="2539"/>
                      <a:pt x="2901" y="2664"/>
                      <a:pt x="3051" y="2794"/>
                    </a:cubicBezTo>
                    <a:cubicBezTo>
                      <a:pt x="3133" y="2871"/>
                      <a:pt x="3147" y="2889"/>
                      <a:pt x="3141" y="2889"/>
                    </a:cubicBezTo>
                    <a:cubicBezTo>
                      <a:pt x="3136" y="2889"/>
                      <a:pt x="3118" y="2877"/>
                      <a:pt x="3113" y="2877"/>
                    </a:cubicBezTo>
                    <a:cubicBezTo>
                      <a:pt x="3108" y="2877"/>
                      <a:pt x="3116" y="2889"/>
                      <a:pt x="3162" y="2935"/>
                    </a:cubicBezTo>
                    <a:cubicBezTo>
                      <a:pt x="3241" y="2989"/>
                      <a:pt x="3227" y="2968"/>
                      <a:pt x="3331" y="3056"/>
                    </a:cubicBezTo>
                    <a:cubicBezTo>
                      <a:pt x="3280" y="3003"/>
                      <a:pt x="3227" y="2977"/>
                      <a:pt x="3190" y="2945"/>
                    </a:cubicBezTo>
                    <a:cubicBezTo>
                      <a:pt x="3185" y="2937"/>
                      <a:pt x="3185" y="2934"/>
                      <a:pt x="3188" y="2934"/>
                    </a:cubicBezTo>
                    <a:cubicBezTo>
                      <a:pt x="3206" y="2934"/>
                      <a:pt x="3361" y="3067"/>
                      <a:pt x="3382" y="3067"/>
                    </a:cubicBezTo>
                    <a:cubicBezTo>
                      <a:pt x="3384" y="3067"/>
                      <a:pt x="3385" y="3066"/>
                      <a:pt x="3385" y="3065"/>
                    </a:cubicBezTo>
                    <a:cubicBezTo>
                      <a:pt x="3406" y="3089"/>
                      <a:pt x="3411" y="3100"/>
                      <a:pt x="3402" y="3100"/>
                    </a:cubicBezTo>
                    <a:cubicBezTo>
                      <a:pt x="3397" y="3100"/>
                      <a:pt x="3385" y="3095"/>
                      <a:pt x="3368" y="3086"/>
                    </a:cubicBezTo>
                    <a:lnTo>
                      <a:pt x="3368" y="3086"/>
                    </a:lnTo>
                    <a:cubicBezTo>
                      <a:pt x="3415" y="3118"/>
                      <a:pt x="3459" y="3155"/>
                      <a:pt x="3501" y="3188"/>
                    </a:cubicBezTo>
                    <a:cubicBezTo>
                      <a:pt x="3542" y="3220"/>
                      <a:pt x="3582" y="3253"/>
                      <a:pt x="3619" y="3283"/>
                    </a:cubicBezTo>
                    <a:cubicBezTo>
                      <a:pt x="3674" y="3327"/>
                      <a:pt x="3725" y="3378"/>
                      <a:pt x="3769" y="3433"/>
                    </a:cubicBezTo>
                    <a:lnTo>
                      <a:pt x="3862" y="3473"/>
                    </a:lnTo>
                    <a:cubicBezTo>
                      <a:pt x="3940" y="3536"/>
                      <a:pt x="3963" y="3558"/>
                      <a:pt x="3958" y="3558"/>
                    </a:cubicBezTo>
                    <a:cubicBezTo>
                      <a:pt x="3953" y="3558"/>
                      <a:pt x="3924" y="3539"/>
                      <a:pt x="3894" y="3519"/>
                    </a:cubicBezTo>
                    <a:cubicBezTo>
                      <a:pt x="3860" y="3498"/>
                      <a:pt x="3824" y="3476"/>
                      <a:pt x="3818" y="3476"/>
                    </a:cubicBezTo>
                    <a:cubicBezTo>
                      <a:pt x="3813" y="3476"/>
                      <a:pt x="3829" y="3493"/>
                      <a:pt x="3887" y="3542"/>
                    </a:cubicBezTo>
                    <a:cubicBezTo>
                      <a:pt x="3971" y="3612"/>
                      <a:pt x="4059" y="3674"/>
                      <a:pt x="4151" y="3732"/>
                    </a:cubicBezTo>
                    <a:lnTo>
                      <a:pt x="4059" y="3660"/>
                    </a:lnTo>
                    <a:lnTo>
                      <a:pt x="4059" y="3660"/>
                    </a:lnTo>
                    <a:cubicBezTo>
                      <a:pt x="4138" y="3704"/>
                      <a:pt x="4140" y="3693"/>
                      <a:pt x="4258" y="3772"/>
                    </a:cubicBezTo>
                    <a:cubicBezTo>
                      <a:pt x="4337" y="3834"/>
                      <a:pt x="4283" y="3816"/>
                      <a:pt x="4390" y="3876"/>
                    </a:cubicBezTo>
                    <a:cubicBezTo>
                      <a:pt x="4503" y="3966"/>
                      <a:pt x="4523" y="3992"/>
                      <a:pt x="4506" y="3992"/>
                    </a:cubicBezTo>
                    <a:cubicBezTo>
                      <a:pt x="4495" y="3992"/>
                      <a:pt x="4468" y="3981"/>
                      <a:pt x="4441" y="3970"/>
                    </a:cubicBezTo>
                    <a:lnTo>
                      <a:pt x="4441" y="3970"/>
                    </a:lnTo>
                    <a:cubicBezTo>
                      <a:pt x="4525" y="4029"/>
                      <a:pt x="4629" y="4105"/>
                      <a:pt x="4649" y="4107"/>
                    </a:cubicBezTo>
                    <a:cubicBezTo>
                      <a:pt x="4648" y="4109"/>
                      <a:pt x="4646" y="4110"/>
                      <a:pt x="4642" y="4110"/>
                    </a:cubicBezTo>
                    <a:cubicBezTo>
                      <a:pt x="4632" y="4110"/>
                      <a:pt x="4613" y="4105"/>
                      <a:pt x="4580" y="4087"/>
                    </a:cubicBezTo>
                    <a:lnTo>
                      <a:pt x="4580" y="4087"/>
                    </a:lnTo>
                    <a:cubicBezTo>
                      <a:pt x="4508" y="4019"/>
                      <a:pt x="4483" y="4006"/>
                      <a:pt x="4473" y="4006"/>
                    </a:cubicBezTo>
                    <a:cubicBezTo>
                      <a:pt x="4468" y="4006"/>
                      <a:pt x="4467" y="4010"/>
                      <a:pt x="4464" y="4010"/>
                    </a:cubicBezTo>
                    <a:cubicBezTo>
                      <a:pt x="4461" y="4010"/>
                      <a:pt x="4457" y="4005"/>
                      <a:pt x="4441" y="3982"/>
                    </a:cubicBezTo>
                    <a:lnTo>
                      <a:pt x="4408" y="3957"/>
                    </a:lnTo>
                    <a:lnTo>
                      <a:pt x="4408" y="3957"/>
                    </a:lnTo>
                    <a:cubicBezTo>
                      <a:pt x="4401" y="3955"/>
                      <a:pt x="4395" y="3953"/>
                      <a:pt x="4390" y="3952"/>
                    </a:cubicBezTo>
                    <a:lnTo>
                      <a:pt x="4390" y="3952"/>
                    </a:lnTo>
                    <a:cubicBezTo>
                      <a:pt x="4446" y="3999"/>
                      <a:pt x="4453" y="4013"/>
                      <a:pt x="4442" y="4013"/>
                    </a:cubicBezTo>
                    <a:cubicBezTo>
                      <a:pt x="4442" y="4013"/>
                      <a:pt x="4442" y="4013"/>
                      <a:pt x="4442" y="4013"/>
                    </a:cubicBezTo>
                    <a:lnTo>
                      <a:pt x="4442" y="4013"/>
                    </a:lnTo>
                    <a:lnTo>
                      <a:pt x="4506" y="4047"/>
                    </a:lnTo>
                    <a:lnTo>
                      <a:pt x="4506" y="4047"/>
                    </a:lnTo>
                    <a:lnTo>
                      <a:pt x="4545" y="4105"/>
                    </a:lnTo>
                    <a:cubicBezTo>
                      <a:pt x="4608" y="4154"/>
                      <a:pt x="4661" y="4170"/>
                      <a:pt x="4689" y="4205"/>
                    </a:cubicBezTo>
                    <a:cubicBezTo>
                      <a:pt x="4710" y="4225"/>
                      <a:pt x="4711" y="4231"/>
                      <a:pt x="4704" y="4231"/>
                    </a:cubicBezTo>
                    <a:cubicBezTo>
                      <a:pt x="4694" y="4231"/>
                      <a:pt x="4668" y="4219"/>
                      <a:pt x="4661" y="4219"/>
                    </a:cubicBezTo>
                    <a:cubicBezTo>
                      <a:pt x="4652" y="4219"/>
                      <a:pt x="4669" y="4235"/>
                      <a:pt x="4763" y="4304"/>
                    </a:cubicBezTo>
                    <a:cubicBezTo>
                      <a:pt x="4839" y="4362"/>
                      <a:pt x="4920" y="4413"/>
                      <a:pt x="5006" y="4460"/>
                    </a:cubicBezTo>
                    <a:cubicBezTo>
                      <a:pt x="5034" y="4473"/>
                      <a:pt x="5057" y="4485"/>
                      <a:pt x="5087" y="4501"/>
                    </a:cubicBezTo>
                    <a:cubicBezTo>
                      <a:pt x="5122" y="4520"/>
                      <a:pt x="5157" y="4543"/>
                      <a:pt x="5192" y="4566"/>
                    </a:cubicBezTo>
                    <a:cubicBezTo>
                      <a:pt x="5157" y="4536"/>
                      <a:pt x="5120" y="4508"/>
                      <a:pt x="5078" y="4483"/>
                    </a:cubicBezTo>
                    <a:lnTo>
                      <a:pt x="5078" y="4483"/>
                    </a:lnTo>
                    <a:cubicBezTo>
                      <a:pt x="5090" y="4488"/>
                      <a:pt x="5096" y="4490"/>
                      <a:pt x="5099" y="4490"/>
                    </a:cubicBezTo>
                    <a:cubicBezTo>
                      <a:pt x="5109" y="4490"/>
                      <a:pt x="5092" y="4474"/>
                      <a:pt x="5100" y="4474"/>
                    </a:cubicBezTo>
                    <a:cubicBezTo>
                      <a:pt x="5104" y="4474"/>
                      <a:pt x="5117" y="4479"/>
                      <a:pt x="5148" y="4497"/>
                    </a:cubicBezTo>
                    <a:cubicBezTo>
                      <a:pt x="5189" y="4550"/>
                      <a:pt x="5375" y="4670"/>
                      <a:pt x="5518" y="4763"/>
                    </a:cubicBezTo>
                    <a:cubicBezTo>
                      <a:pt x="5514" y="4762"/>
                      <a:pt x="5511" y="4761"/>
                      <a:pt x="5509" y="4761"/>
                    </a:cubicBezTo>
                    <a:cubicBezTo>
                      <a:pt x="5492" y="4761"/>
                      <a:pt x="5536" y="4798"/>
                      <a:pt x="5525" y="4798"/>
                    </a:cubicBezTo>
                    <a:cubicBezTo>
                      <a:pt x="5523" y="4798"/>
                      <a:pt x="5518" y="4797"/>
                      <a:pt x="5511" y="4793"/>
                    </a:cubicBezTo>
                    <a:lnTo>
                      <a:pt x="5511" y="4793"/>
                    </a:lnTo>
                    <a:cubicBezTo>
                      <a:pt x="5569" y="4830"/>
                      <a:pt x="5629" y="4860"/>
                      <a:pt x="5692" y="4888"/>
                    </a:cubicBezTo>
                    <a:cubicBezTo>
                      <a:pt x="5627" y="4843"/>
                      <a:pt x="5607" y="4827"/>
                      <a:pt x="5612" y="4827"/>
                    </a:cubicBezTo>
                    <a:cubicBezTo>
                      <a:pt x="5624" y="4827"/>
                      <a:pt x="5800" y="4933"/>
                      <a:pt x="5816" y="4933"/>
                    </a:cubicBezTo>
                    <a:cubicBezTo>
                      <a:pt x="5822" y="4933"/>
                      <a:pt x="5810" y="4921"/>
                      <a:pt x="5768" y="4890"/>
                    </a:cubicBezTo>
                    <a:lnTo>
                      <a:pt x="5768" y="4890"/>
                    </a:lnTo>
                    <a:cubicBezTo>
                      <a:pt x="5882" y="4960"/>
                      <a:pt x="5947" y="5009"/>
                      <a:pt x="6000" y="5048"/>
                    </a:cubicBezTo>
                    <a:cubicBezTo>
                      <a:pt x="6056" y="5087"/>
                      <a:pt x="6097" y="5122"/>
                      <a:pt x="6167" y="5168"/>
                    </a:cubicBezTo>
                    <a:cubicBezTo>
                      <a:pt x="6159" y="5168"/>
                      <a:pt x="6031" y="5099"/>
                      <a:pt x="6020" y="5099"/>
                    </a:cubicBezTo>
                    <a:cubicBezTo>
                      <a:pt x="6015" y="5099"/>
                      <a:pt x="6033" y="5113"/>
                      <a:pt x="6095" y="5152"/>
                    </a:cubicBezTo>
                    <a:cubicBezTo>
                      <a:pt x="6164" y="5186"/>
                      <a:pt x="6193" y="5197"/>
                      <a:pt x="6202" y="5197"/>
                    </a:cubicBezTo>
                    <a:cubicBezTo>
                      <a:pt x="6219" y="5197"/>
                      <a:pt x="6172" y="5161"/>
                      <a:pt x="6193" y="5161"/>
                    </a:cubicBezTo>
                    <a:cubicBezTo>
                      <a:pt x="6202" y="5161"/>
                      <a:pt x="6222" y="5167"/>
                      <a:pt x="6264" y="5185"/>
                    </a:cubicBezTo>
                    <a:lnTo>
                      <a:pt x="6120" y="5092"/>
                    </a:lnTo>
                    <a:cubicBezTo>
                      <a:pt x="6120" y="5089"/>
                      <a:pt x="6122" y="5087"/>
                      <a:pt x="6125" y="5087"/>
                    </a:cubicBezTo>
                    <a:cubicBezTo>
                      <a:pt x="6161" y="5087"/>
                      <a:pt x="6384" y="5237"/>
                      <a:pt x="6422" y="5254"/>
                    </a:cubicBezTo>
                    <a:cubicBezTo>
                      <a:pt x="6439" y="5266"/>
                      <a:pt x="6444" y="5271"/>
                      <a:pt x="6441" y="5271"/>
                    </a:cubicBezTo>
                    <a:cubicBezTo>
                      <a:pt x="6434" y="5271"/>
                      <a:pt x="6366" y="5234"/>
                      <a:pt x="6354" y="5234"/>
                    </a:cubicBezTo>
                    <a:cubicBezTo>
                      <a:pt x="6349" y="5234"/>
                      <a:pt x="6353" y="5239"/>
                      <a:pt x="6371" y="5254"/>
                    </a:cubicBezTo>
                    <a:cubicBezTo>
                      <a:pt x="6424" y="5289"/>
                      <a:pt x="6479" y="5319"/>
                      <a:pt x="6537" y="5347"/>
                    </a:cubicBezTo>
                    <a:cubicBezTo>
                      <a:pt x="6581" y="5368"/>
                      <a:pt x="6625" y="5391"/>
                      <a:pt x="6665" y="5419"/>
                    </a:cubicBezTo>
                    <a:cubicBezTo>
                      <a:pt x="6570" y="5386"/>
                      <a:pt x="6628" y="5412"/>
                      <a:pt x="6521" y="5370"/>
                    </a:cubicBezTo>
                    <a:lnTo>
                      <a:pt x="6521" y="5370"/>
                    </a:lnTo>
                    <a:cubicBezTo>
                      <a:pt x="6670" y="5452"/>
                      <a:pt x="6678" y="5462"/>
                      <a:pt x="6665" y="5462"/>
                    </a:cubicBezTo>
                    <a:cubicBezTo>
                      <a:pt x="6662" y="5462"/>
                      <a:pt x="6656" y="5461"/>
                      <a:pt x="6652" y="5461"/>
                    </a:cubicBezTo>
                    <a:cubicBezTo>
                      <a:pt x="6640" y="5461"/>
                      <a:pt x="6641" y="5469"/>
                      <a:pt x="6739" y="5527"/>
                    </a:cubicBezTo>
                    <a:cubicBezTo>
                      <a:pt x="6820" y="5569"/>
                      <a:pt x="6776" y="5527"/>
                      <a:pt x="6903" y="5599"/>
                    </a:cubicBezTo>
                    <a:cubicBezTo>
                      <a:pt x="6836" y="5544"/>
                      <a:pt x="6850" y="5541"/>
                      <a:pt x="6644" y="5428"/>
                    </a:cubicBezTo>
                    <a:lnTo>
                      <a:pt x="6644" y="5428"/>
                    </a:lnTo>
                    <a:cubicBezTo>
                      <a:pt x="6686" y="5435"/>
                      <a:pt x="6753" y="5474"/>
                      <a:pt x="6827" y="5518"/>
                    </a:cubicBezTo>
                    <a:cubicBezTo>
                      <a:pt x="6903" y="5567"/>
                      <a:pt x="6984" y="5606"/>
                      <a:pt x="7066" y="5641"/>
                    </a:cubicBezTo>
                    <a:cubicBezTo>
                      <a:pt x="7012" y="5611"/>
                      <a:pt x="6959" y="5583"/>
                      <a:pt x="6903" y="5558"/>
                    </a:cubicBezTo>
                    <a:cubicBezTo>
                      <a:pt x="6899" y="5538"/>
                      <a:pt x="6879" y="5520"/>
                      <a:pt x="6899" y="5520"/>
                    </a:cubicBezTo>
                    <a:cubicBezTo>
                      <a:pt x="6910" y="5520"/>
                      <a:pt x="6933" y="5525"/>
                      <a:pt x="6977" y="5539"/>
                    </a:cubicBezTo>
                    <a:cubicBezTo>
                      <a:pt x="6908" y="5507"/>
                      <a:pt x="6857" y="5488"/>
                      <a:pt x="6799" y="5463"/>
                    </a:cubicBezTo>
                    <a:cubicBezTo>
                      <a:pt x="6723" y="5430"/>
                      <a:pt x="6651" y="5393"/>
                      <a:pt x="6581" y="5351"/>
                    </a:cubicBezTo>
                    <a:cubicBezTo>
                      <a:pt x="6576" y="5345"/>
                      <a:pt x="6576" y="5342"/>
                      <a:pt x="6581" y="5342"/>
                    </a:cubicBezTo>
                    <a:cubicBezTo>
                      <a:pt x="6608" y="5342"/>
                      <a:pt x="6792" y="5442"/>
                      <a:pt x="6835" y="5442"/>
                    </a:cubicBezTo>
                    <a:cubicBezTo>
                      <a:pt x="6839" y="5442"/>
                      <a:pt x="6842" y="5441"/>
                      <a:pt x="6843" y="5439"/>
                    </a:cubicBezTo>
                    <a:cubicBezTo>
                      <a:pt x="6869" y="5449"/>
                      <a:pt x="6901" y="5465"/>
                      <a:pt x="6938" y="5483"/>
                    </a:cubicBezTo>
                    <a:cubicBezTo>
                      <a:pt x="6977" y="5502"/>
                      <a:pt x="7017" y="5523"/>
                      <a:pt x="7059" y="5546"/>
                    </a:cubicBezTo>
                    <a:cubicBezTo>
                      <a:pt x="7142" y="5592"/>
                      <a:pt x="7225" y="5641"/>
                      <a:pt x="7276" y="5673"/>
                    </a:cubicBezTo>
                    <a:lnTo>
                      <a:pt x="7587" y="5801"/>
                    </a:lnTo>
                    <a:cubicBezTo>
                      <a:pt x="7677" y="5840"/>
                      <a:pt x="7772" y="5875"/>
                      <a:pt x="7867" y="5905"/>
                    </a:cubicBezTo>
                    <a:cubicBezTo>
                      <a:pt x="8004" y="5972"/>
                      <a:pt x="8360" y="6107"/>
                      <a:pt x="8627" y="6215"/>
                    </a:cubicBezTo>
                    <a:cubicBezTo>
                      <a:pt x="8657" y="6238"/>
                      <a:pt x="8853" y="6315"/>
                      <a:pt x="8835" y="6315"/>
                    </a:cubicBezTo>
                    <a:cubicBezTo>
                      <a:pt x="8831" y="6315"/>
                      <a:pt x="8819" y="6312"/>
                      <a:pt x="8795" y="6305"/>
                    </a:cubicBezTo>
                    <a:lnTo>
                      <a:pt x="8795" y="6305"/>
                    </a:lnTo>
                    <a:cubicBezTo>
                      <a:pt x="8839" y="6319"/>
                      <a:pt x="8963" y="6361"/>
                      <a:pt x="8984" y="6361"/>
                    </a:cubicBezTo>
                    <a:cubicBezTo>
                      <a:pt x="8990" y="6361"/>
                      <a:pt x="8989" y="6358"/>
                      <a:pt x="8979" y="6352"/>
                    </a:cubicBezTo>
                    <a:cubicBezTo>
                      <a:pt x="8946" y="6345"/>
                      <a:pt x="8914" y="6334"/>
                      <a:pt x="8882" y="6320"/>
                    </a:cubicBezTo>
                    <a:lnTo>
                      <a:pt x="8930" y="6320"/>
                    </a:lnTo>
                    <a:cubicBezTo>
                      <a:pt x="9060" y="6373"/>
                      <a:pt x="9213" y="6408"/>
                      <a:pt x="9333" y="6461"/>
                    </a:cubicBezTo>
                    <a:cubicBezTo>
                      <a:pt x="9338" y="6464"/>
                      <a:pt x="9338" y="6466"/>
                      <a:pt x="9334" y="6466"/>
                    </a:cubicBezTo>
                    <a:cubicBezTo>
                      <a:pt x="9314" y="6466"/>
                      <a:pt x="9183" y="6419"/>
                      <a:pt x="9163" y="6419"/>
                    </a:cubicBezTo>
                    <a:cubicBezTo>
                      <a:pt x="9158" y="6419"/>
                      <a:pt x="9161" y="6422"/>
                      <a:pt x="9176" y="6431"/>
                    </a:cubicBezTo>
                    <a:cubicBezTo>
                      <a:pt x="9227" y="6440"/>
                      <a:pt x="9278" y="6454"/>
                      <a:pt x="9329" y="6468"/>
                    </a:cubicBezTo>
                    <a:cubicBezTo>
                      <a:pt x="9396" y="6486"/>
                      <a:pt x="9477" y="6507"/>
                      <a:pt x="9556" y="6530"/>
                    </a:cubicBezTo>
                    <a:cubicBezTo>
                      <a:pt x="9637" y="6554"/>
                      <a:pt x="9718" y="6579"/>
                      <a:pt x="9787" y="6602"/>
                    </a:cubicBezTo>
                    <a:cubicBezTo>
                      <a:pt x="9859" y="6625"/>
                      <a:pt x="9919" y="6642"/>
                      <a:pt x="9959" y="6656"/>
                    </a:cubicBezTo>
                    <a:cubicBezTo>
                      <a:pt x="10065" y="6688"/>
                      <a:pt x="10072" y="6713"/>
                      <a:pt x="10116" y="6727"/>
                    </a:cubicBezTo>
                    <a:lnTo>
                      <a:pt x="10297" y="6778"/>
                    </a:lnTo>
                    <a:cubicBezTo>
                      <a:pt x="10313" y="6792"/>
                      <a:pt x="10332" y="6804"/>
                      <a:pt x="10350" y="6815"/>
                    </a:cubicBezTo>
                    <a:cubicBezTo>
                      <a:pt x="10417" y="6836"/>
                      <a:pt x="10487" y="6850"/>
                      <a:pt x="10559" y="6859"/>
                    </a:cubicBezTo>
                    <a:cubicBezTo>
                      <a:pt x="10696" y="6901"/>
                      <a:pt x="10708" y="6914"/>
                      <a:pt x="10669" y="6914"/>
                    </a:cubicBezTo>
                    <a:cubicBezTo>
                      <a:pt x="10641" y="6914"/>
                      <a:pt x="10588" y="6908"/>
                      <a:pt x="10536" y="6901"/>
                    </a:cubicBezTo>
                    <a:lnTo>
                      <a:pt x="10404" y="6862"/>
                    </a:lnTo>
                    <a:cubicBezTo>
                      <a:pt x="10333" y="6854"/>
                      <a:pt x="10245" y="6829"/>
                      <a:pt x="10223" y="6829"/>
                    </a:cubicBezTo>
                    <a:cubicBezTo>
                      <a:pt x="10212" y="6829"/>
                      <a:pt x="10215" y="6834"/>
                      <a:pt x="10239" y="6848"/>
                    </a:cubicBezTo>
                    <a:cubicBezTo>
                      <a:pt x="10262" y="6855"/>
                      <a:pt x="10286" y="6858"/>
                      <a:pt x="10311" y="6858"/>
                    </a:cubicBezTo>
                    <a:cubicBezTo>
                      <a:pt x="10319" y="6858"/>
                      <a:pt x="10326" y="6858"/>
                      <a:pt x="10334" y="6857"/>
                    </a:cubicBezTo>
                    <a:lnTo>
                      <a:pt x="10410" y="6885"/>
                    </a:lnTo>
                    <a:cubicBezTo>
                      <a:pt x="10478" y="6894"/>
                      <a:pt x="10641" y="6929"/>
                      <a:pt x="10684" y="6929"/>
                    </a:cubicBezTo>
                    <a:cubicBezTo>
                      <a:pt x="10693" y="6929"/>
                      <a:pt x="10697" y="6928"/>
                      <a:pt x="10693" y="6924"/>
                    </a:cubicBezTo>
                    <a:lnTo>
                      <a:pt x="10693" y="6924"/>
                    </a:lnTo>
                    <a:cubicBezTo>
                      <a:pt x="10735" y="6936"/>
                      <a:pt x="10776" y="6950"/>
                      <a:pt x="10818" y="6959"/>
                    </a:cubicBezTo>
                    <a:lnTo>
                      <a:pt x="10948" y="6985"/>
                    </a:lnTo>
                    <a:cubicBezTo>
                      <a:pt x="11030" y="7000"/>
                      <a:pt x="11112" y="7016"/>
                      <a:pt x="11183" y="7037"/>
                    </a:cubicBezTo>
                    <a:lnTo>
                      <a:pt x="11183" y="7037"/>
                    </a:lnTo>
                    <a:cubicBezTo>
                      <a:pt x="11093" y="7010"/>
                      <a:pt x="11216" y="7028"/>
                      <a:pt x="11189" y="7010"/>
                    </a:cubicBezTo>
                    <a:lnTo>
                      <a:pt x="11015" y="6971"/>
                    </a:lnTo>
                    <a:lnTo>
                      <a:pt x="11015" y="6971"/>
                    </a:lnTo>
                    <a:lnTo>
                      <a:pt x="11256" y="7010"/>
                    </a:lnTo>
                    <a:lnTo>
                      <a:pt x="11319" y="7022"/>
                    </a:lnTo>
                    <a:lnTo>
                      <a:pt x="11379" y="7031"/>
                    </a:lnTo>
                    <a:cubicBezTo>
                      <a:pt x="11418" y="7038"/>
                      <a:pt x="11455" y="7045"/>
                      <a:pt x="11488" y="7054"/>
                    </a:cubicBezTo>
                    <a:cubicBezTo>
                      <a:pt x="11471" y="7061"/>
                      <a:pt x="11464" y="7063"/>
                      <a:pt x="11532" y="7082"/>
                    </a:cubicBezTo>
                    <a:cubicBezTo>
                      <a:pt x="11509" y="7075"/>
                      <a:pt x="11512" y="7073"/>
                      <a:pt x="11527" y="7073"/>
                    </a:cubicBezTo>
                    <a:cubicBezTo>
                      <a:pt x="11551" y="7073"/>
                      <a:pt x="11602" y="7078"/>
                      <a:pt x="11628" y="7078"/>
                    </a:cubicBezTo>
                    <a:cubicBezTo>
                      <a:pt x="11653" y="7078"/>
                      <a:pt x="11653" y="7073"/>
                      <a:pt x="11578" y="7054"/>
                    </a:cubicBezTo>
                    <a:cubicBezTo>
                      <a:pt x="11502" y="7047"/>
                      <a:pt x="11430" y="7038"/>
                      <a:pt x="11332" y="7022"/>
                    </a:cubicBezTo>
                    <a:cubicBezTo>
                      <a:pt x="11308" y="7009"/>
                      <a:pt x="11319" y="7005"/>
                      <a:pt x="11348" y="7005"/>
                    </a:cubicBezTo>
                    <a:cubicBezTo>
                      <a:pt x="11388" y="7005"/>
                      <a:pt x="11464" y="7013"/>
                      <a:pt x="11515" y="7015"/>
                    </a:cubicBezTo>
                    <a:lnTo>
                      <a:pt x="11733" y="7042"/>
                    </a:lnTo>
                    <a:cubicBezTo>
                      <a:pt x="11775" y="7047"/>
                      <a:pt x="11819" y="7054"/>
                      <a:pt x="11861" y="7056"/>
                    </a:cubicBezTo>
                    <a:lnTo>
                      <a:pt x="11979" y="7066"/>
                    </a:lnTo>
                    <a:cubicBezTo>
                      <a:pt x="12071" y="7079"/>
                      <a:pt x="12095" y="7107"/>
                      <a:pt x="12254" y="7112"/>
                    </a:cubicBezTo>
                    <a:cubicBezTo>
                      <a:pt x="12170" y="7094"/>
                      <a:pt x="12192" y="7088"/>
                      <a:pt x="12249" y="7088"/>
                    </a:cubicBezTo>
                    <a:cubicBezTo>
                      <a:pt x="12259" y="7088"/>
                      <a:pt x="12270" y="7088"/>
                      <a:pt x="12282" y="7089"/>
                    </a:cubicBezTo>
                    <a:lnTo>
                      <a:pt x="12345" y="7089"/>
                    </a:lnTo>
                    <a:lnTo>
                      <a:pt x="12410" y="7086"/>
                    </a:lnTo>
                    <a:cubicBezTo>
                      <a:pt x="12440" y="7086"/>
                      <a:pt x="12470" y="7084"/>
                      <a:pt x="12500" y="7079"/>
                    </a:cubicBezTo>
                    <a:cubicBezTo>
                      <a:pt x="12650" y="7100"/>
                      <a:pt x="12745" y="7079"/>
                      <a:pt x="12866" y="7105"/>
                    </a:cubicBezTo>
                    <a:cubicBezTo>
                      <a:pt x="12859" y="7105"/>
                      <a:pt x="12849" y="7106"/>
                      <a:pt x="12838" y="7106"/>
                    </a:cubicBezTo>
                    <a:cubicBezTo>
                      <a:pt x="12776" y="7106"/>
                      <a:pt x="12661" y="7099"/>
                      <a:pt x="12582" y="7099"/>
                    </a:cubicBezTo>
                    <a:cubicBezTo>
                      <a:pt x="12551" y="7099"/>
                      <a:pt x="12526" y="7100"/>
                      <a:pt x="12511" y="7103"/>
                    </a:cubicBezTo>
                    <a:cubicBezTo>
                      <a:pt x="12502" y="7115"/>
                      <a:pt x="12545" y="7137"/>
                      <a:pt x="12409" y="7137"/>
                    </a:cubicBezTo>
                    <a:cubicBezTo>
                      <a:pt x="12387" y="7137"/>
                      <a:pt x="12360" y="7136"/>
                      <a:pt x="12328" y="7135"/>
                    </a:cubicBezTo>
                    <a:lnTo>
                      <a:pt x="12328" y="7135"/>
                    </a:lnTo>
                    <a:cubicBezTo>
                      <a:pt x="12422" y="7144"/>
                      <a:pt x="12470" y="7148"/>
                      <a:pt x="12499" y="7148"/>
                    </a:cubicBezTo>
                    <a:cubicBezTo>
                      <a:pt x="12552" y="7148"/>
                      <a:pt x="12537" y="7137"/>
                      <a:pt x="12606" y="7137"/>
                    </a:cubicBezTo>
                    <a:cubicBezTo>
                      <a:pt x="12610" y="7137"/>
                      <a:pt x="12615" y="7137"/>
                      <a:pt x="12620" y="7137"/>
                    </a:cubicBezTo>
                    <a:lnTo>
                      <a:pt x="12525" y="7133"/>
                    </a:lnTo>
                    <a:cubicBezTo>
                      <a:pt x="12561" y="7131"/>
                      <a:pt x="12510" y="7117"/>
                      <a:pt x="12543" y="7117"/>
                    </a:cubicBezTo>
                    <a:cubicBezTo>
                      <a:pt x="12550" y="7117"/>
                      <a:pt x="12559" y="7118"/>
                      <a:pt x="12572" y="7119"/>
                    </a:cubicBezTo>
                    <a:cubicBezTo>
                      <a:pt x="12655" y="7126"/>
                      <a:pt x="12718" y="7133"/>
                      <a:pt x="12771" y="7140"/>
                    </a:cubicBezTo>
                    <a:cubicBezTo>
                      <a:pt x="12827" y="7147"/>
                      <a:pt x="12871" y="7154"/>
                      <a:pt x="12912" y="7158"/>
                    </a:cubicBezTo>
                    <a:lnTo>
                      <a:pt x="13172" y="7191"/>
                    </a:lnTo>
                    <a:cubicBezTo>
                      <a:pt x="13123" y="7179"/>
                      <a:pt x="13225" y="7172"/>
                      <a:pt x="13276" y="7172"/>
                    </a:cubicBezTo>
                    <a:cubicBezTo>
                      <a:pt x="13489" y="7191"/>
                      <a:pt x="13274" y="7205"/>
                      <a:pt x="13403" y="7230"/>
                    </a:cubicBezTo>
                    <a:cubicBezTo>
                      <a:pt x="13477" y="7214"/>
                      <a:pt x="13621" y="7216"/>
                      <a:pt x="13572" y="7207"/>
                    </a:cubicBezTo>
                    <a:cubicBezTo>
                      <a:pt x="13658" y="7207"/>
                      <a:pt x="13614" y="7212"/>
                      <a:pt x="13674" y="7216"/>
                    </a:cubicBezTo>
                    <a:cubicBezTo>
                      <a:pt x="13743" y="7202"/>
                      <a:pt x="13813" y="7193"/>
                      <a:pt x="13884" y="7193"/>
                    </a:cubicBezTo>
                    <a:cubicBezTo>
                      <a:pt x="13892" y="7193"/>
                      <a:pt x="13900" y="7193"/>
                      <a:pt x="13908" y="7193"/>
                    </a:cubicBezTo>
                    <a:cubicBezTo>
                      <a:pt x="13898" y="7199"/>
                      <a:pt x="13884" y="7207"/>
                      <a:pt x="13802" y="7207"/>
                    </a:cubicBezTo>
                    <a:cubicBezTo>
                      <a:pt x="13797" y="7207"/>
                      <a:pt x="13792" y="7207"/>
                      <a:pt x="13787" y="7207"/>
                    </a:cubicBezTo>
                    <a:lnTo>
                      <a:pt x="13787" y="7207"/>
                    </a:lnTo>
                    <a:cubicBezTo>
                      <a:pt x="13823" y="7208"/>
                      <a:pt x="13861" y="7213"/>
                      <a:pt x="13897" y="7223"/>
                    </a:cubicBezTo>
                    <a:cubicBezTo>
                      <a:pt x="13918" y="7230"/>
                      <a:pt x="13915" y="7239"/>
                      <a:pt x="13887" y="7246"/>
                    </a:cubicBezTo>
                    <a:lnTo>
                      <a:pt x="13681" y="7239"/>
                    </a:lnTo>
                    <a:lnTo>
                      <a:pt x="13681" y="7239"/>
                    </a:lnTo>
                    <a:cubicBezTo>
                      <a:pt x="13589" y="7258"/>
                      <a:pt x="13874" y="7244"/>
                      <a:pt x="13867" y="7258"/>
                    </a:cubicBezTo>
                    <a:cubicBezTo>
                      <a:pt x="13841" y="7260"/>
                      <a:pt x="13817" y="7260"/>
                      <a:pt x="13795" y="7260"/>
                    </a:cubicBezTo>
                    <a:cubicBezTo>
                      <a:pt x="13747" y="7260"/>
                      <a:pt x="13706" y="7257"/>
                      <a:pt x="13670" y="7257"/>
                    </a:cubicBezTo>
                    <a:cubicBezTo>
                      <a:pt x="13662" y="7257"/>
                      <a:pt x="13656" y="7258"/>
                      <a:pt x="13649" y="7258"/>
                    </a:cubicBezTo>
                    <a:cubicBezTo>
                      <a:pt x="13679" y="7263"/>
                      <a:pt x="13709" y="7266"/>
                      <a:pt x="13738" y="7266"/>
                    </a:cubicBezTo>
                    <a:cubicBezTo>
                      <a:pt x="13760" y="7266"/>
                      <a:pt x="13781" y="7264"/>
                      <a:pt x="13802" y="7262"/>
                    </a:cubicBezTo>
                    <a:cubicBezTo>
                      <a:pt x="13834" y="7260"/>
                      <a:pt x="13869" y="7260"/>
                      <a:pt x="13901" y="7258"/>
                    </a:cubicBezTo>
                    <a:cubicBezTo>
                      <a:pt x="13934" y="7256"/>
                      <a:pt x="13964" y="7251"/>
                      <a:pt x="13989" y="7249"/>
                    </a:cubicBezTo>
                    <a:cubicBezTo>
                      <a:pt x="14014" y="7248"/>
                      <a:pt x="14034" y="7247"/>
                      <a:pt x="14050" y="7247"/>
                    </a:cubicBezTo>
                    <a:cubicBezTo>
                      <a:pt x="14137" y="7247"/>
                      <a:pt x="14094" y="7262"/>
                      <a:pt x="14098" y="7269"/>
                    </a:cubicBezTo>
                    <a:cubicBezTo>
                      <a:pt x="14376" y="7225"/>
                      <a:pt x="13774" y="7260"/>
                      <a:pt x="14031" y="7221"/>
                    </a:cubicBezTo>
                    <a:cubicBezTo>
                      <a:pt x="14108" y="7205"/>
                      <a:pt x="14186" y="7195"/>
                      <a:pt x="14263" y="7191"/>
                    </a:cubicBezTo>
                    <a:lnTo>
                      <a:pt x="14411" y="7179"/>
                    </a:lnTo>
                    <a:lnTo>
                      <a:pt x="14552" y="7163"/>
                    </a:lnTo>
                    <a:cubicBezTo>
                      <a:pt x="14402" y="7158"/>
                      <a:pt x="14566" y="7133"/>
                      <a:pt x="14745" y="7107"/>
                    </a:cubicBezTo>
                    <a:lnTo>
                      <a:pt x="14745" y="7107"/>
                    </a:lnTo>
                    <a:cubicBezTo>
                      <a:pt x="14687" y="7113"/>
                      <a:pt x="14654" y="7115"/>
                      <a:pt x="14633" y="7115"/>
                    </a:cubicBezTo>
                    <a:cubicBezTo>
                      <a:pt x="14601" y="7115"/>
                      <a:pt x="14597" y="7111"/>
                      <a:pt x="14574" y="7111"/>
                    </a:cubicBezTo>
                    <a:cubicBezTo>
                      <a:pt x="14551" y="7111"/>
                      <a:pt x="14511" y="7115"/>
                      <a:pt x="14409" y="7130"/>
                    </a:cubicBezTo>
                    <a:lnTo>
                      <a:pt x="14402" y="7114"/>
                    </a:lnTo>
                    <a:cubicBezTo>
                      <a:pt x="14518" y="7103"/>
                      <a:pt x="14657" y="7096"/>
                      <a:pt x="14775" y="7084"/>
                    </a:cubicBezTo>
                    <a:lnTo>
                      <a:pt x="14775" y="7084"/>
                    </a:lnTo>
                    <a:cubicBezTo>
                      <a:pt x="14749" y="7091"/>
                      <a:pt x="14777" y="7091"/>
                      <a:pt x="14740" y="7098"/>
                    </a:cubicBezTo>
                    <a:cubicBezTo>
                      <a:pt x="14856" y="7082"/>
                      <a:pt x="14969" y="7061"/>
                      <a:pt x="15083" y="7045"/>
                    </a:cubicBezTo>
                    <a:lnTo>
                      <a:pt x="15083" y="7045"/>
                    </a:lnTo>
                    <a:lnTo>
                      <a:pt x="15050" y="7059"/>
                    </a:lnTo>
                    <a:cubicBezTo>
                      <a:pt x="15263" y="7029"/>
                      <a:pt x="15525" y="6994"/>
                      <a:pt x="15650" y="6959"/>
                    </a:cubicBezTo>
                    <a:lnTo>
                      <a:pt x="15650" y="6959"/>
                    </a:lnTo>
                    <a:cubicBezTo>
                      <a:pt x="15599" y="6971"/>
                      <a:pt x="15551" y="6977"/>
                      <a:pt x="15529" y="6977"/>
                    </a:cubicBezTo>
                    <a:cubicBezTo>
                      <a:pt x="15507" y="6977"/>
                      <a:pt x="15510" y="6971"/>
                      <a:pt x="15562" y="6957"/>
                    </a:cubicBezTo>
                    <a:cubicBezTo>
                      <a:pt x="15650" y="6929"/>
                      <a:pt x="15738" y="6906"/>
                      <a:pt x="15829" y="6887"/>
                    </a:cubicBezTo>
                    <a:cubicBezTo>
                      <a:pt x="15830" y="6887"/>
                      <a:pt x="15832" y="6887"/>
                      <a:pt x="15833" y="6887"/>
                    </a:cubicBezTo>
                    <a:cubicBezTo>
                      <a:pt x="15880" y="6887"/>
                      <a:pt x="16055" y="6848"/>
                      <a:pt x="16086" y="6848"/>
                    </a:cubicBezTo>
                    <a:cubicBezTo>
                      <a:pt x="16100" y="6848"/>
                      <a:pt x="16085" y="6856"/>
                      <a:pt x="16019" y="6878"/>
                    </a:cubicBezTo>
                    <a:cubicBezTo>
                      <a:pt x="16093" y="6857"/>
                      <a:pt x="16139" y="6843"/>
                      <a:pt x="16174" y="6832"/>
                    </a:cubicBezTo>
                    <a:cubicBezTo>
                      <a:pt x="16209" y="6822"/>
                      <a:pt x="16232" y="6813"/>
                      <a:pt x="16253" y="6804"/>
                    </a:cubicBezTo>
                    <a:cubicBezTo>
                      <a:pt x="16297" y="6788"/>
                      <a:pt x="16338" y="6771"/>
                      <a:pt x="16475" y="6727"/>
                    </a:cubicBezTo>
                    <a:lnTo>
                      <a:pt x="16475" y="6727"/>
                    </a:lnTo>
                    <a:lnTo>
                      <a:pt x="16290" y="6785"/>
                    </a:lnTo>
                    <a:cubicBezTo>
                      <a:pt x="16268" y="6778"/>
                      <a:pt x="16351" y="6737"/>
                      <a:pt x="16309" y="6737"/>
                    </a:cubicBezTo>
                    <a:cubicBezTo>
                      <a:pt x="16296" y="6737"/>
                      <a:pt x="16272" y="6741"/>
                      <a:pt x="16229" y="6751"/>
                    </a:cubicBezTo>
                    <a:cubicBezTo>
                      <a:pt x="16280" y="6737"/>
                      <a:pt x="16329" y="6713"/>
                      <a:pt x="16375" y="6686"/>
                    </a:cubicBezTo>
                    <a:cubicBezTo>
                      <a:pt x="16392" y="6674"/>
                      <a:pt x="16410" y="6665"/>
                      <a:pt x="16431" y="6656"/>
                    </a:cubicBezTo>
                    <a:cubicBezTo>
                      <a:pt x="16459" y="6646"/>
                      <a:pt x="16503" y="6630"/>
                      <a:pt x="16572" y="6607"/>
                    </a:cubicBezTo>
                    <a:cubicBezTo>
                      <a:pt x="16591" y="6602"/>
                      <a:pt x="16603" y="6600"/>
                      <a:pt x="16609" y="6600"/>
                    </a:cubicBezTo>
                    <a:cubicBezTo>
                      <a:pt x="16622" y="6600"/>
                      <a:pt x="16610" y="6609"/>
                      <a:pt x="16584" y="6623"/>
                    </a:cubicBezTo>
                    <a:cubicBezTo>
                      <a:pt x="16563" y="6632"/>
                      <a:pt x="16535" y="6646"/>
                      <a:pt x="16503" y="6660"/>
                    </a:cubicBezTo>
                    <a:cubicBezTo>
                      <a:pt x="16470" y="6672"/>
                      <a:pt x="16431" y="6686"/>
                      <a:pt x="16392" y="6697"/>
                    </a:cubicBezTo>
                    <a:cubicBezTo>
                      <a:pt x="16431" y="6686"/>
                      <a:pt x="16470" y="6679"/>
                      <a:pt x="16507" y="6667"/>
                    </a:cubicBezTo>
                    <a:cubicBezTo>
                      <a:pt x="16547" y="6658"/>
                      <a:pt x="16586" y="6644"/>
                      <a:pt x="16623" y="6625"/>
                    </a:cubicBezTo>
                    <a:cubicBezTo>
                      <a:pt x="16626" y="6625"/>
                      <a:pt x="16628" y="6625"/>
                      <a:pt x="16630" y="6625"/>
                    </a:cubicBezTo>
                    <a:cubicBezTo>
                      <a:pt x="16668" y="6625"/>
                      <a:pt x="16482" y="6695"/>
                      <a:pt x="16491" y="6697"/>
                    </a:cubicBezTo>
                    <a:cubicBezTo>
                      <a:pt x="16635" y="6653"/>
                      <a:pt x="16487" y="6690"/>
                      <a:pt x="16619" y="6642"/>
                    </a:cubicBezTo>
                    <a:cubicBezTo>
                      <a:pt x="16848" y="6551"/>
                      <a:pt x="16778" y="6621"/>
                      <a:pt x="16996" y="6533"/>
                    </a:cubicBezTo>
                    <a:lnTo>
                      <a:pt x="16996" y="6533"/>
                    </a:lnTo>
                    <a:cubicBezTo>
                      <a:pt x="16962" y="6544"/>
                      <a:pt x="16910" y="6561"/>
                      <a:pt x="16899" y="6561"/>
                    </a:cubicBezTo>
                    <a:cubicBezTo>
                      <a:pt x="16894" y="6561"/>
                      <a:pt x="16898" y="6558"/>
                      <a:pt x="16915" y="6549"/>
                    </a:cubicBezTo>
                    <a:cubicBezTo>
                      <a:pt x="17214" y="6440"/>
                      <a:pt x="17077" y="6477"/>
                      <a:pt x="17288" y="6387"/>
                    </a:cubicBezTo>
                    <a:cubicBezTo>
                      <a:pt x="17319" y="6379"/>
                      <a:pt x="17351" y="6375"/>
                      <a:pt x="17384" y="6375"/>
                    </a:cubicBezTo>
                    <a:cubicBezTo>
                      <a:pt x="17390" y="6375"/>
                      <a:pt x="17397" y="6375"/>
                      <a:pt x="17404" y="6375"/>
                    </a:cubicBezTo>
                    <a:cubicBezTo>
                      <a:pt x="17422" y="6373"/>
                      <a:pt x="17443" y="6371"/>
                      <a:pt x="17462" y="6366"/>
                    </a:cubicBezTo>
                    <a:cubicBezTo>
                      <a:pt x="17499" y="6357"/>
                      <a:pt x="17534" y="6343"/>
                      <a:pt x="17568" y="6329"/>
                    </a:cubicBezTo>
                    <a:lnTo>
                      <a:pt x="17568" y="6329"/>
                    </a:lnTo>
                    <a:cubicBezTo>
                      <a:pt x="17534" y="6343"/>
                      <a:pt x="17499" y="6359"/>
                      <a:pt x="17462" y="6373"/>
                    </a:cubicBezTo>
                    <a:cubicBezTo>
                      <a:pt x="17545" y="6350"/>
                      <a:pt x="17626" y="6322"/>
                      <a:pt x="17705" y="6285"/>
                    </a:cubicBezTo>
                    <a:cubicBezTo>
                      <a:pt x="17754" y="6262"/>
                      <a:pt x="17802" y="6239"/>
                      <a:pt x="17851" y="6215"/>
                    </a:cubicBezTo>
                    <a:lnTo>
                      <a:pt x="17985" y="6141"/>
                    </a:lnTo>
                    <a:cubicBezTo>
                      <a:pt x="18076" y="6093"/>
                      <a:pt x="18164" y="6044"/>
                      <a:pt x="18249" y="5993"/>
                    </a:cubicBezTo>
                    <a:lnTo>
                      <a:pt x="18379" y="5914"/>
                    </a:lnTo>
                    <a:cubicBezTo>
                      <a:pt x="18421" y="5889"/>
                      <a:pt x="18465" y="5863"/>
                      <a:pt x="18509" y="5836"/>
                    </a:cubicBezTo>
                    <a:lnTo>
                      <a:pt x="18724" y="5702"/>
                    </a:lnTo>
                    <a:lnTo>
                      <a:pt x="18724" y="5702"/>
                    </a:lnTo>
                    <a:cubicBezTo>
                      <a:pt x="18697" y="5718"/>
                      <a:pt x="18671" y="5734"/>
                      <a:pt x="18645" y="5750"/>
                    </a:cubicBezTo>
                    <a:cubicBezTo>
                      <a:pt x="18641" y="5752"/>
                      <a:pt x="18638" y="5752"/>
                      <a:pt x="18637" y="5752"/>
                    </a:cubicBezTo>
                    <a:cubicBezTo>
                      <a:pt x="18623" y="5752"/>
                      <a:pt x="18756" y="5675"/>
                      <a:pt x="18750" y="5671"/>
                    </a:cubicBezTo>
                    <a:lnTo>
                      <a:pt x="18840" y="5629"/>
                    </a:lnTo>
                    <a:cubicBezTo>
                      <a:pt x="18842" y="5627"/>
                      <a:pt x="18841" y="5625"/>
                      <a:pt x="18839" y="5625"/>
                    </a:cubicBezTo>
                    <a:cubicBezTo>
                      <a:pt x="18829" y="5625"/>
                      <a:pt x="18789" y="5646"/>
                      <a:pt x="18752" y="5664"/>
                    </a:cubicBezTo>
                    <a:cubicBezTo>
                      <a:pt x="18721" y="5680"/>
                      <a:pt x="18690" y="5693"/>
                      <a:pt x="18681" y="5693"/>
                    </a:cubicBezTo>
                    <a:cubicBezTo>
                      <a:pt x="18676" y="5693"/>
                      <a:pt x="18676" y="5690"/>
                      <a:pt x="18683" y="5683"/>
                    </a:cubicBezTo>
                    <a:cubicBezTo>
                      <a:pt x="18703" y="5676"/>
                      <a:pt x="18722" y="5666"/>
                      <a:pt x="18740" y="5655"/>
                    </a:cubicBezTo>
                    <a:lnTo>
                      <a:pt x="18740" y="5655"/>
                    </a:lnTo>
                    <a:lnTo>
                      <a:pt x="18657" y="5694"/>
                    </a:lnTo>
                    <a:cubicBezTo>
                      <a:pt x="18740" y="5650"/>
                      <a:pt x="18821" y="5602"/>
                      <a:pt x="18900" y="5546"/>
                    </a:cubicBezTo>
                    <a:cubicBezTo>
                      <a:pt x="18967" y="5502"/>
                      <a:pt x="19039" y="5463"/>
                      <a:pt x="19113" y="5428"/>
                    </a:cubicBezTo>
                    <a:lnTo>
                      <a:pt x="19113" y="5428"/>
                    </a:lnTo>
                    <a:cubicBezTo>
                      <a:pt x="19030" y="5483"/>
                      <a:pt x="18984" y="5511"/>
                      <a:pt x="18958" y="5532"/>
                    </a:cubicBezTo>
                    <a:cubicBezTo>
                      <a:pt x="18935" y="5553"/>
                      <a:pt x="18933" y="5562"/>
                      <a:pt x="18928" y="5569"/>
                    </a:cubicBezTo>
                    <a:cubicBezTo>
                      <a:pt x="18921" y="5587"/>
                      <a:pt x="18919" y="5605"/>
                      <a:pt x="18763" y="5701"/>
                    </a:cubicBezTo>
                    <a:lnTo>
                      <a:pt x="18763" y="5701"/>
                    </a:lnTo>
                    <a:cubicBezTo>
                      <a:pt x="18813" y="5670"/>
                      <a:pt x="18834" y="5660"/>
                      <a:pt x="18840" y="5660"/>
                    </a:cubicBezTo>
                    <a:cubicBezTo>
                      <a:pt x="18852" y="5660"/>
                      <a:pt x="18800" y="5704"/>
                      <a:pt x="18811" y="5704"/>
                    </a:cubicBezTo>
                    <a:cubicBezTo>
                      <a:pt x="18811" y="5704"/>
                      <a:pt x="18812" y="5704"/>
                      <a:pt x="18812" y="5704"/>
                    </a:cubicBezTo>
                    <a:cubicBezTo>
                      <a:pt x="18910" y="5648"/>
                      <a:pt x="18852" y="5664"/>
                      <a:pt x="18963" y="5604"/>
                    </a:cubicBezTo>
                    <a:lnTo>
                      <a:pt x="18963" y="5604"/>
                    </a:lnTo>
                    <a:cubicBezTo>
                      <a:pt x="18965" y="5614"/>
                      <a:pt x="18805" y="5721"/>
                      <a:pt x="18819" y="5721"/>
                    </a:cubicBezTo>
                    <a:cubicBezTo>
                      <a:pt x="18822" y="5721"/>
                      <a:pt x="18830" y="5717"/>
                      <a:pt x="18847" y="5708"/>
                    </a:cubicBezTo>
                    <a:cubicBezTo>
                      <a:pt x="18849" y="5687"/>
                      <a:pt x="18947" y="5632"/>
                      <a:pt x="18986" y="5592"/>
                    </a:cubicBezTo>
                    <a:cubicBezTo>
                      <a:pt x="19011" y="5580"/>
                      <a:pt x="19021" y="5576"/>
                      <a:pt x="19025" y="5576"/>
                    </a:cubicBezTo>
                    <a:cubicBezTo>
                      <a:pt x="19031" y="5576"/>
                      <a:pt x="19012" y="5591"/>
                      <a:pt x="19018" y="5591"/>
                    </a:cubicBezTo>
                    <a:cubicBezTo>
                      <a:pt x="19020" y="5591"/>
                      <a:pt x="19022" y="5590"/>
                      <a:pt x="19028" y="5588"/>
                    </a:cubicBezTo>
                    <a:cubicBezTo>
                      <a:pt x="19072" y="5562"/>
                      <a:pt x="19095" y="5539"/>
                      <a:pt x="19134" y="5516"/>
                    </a:cubicBezTo>
                    <a:lnTo>
                      <a:pt x="19134" y="5516"/>
                    </a:lnTo>
                    <a:lnTo>
                      <a:pt x="19111" y="5546"/>
                    </a:lnTo>
                    <a:cubicBezTo>
                      <a:pt x="19336" y="5421"/>
                      <a:pt x="19169" y="5490"/>
                      <a:pt x="19417" y="5335"/>
                    </a:cubicBezTo>
                    <a:cubicBezTo>
                      <a:pt x="19417" y="5333"/>
                      <a:pt x="19416" y="5332"/>
                      <a:pt x="19413" y="5332"/>
                    </a:cubicBezTo>
                    <a:cubicBezTo>
                      <a:pt x="19398" y="5332"/>
                      <a:pt x="19330" y="5378"/>
                      <a:pt x="19241" y="5437"/>
                    </a:cubicBezTo>
                    <a:cubicBezTo>
                      <a:pt x="19239" y="5437"/>
                      <a:pt x="19238" y="5437"/>
                      <a:pt x="19237" y="5437"/>
                    </a:cubicBezTo>
                    <a:cubicBezTo>
                      <a:pt x="19212" y="5437"/>
                      <a:pt x="19283" y="5381"/>
                      <a:pt x="19359" y="5321"/>
                    </a:cubicBezTo>
                    <a:cubicBezTo>
                      <a:pt x="19438" y="5261"/>
                      <a:pt x="19516" y="5194"/>
                      <a:pt x="19496" y="5185"/>
                    </a:cubicBezTo>
                    <a:cubicBezTo>
                      <a:pt x="19563" y="5137"/>
                      <a:pt x="19585" y="5122"/>
                      <a:pt x="19589" y="5122"/>
                    </a:cubicBezTo>
                    <a:cubicBezTo>
                      <a:pt x="19594" y="5122"/>
                      <a:pt x="19558" y="5154"/>
                      <a:pt x="19567" y="5154"/>
                    </a:cubicBezTo>
                    <a:cubicBezTo>
                      <a:pt x="19572" y="5154"/>
                      <a:pt x="19592" y="5144"/>
                      <a:pt x="19642" y="5113"/>
                    </a:cubicBezTo>
                    <a:cubicBezTo>
                      <a:pt x="19657" y="5105"/>
                      <a:pt x="19667" y="5101"/>
                      <a:pt x="19671" y="5101"/>
                    </a:cubicBezTo>
                    <a:cubicBezTo>
                      <a:pt x="19682" y="5101"/>
                      <a:pt x="19657" y="5126"/>
                      <a:pt x="19618" y="5157"/>
                    </a:cubicBezTo>
                    <a:cubicBezTo>
                      <a:pt x="19563" y="5199"/>
                      <a:pt x="19493" y="5254"/>
                      <a:pt x="19472" y="5277"/>
                    </a:cubicBezTo>
                    <a:lnTo>
                      <a:pt x="19683" y="5150"/>
                    </a:lnTo>
                    <a:lnTo>
                      <a:pt x="19683" y="5150"/>
                    </a:lnTo>
                    <a:cubicBezTo>
                      <a:pt x="19632" y="5219"/>
                      <a:pt x="19500" y="5298"/>
                      <a:pt x="19479" y="5344"/>
                    </a:cubicBezTo>
                    <a:cubicBezTo>
                      <a:pt x="19556" y="5293"/>
                      <a:pt x="19588" y="5268"/>
                      <a:pt x="19621" y="5245"/>
                    </a:cubicBezTo>
                    <a:cubicBezTo>
                      <a:pt x="19653" y="5219"/>
                      <a:pt x="19686" y="5194"/>
                      <a:pt x="19755" y="5134"/>
                    </a:cubicBezTo>
                    <a:lnTo>
                      <a:pt x="19755" y="5134"/>
                    </a:lnTo>
                    <a:cubicBezTo>
                      <a:pt x="19727" y="5157"/>
                      <a:pt x="19695" y="5173"/>
                      <a:pt x="19660" y="5187"/>
                    </a:cubicBezTo>
                    <a:cubicBezTo>
                      <a:pt x="19655" y="5187"/>
                      <a:pt x="19669" y="5173"/>
                      <a:pt x="19690" y="5157"/>
                    </a:cubicBezTo>
                    <a:cubicBezTo>
                      <a:pt x="19715" y="5134"/>
                      <a:pt x="19747" y="5106"/>
                      <a:pt x="19735" y="5106"/>
                    </a:cubicBezTo>
                    <a:cubicBezTo>
                      <a:pt x="19731" y="5106"/>
                      <a:pt x="19719" y="5111"/>
                      <a:pt x="19697" y="5122"/>
                    </a:cubicBezTo>
                    <a:cubicBezTo>
                      <a:pt x="19783" y="5071"/>
                      <a:pt x="19864" y="5016"/>
                      <a:pt x="19943" y="4958"/>
                    </a:cubicBezTo>
                    <a:lnTo>
                      <a:pt x="19943" y="4958"/>
                    </a:lnTo>
                    <a:cubicBezTo>
                      <a:pt x="19845" y="5039"/>
                      <a:pt x="19954" y="4978"/>
                      <a:pt x="19818" y="5080"/>
                    </a:cubicBezTo>
                    <a:cubicBezTo>
                      <a:pt x="20035" y="4918"/>
                      <a:pt x="19973" y="4955"/>
                      <a:pt x="20186" y="4789"/>
                    </a:cubicBezTo>
                    <a:cubicBezTo>
                      <a:pt x="20194" y="4778"/>
                      <a:pt x="20194" y="4774"/>
                      <a:pt x="20190" y="4774"/>
                    </a:cubicBezTo>
                    <a:cubicBezTo>
                      <a:pt x="20176" y="4774"/>
                      <a:pt x="20109" y="4819"/>
                      <a:pt x="20100" y="4819"/>
                    </a:cubicBezTo>
                    <a:cubicBezTo>
                      <a:pt x="20094" y="4819"/>
                      <a:pt x="20116" y="4797"/>
                      <a:pt x="20202" y="4724"/>
                    </a:cubicBezTo>
                    <a:cubicBezTo>
                      <a:pt x="20228" y="4703"/>
                      <a:pt x="20240" y="4695"/>
                      <a:pt x="20243" y="4695"/>
                    </a:cubicBezTo>
                    <a:cubicBezTo>
                      <a:pt x="20246" y="4695"/>
                      <a:pt x="20236" y="4705"/>
                      <a:pt x="20218" y="4719"/>
                    </a:cubicBezTo>
                    <a:cubicBezTo>
                      <a:pt x="20285" y="4668"/>
                      <a:pt x="20297" y="4655"/>
                      <a:pt x="20289" y="4655"/>
                    </a:cubicBezTo>
                    <a:cubicBezTo>
                      <a:pt x="20282" y="4655"/>
                      <a:pt x="20257" y="4667"/>
                      <a:pt x="20247" y="4667"/>
                    </a:cubicBezTo>
                    <a:cubicBezTo>
                      <a:pt x="20239" y="4667"/>
                      <a:pt x="20241" y="4659"/>
                      <a:pt x="20272" y="4631"/>
                    </a:cubicBezTo>
                    <a:cubicBezTo>
                      <a:pt x="20324" y="4585"/>
                      <a:pt x="20355" y="4562"/>
                      <a:pt x="20361" y="4562"/>
                    </a:cubicBezTo>
                    <a:cubicBezTo>
                      <a:pt x="20364" y="4562"/>
                      <a:pt x="20362" y="4567"/>
                      <a:pt x="20353" y="4578"/>
                    </a:cubicBezTo>
                    <a:cubicBezTo>
                      <a:pt x="20462" y="4471"/>
                      <a:pt x="20390" y="4515"/>
                      <a:pt x="20464" y="4446"/>
                    </a:cubicBezTo>
                    <a:lnTo>
                      <a:pt x="20464" y="4446"/>
                    </a:lnTo>
                    <a:lnTo>
                      <a:pt x="20427" y="4476"/>
                    </a:lnTo>
                    <a:cubicBezTo>
                      <a:pt x="20441" y="4460"/>
                      <a:pt x="20422" y="4464"/>
                      <a:pt x="20418" y="4457"/>
                    </a:cubicBezTo>
                    <a:cubicBezTo>
                      <a:pt x="20415" y="4448"/>
                      <a:pt x="20431" y="4427"/>
                      <a:pt x="20513" y="4355"/>
                    </a:cubicBezTo>
                    <a:cubicBezTo>
                      <a:pt x="20578" y="4298"/>
                      <a:pt x="20598" y="4284"/>
                      <a:pt x="20604" y="4284"/>
                    </a:cubicBezTo>
                    <a:cubicBezTo>
                      <a:pt x="20609" y="4284"/>
                      <a:pt x="20604" y="4293"/>
                      <a:pt x="20607" y="4295"/>
                    </a:cubicBezTo>
                    <a:cubicBezTo>
                      <a:pt x="20651" y="4251"/>
                      <a:pt x="20693" y="4214"/>
                      <a:pt x="20730" y="4182"/>
                    </a:cubicBezTo>
                    <a:cubicBezTo>
                      <a:pt x="20767" y="4149"/>
                      <a:pt x="20802" y="4121"/>
                      <a:pt x="20837" y="4094"/>
                    </a:cubicBezTo>
                    <a:lnTo>
                      <a:pt x="20837" y="4094"/>
                    </a:lnTo>
                    <a:cubicBezTo>
                      <a:pt x="20836" y="4094"/>
                      <a:pt x="20835" y="4094"/>
                      <a:pt x="20834" y="4094"/>
                    </a:cubicBezTo>
                    <a:cubicBezTo>
                      <a:pt x="20828" y="4094"/>
                      <a:pt x="20833" y="4084"/>
                      <a:pt x="20858" y="4061"/>
                    </a:cubicBezTo>
                    <a:cubicBezTo>
                      <a:pt x="21006" y="3913"/>
                      <a:pt x="20957" y="3992"/>
                      <a:pt x="21015" y="3938"/>
                    </a:cubicBezTo>
                    <a:cubicBezTo>
                      <a:pt x="21233" y="3732"/>
                      <a:pt x="20964" y="3938"/>
                      <a:pt x="21198" y="3702"/>
                    </a:cubicBezTo>
                    <a:lnTo>
                      <a:pt x="21198" y="3702"/>
                    </a:lnTo>
                    <a:lnTo>
                      <a:pt x="21057" y="3839"/>
                    </a:lnTo>
                    <a:cubicBezTo>
                      <a:pt x="21011" y="3883"/>
                      <a:pt x="20964" y="3929"/>
                      <a:pt x="20916" y="3971"/>
                    </a:cubicBezTo>
                    <a:cubicBezTo>
                      <a:pt x="20918" y="3962"/>
                      <a:pt x="20918" y="3954"/>
                      <a:pt x="20911" y="3954"/>
                    </a:cubicBezTo>
                    <a:cubicBezTo>
                      <a:pt x="20903" y="3954"/>
                      <a:pt x="20887" y="3964"/>
                      <a:pt x="20855" y="3994"/>
                    </a:cubicBezTo>
                    <a:cubicBezTo>
                      <a:pt x="20860" y="4010"/>
                      <a:pt x="20770" y="4114"/>
                      <a:pt x="20675" y="4200"/>
                    </a:cubicBezTo>
                    <a:cubicBezTo>
                      <a:pt x="20674" y="4200"/>
                      <a:pt x="20673" y="4201"/>
                      <a:pt x="20672" y="4201"/>
                    </a:cubicBezTo>
                    <a:cubicBezTo>
                      <a:pt x="20656" y="4201"/>
                      <a:pt x="20813" y="4045"/>
                      <a:pt x="20797" y="4045"/>
                    </a:cubicBezTo>
                    <a:cubicBezTo>
                      <a:pt x="20793" y="4045"/>
                      <a:pt x="20777" y="4056"/>
                      <a:pt x="20742" y="4084"/>
                    </a:cubicBezTo>
                    <a:cubicBezTo>
                      <a:pt x="20800" y="4033"/>
                      <a:pt x="20876" y="3955"/>
                      <a:pt x="20946" y="3890"/>
                    </a:cubicBezTo>
                    <a:lnTo>
                      <a:pt x="20946" y="3890"/>
                    </a:lnTo>
                    <a:cubicBezTo>
                      <a:pt x="20939" y="3900"/>
                      <a:pt x="20937" y="3904"/>
                      <a:pt x="20939" y="3904"/>
                    </a:cubicBezTo>
                    <a:cubicBezTo>
                      <a:pt x="20950" y="3904"/>
                      <a:pt x="21076" y="3772"/>
                      <a:pt x="21085" y="3772"/>
                    </a:cubicBezTo>
                    <a:lnTo>
                      <a:pt x="21085" y="3772"/>
                    </a:lnTo>
                    <a:cubicBezTo>
                      <a:pt x="21087" y="3772"/>
                      <a:pt x="21081" y="3782"/>
                      <a:pt x="21062" y="3806"/>
                    </a:cubicBezTo>
                    <a:cubicBezTo>
                      <a:pt x="21210" y="3658"/>
                      <a:pt x="21291" y="3568"/>
                      <a:pt x="21372" y="3484"/>
                    </a:cubicBezTo>
                    <a:cubicBezTo>
                      <a:pt x="21451" y="3399"/>
                      <a:pt x="21522" y="3313"/>
                      <a:pt x="21645" y="3165"/>
                    </a:cubicBezTo>
                    <a:lnTo>
                      <a:pt x="21645" y="3165"/>
                    </a:lnTo>
                    <a:cubicBezTo>
                      <a:pt x="21615" y="3218"/>
                      <a:pt x="21583" y="3267"/>
                      <a:pt x="21546" y="3315"/>
                    </a:cubicBezTo>
                    <a:cubicBezTo>
                      <a:pt x="21518" y="3352"/>
                      <a:pt x="21488" y="3394"/>
                      <a:pt x="21455" y="3433"/>
                    </a:cubicBezTo>
                    <a:cubicBezTo>
                      <a:pt x="21421" y="3473"/>
                      <a:pt x="21383" y="3512"/>
                      <a:pt x="21349" y="3547"/>
                    </a:cubicBezTo>
                    <a:lnTo>
                      <a:pt x="21330" y="3552"/>
                    </a:lnTo>
                    <a:cubicBezTo>
                      <a:pt x="21292" y="3596"/>
                      <a:pt x="21279" y="3613"/>
                      <a:pt x="21282" y="3613"/>
                    </a:cubicBezTo>
                    <a:cubicBezTo>
                      <a:pt x="21289" y="3613"/>
                      <a:pt x="21438" y="3457"/>
                      <a:pt x="21453" y="3457"/>
                    </a:cubicBezTo>
                    <a:cubicBezTo>
                      <a:pt x="21454" y="3457"/>
                      <a:pt x="21454" y="3458"/>
                      <a:pt x="21453" y="3461"/>
                    </a:cubicBezTo>
                    <a:cubicBezTo>
                      <a:pt x="21641" y="3211"/>
                      <a:pt x="21916" y="2947"/>
                      <a:pt x="22136" y="2632"/>
                    </a:cubicBezTo>
                    <a:lnTo>
                      <a:pt x="22136" y="2632"/>
                    </a:lnTo>
                    <a:cubicBezTo>
                      <a:pt x="22123" y="2645"/>
                      <a:pt x="22117" y="2650"/>
                      <a:pt x="22114" y="2650"/>
                    </a:cubicBezTo>
                    <a:cubicBezTo>
                      <a:pt x="22107" y="2650"/>
                      <a:pt x="22130" y="2613"/>
                      <a:pt x="22132" y="2599"/>
                    </a:cubicBezTo>
                    <a:lnTo>
                      <a:pt x="22132" y="2599"/>
                    </a:lnTo>
                    <a:cubicBezTo>
                      <a:pt x="22041" y="2722"/>
                      <a:pt x="22060" y="2704"/>
                      <a:pt x="21981" y="2785"/>
                    </a:cubicBezTo>
                    <a:cubicBezTo>
                      <a:pt x="21986" y="2762"/>
                      <a:pt x="22044" y="2690"/>
                      <a:pt x="22067" y="2648"/>
                    </a:cubicBezTo>
                    <a:cubicBezTo>
                      <a:pt x="22068" y="2643"/>
                      <a:pt x="22068" y="2640"/>
                      <a:pt x="22067" y="2640"/>
                    </a:cubicBezTo>
                    <a:cubicBezTo>
                      <a:pt x="22057" y="2640"/>
                      <a:pt x="21990" y="2744"/>
                      <a:pt x="21958" y="2778"/>
                    </a:cubicBezTo>
                    <a:cubicBezTo>
                      <a:pt x="22000" y="2718"/>
                      <a:pt x="22039" y="2655"/>
                      <a:pt x="22074" y="2590"/>
                    </a:cubicBezTo>
                    <a:cubicBezTo>
                      <a:pt x="22104" y="2560"/>
                      <a:pt x="22139" y="2530"/>
                      <a:pt x="22173" y="2502"/>
                    </a:cubicBezTo>
                    <a:cubicBezTo>
                      <a:pt x="22227" y="2430"/>
                      <a:pt x="22264" y="2377"/>
                      <a:pt x="22289" y="2333"/>
                    </a:cubicBezTo>
                    <a:cubicBezTo>
                      <a:pt x="22317" y="2291"/>
                      <a:pt x="22336" y="2257"/>
                      <a:pt x="22354" y="2227"/>
                    </a:cubicBezTo>
                    <a:cubicBezTo>
                      <a:pt x="22390" y="2161"/>
                      <a:pt x="22429" y="2096"/>
                      <a:pt x="22469" y="2033"/>
                    </a:cubicBezTo>
                    <a:lnTo>
                      <a:pt x="22469" y="2033"/>
                    </a:lnTo>
                    <a:cubicBezTo>
                      <a:pt x="22466" y="2038"/>
                      <a:pt x="22466" y="2040"/>
                      <a:pt x="22467" y="2040"/>
                    </a:cubicBezTo>
                    <a:cubicBezTo>
                      <a:pt x="22469" y="2040"/>
                      <a:pt x="22486" y="2020"/>
                      <a:pt x="22488" y="2020"/>
                    </a:cubicBezTo>
                    <a:lnTo>
                      <a:pt x="22488" y="2020"/>
                    </a:lnTo>
                    <a:cubicBezTo>
                      <a:pt x="22490" y="2020"/>
                      <a:pt x="22482" y="2032"/>
                      <a:pt x="22451" y="2076"/>
                    </a:cubicBezTo>
                    <a:cubicBezTo>
                      <a:pt x="22470" y="2050"/>
                      <a:pt x="22488" y="2025"/>
                      <a:pt x="22507" y="1997"/>
                    </a:cubicBezTo>
                    <a:lnTo>
                      <a:pt x="22507" y="1997"/>
                    </a:lnTo>
                    <a:cubicBezTo>
                      <a:pt x="22477" y="2053"/>
                      <a:pt x="22440" y="2115"/>
                      <a:pt x="22400" y="2180"/>
                    </a:cubicBezTo>
                    <a:cubicBezTo>
                      <a:pt x="22363" y="2243"/>
                      <a:pt x="22324" y="2310"/>
                      <a:pt x="22287" y="2366"/>
                    </a:cubicBezTo>
                    <a:cubicBezTo>
                      <a:pt x="22218" y="2472"/>
                      <a:pt x="22170" y="2554"/>
                      <a:pt x="22189" y="2554"/>
                    </a:cubicBezTo>
                    <a:cubicBezTo>
                      <a:pt x="22190" y="2554"/>
                      <a:pt x="22191" y="2553"/>
                      <a:pt x="22192" y="2553"/>
                    </a:cubicBezTo>
                    <a:cubicBezTo>
                      <a:pt x="22250" y="2470"/>
                      <a:pt x="22298" y="2393"/>
                      <a:pt x="22347" y="2315"/>
                    </a:cubicBezTo>
                    <a:cubicBezTo>
                      <a:pt x="22396" y="2233"/>
                      <a:pt x="22444" y="2148"/>
                      <a:pt x="22514" y="2044"/>
                    </a:cubicBezTo>
                    <a:lnTo>
                      <a:pt x="22514" y="2055"/>
                    </a:lnTo>
                    <a:cubicBezTo>
                      <a:pt x="22548" y="2002"/>
                      <a:pt x="22557" y="1986"/>
                      <a:pt x="22555" y="1986"/>
                    </a:cubicBezTo>
                    <a:lnTo>
                      <a:pt x="22555" y="1986"/>
                    </a:lnTo>
                    <a:cubicBezTo>
                      <a:pt x="22552" y="1986"/>
                      <a:pt x="22525" y="2020"/>
                      <a:pt x="22521" y="2020"/>
                    </a:cubicBezTo>
                    <a:cubicBezTo>
                      <a:pt x="22520" y="2020"/>
                      <a:pt x="22521" y="2018"/>
                      <a:pt x="22523" y="2013"/>
                    </a:cubicBezTo>
                    <a:cubicBezTo>
                      <a:pt x="22558" y="1949"/>
                      <a:pt x="22600" y="1886"/>
                      <a:pt x="22648" y="1828"/>
                    </a:cubicBezTo>
                    <a:cubicBezTo>
                      <a:pt x="22688" y="1784"/>
                      <a:pt x="22718" y="1733"/>
                      <a:pt x="22739" y="1678"/>
                    </a:cubicBezTo>
                    <a:lnTo>
                      <a:pt x="22739" y="1678"/>
                    </a:lnTo>
                    <a:cubicBezTo>
                      <a:pt x="22704" y="1735"/>
                      <a:pt x="22664" y="1793"/>
                      <a:pt x="22627" y="1851"/>
                    </a:cubicBezTo>
                    <a:cubicBezTo>
                      <a:pt x="22648" y="1810"/>
                      <a:pt x="22654" y="1796"/>
                      <a:pt x="22653" y="1796"/>
                    </a:cubicBezTo>
                    <a:lnTo>
                      <a:pt x="22653" y="1796"/>
                    </a:lnTo>
                    <a:cubicBezTo>
                      <a:pt x="22650" y="1796"/>
                      <a:pt x="22616" y="1851"/>
                      <a:pt x="22605" y="1851"/>
                    </a:cubicBezTo>
                    <a:cubicBezTo>
                      <a:pt x="22603" y="1851"/>
                      <a:pt x="22602" y="1849"/>
                      <a:pt x="22602" y="1844"/>
                    </a:cubicBezTo>
                    <a:cubicBezTo>
                      <a:pt x="22669" y="1724"/>
                      <a:pt x="22759" y="1559"/>
                      <a:pt x="22857" y="1381"/>
                    </a:cubicBezTo>
                    <a:lnTo>
                      <a:pt x="22998" y="1105"/>
                    </a:lnTo>
                    <a:cubicBezTo>
                      <a:pt x="23042" y="1010"/>
                      <a:pt x="23084" y="915"/>
                      <a:pt x="23121" y="827"/>
                    </a:cubicBezTo>
                    <a:lnTo>
                      <a:pt x="23121" y="827"/>
                    </a:lnTo>
                    <a:cubicBezTo>
                      <a:pt x="23070" y="908"/>
                      <a:pt x="23024" y="994"/>
                      <a:pt x="22984" y="1085"/>
                    </a:cubicBezTo>
                    <a:cubicBezTo>
                      <a:pt x="22986" y="1032"/>
                      <a:pt x="23000" y="991"/>
                      <a:pt x="22989" y="991"/>
                    </a:cubicBezTo>
                    <a:cubicBezTo>
                      <a:pt x="22985" y="991"/>
                      <a:pt x="22976" y="997"/>
                      <a:pt x="22961" y="1013"/>
                    </a:cubicBezTo>
                    <a:cubicBezTo>
                      <a:pt x="22936" y="1066"/>
                      <a:pt x="22905" y="1117"/>
                      <a:pt x="22878" y="1170"/>
                    </a:cubicBezTo>
                    <a:lnTo>
                      <a:pt x="22852" y="1159"/>
                    </a:lnTo>
                    <a:cubicBezTo>
                      <a:pt x="22873" y="1117"/>
                      <a:pt x="22898" y="1075"/>
                      <a:pt x="22919" y="1038"/>
                    </a:cubicBezTo>
                    <a:cubicBezTo>
                      <a:pt x="22915" y="1008"/>
                      <a:pt x="23040" y="797"/>
                      <a:pt x="23030" y="779"/>
                    </a:cubicBezTo>
                    <a:lnTo>
                      <a:pt x="23030" y="779"/>
                    </a:lnTo>
                    <a:lnTo>
                      <a:pt x="22968" y="915"/>
                    </a:lnTo>
                    <a:cubicBezTo>
                      <a:pt x="22961" y="925"/>
                      <a:pt x="22957" y="929"/>
                      <a:pt x="22955" y="929"/>
                    </a:cubicBezTo>
                    <a:cubicBezTo>
                      <a:pt x="22945" y="929"/>
                      <a:pt x="23007" y="801"/>
                      <a:pt x="23042" y="719"/>
                    </a:cubicBezTo>
                    <a:lnTo>
                      <a:pt x="23042" y="719"/>
                    </a:lnTo>
                    <a:cubicBezTo>
                      <a:pt x="23000" y="783"/>
                      <a:pt x="22966" y="851"/>
                      <a:pt x="22938" y="922"/>
                    </a:cubicBezTo>
                    <a:cubicBezTo>
                      <a:pt x="22917" y="966"/>
                      <a:pt x="22898" y="1015"/>
                      <a:pt x="22875" y="1061"/>
                    </a:cubicBezTo>
                    <a:cubicBezTo>
                      <a:pt x="22852" y="1110"/>
                      <a:pt x="22829" y="1159"/>
                      <a:pt x="22803" y="1207"/>
                    </a:cubicBezTo>
                    <a:cubicBezTo>
                      <a:pt x="22804" y="1207"/>
                      <a:pt x="22804" y="1207"/>
                      <a:pt x="22804" y="1207"/>
                    </a:cubicBezTo>
                    <a:cubicBezTo>
                      <a:pt x="22812" y="1207"/>
                      <a:pt x="22782" y="1291"/>
                      <a:pt x="22790" y="1291"/>
                    </a:cubicBezTo>
                    <a:cubicBezTo>
                      <a:pt x="22794" y="1291"/>
                      <a:pt x="22807" y="1271"/>
                      <a:pt x="22838" y="1212"/>
                    </a:cubicBezTo>
                    <a:lnTo>
                      <a:pt x="22838" y="1212"/>
                    </a:lnTo>
                    <a:cubicBezTo>
                      <a:pt x="22847" y="1219"/>
                      <a:pt x="22797" y="1335"/>
                      <a:pt x="22757" y="1406"/>
                    </a:cubicBezTo>
                    <a:cubicBezTo>
                      <a:pt x="22759" y="1402"/>
                      <a:pt x="22759" y="1400"/>
                      <a:pt x="22757" y="1400"/>
                    </a:cubicBezTo>
                    <a:cubicBezTo>
                      <a:pt x="22750" y="1400"/>
                      <a:pt x="22717" y="1440"/>
                      <a:pt x="22707" y="1440"/>
                    </a:cubicBezTo>
                    <a:cubicBezTo>
                      <a:pt x="22703" y="1440"/>
                      <a:pt x="22703" y="1433"/>
                      <a:pt x="22711" y="1412"/>
                    </a:cubicBezTo>
                    <a:lnTo>
                      <a:pt x="22711" y="1412"/>
                    </a:lnTo>
                    <a:cubicBezTo>
                      <a:pt x="22665" y="1507"/>
                      <a:pt x="22685" y="1455"/>
                      <a:pt x="22602" y="1613"/>
                    </a:cubicBezTo>
                    <a:cubicBezTo>
                      <a:pt x="22602" y="1612"/>
                      <a:pt x="22602" y="1611"/>
                      <a:pt x="22602" y="1611"/>
                    </a:cubicBezTo>
                    <a:lnTo>
                      <a:pt x="22602" y="1611"/>
                    </a:lnTo>
                    <a:cubicBezTo>
                      <a:pt x="22597" y="1611"/>
                      <a:pt x="22431" y="1891"/>
                      <a:pt x="22410" y="1891"/>
                    </a:cubicBezTo>
                    <a:cubicBezTo>
                      <a:pt x="22408" y="1891"/>
                      <a:pt x="22408" y="1890"/>
                      <a:pt x="22407" y="1888"/>
                    </a:cubicBezTo>
                    <a:lnTo>
                      <a:pt x="22407" y="1888"/>
                    </a:lnTo>
                    <a:cubicBezTo>
                      <a:pt x="22380" y="1949"/>
                      <a:pt x="22440" y="1907"/>
                      <a:pt x="22310" y="2106"/>
                    </a:cubicBezTo>
                    <a:cubicBezTo>
                      <a:pt x="22347" y="2067"/>
                      <a:pt x="22382" y="2025"/>
                      <a:pt x="22414" y="1981"/>
                    </a:cubicBezTo>
                    <a:cubicBezTo>
                      <a:pt x="22431" y="1960"/>
                      <a:pt x="22442" y="1946"/>
                      <a:pt x="22444" y="1946"/>
                    </a:cubicBezTo>
                    <a:lnTo>
                      <a:pt x="22444" y="1946"/>
                    </a:lnTo>
                    <a:cubicBezTo>
                      <a:pt x="22447" y="1949"/>
                      <a:pt x="22442" y="1965"/>
                      <a:pt x="22421" y="2004"/>
                    </a:cubicBezTo>
                    <a:cubicBezTo>
                      <a:pt x="22440" y="1972"/>
                      <a:pt x="22456" y="1935"/>
                      <a:pt x="22475" y="1900"/>
                    </a:cubicBezTo>
                    <a:cubicBezTo>
                      <a:pt x="22505" y="1854"/>
                      <a:pt x="22514" y="1844"/>
                      <a:pt x="22518" y="1844"/>
                    </a:cubicBezTo>
                    <a:cubicBezTo>
                      <a:pt x="22520" y="1844"/>
                      <a:pt x="22519" y="1852"/>
                      <a:pt x="22522" y="1852"/>
                    </a:cubicBezTo>
                    <a:cubicBezTo>
                      <a:pt x="22526" y="1852"/>
                      <a:pt x="22539" y="1837"/>
                      <a:pt x="22586" y="1766"/>
                    </a:cubicBezTo>
                    <a:lnTo>
                      <a:pt x="22586" y="1766"/>
                    </a:lnTo>
                    <a:cubicBezTo>
                      <a:pt x="22551" y="1819"/>
                      <a:pt x="22491" y="1937"/>
                      <a:pt x="22465" y="1953"/>
                    </a:cubicBezTo>
                    <a:cubicBezTo>
                      <a:pt x="22468" y="1952"/>
                      <a:pt x="22470" y="1952"/>
                      <a:pt x="22471" y="1952"/>
                    </a:cubicBezTo>
                    <a:cubicBezTo>
                      <a:pt x="22510" y="1952"/>
                      <a:pt x="22301" y="2237"/>
                      <a:pt x="22317" y="2259"/>
                    </a:cubicBezTo>
                    <a:cubicBezTo>
                      <a:pt x="22264" y="2317"/>
                      <a:pt x="22217" y="2379"/>
                      <a:pt x="22176" y="2447"/>
                    </a:cubicBezTo>
                    <a:cubicBezTo>
                      <a:pt x="22176" y="2442"/>
                      <a:pt x="22174" y="2441"/>
                      <a:pt x="22172" y="2441"/>
                    </a:cubicBezTo>
                    <a:cubicBezTo>
                      <a:pt x="22169" y="2441"/>
                      <a:pt x="22164" y="2443"/>
                      <a:pt x="22161" y="2443"/>
                    </a:cubicBezTo>
                    <a:cubicBezTo>
                      <a:pt x="22155" y="2443"/>
                      <a:pt x="22156" y="2436"/>
                      <a:pt x="22180" y="2396"/>
                    </a:cubicBezTo>
                    <a:cubicBezTo>
                      <a:pt x="22227" y="2333"/>
                      <a:pt x="22257" y="2287"/>
                      <a:pt x="22310" y="2220"/>
                    </a:cubicBezTo>
                    <a:lnTo>
                      <a:pt x="22310" y="2220"/>
                    </a:lnTo>
                    <a:cubicBezTo>
                      <a:pt x="22289" y="2231"/>
                      <a:pt x="22271" y="2250"/>
                      <a:pt x="22257" y="2271"/>
                    </a:cubicBezTo>
                    <a:cubicBezTo>
                      <a:pt x="22234" y="2296"/>
                      <a:pt x="22208" y="2331"/>
                      <a:pt x="22180" y="2372"/>
                    </a:cubicBezTo>
                    <a:cubicBezTo>
                      <a:pt x="22125" y="2451"/>
                      <a:pt x="22065" y="2549"/>
                      <a:pt x="22000" y="2625"/>
                    </a:cubicBezTo>
                    <a:cubicBezTo>
                      <a:pt x="22008" y="2616"/>
                      <a:pt x="22013" y="2610"/>
                      <a:pt x="22015" y="2610"/>
                    </a:cubicBezTo>
                    <a:lnTo>
                      <a:pt x="22015" y="2610"/>
                    </a:lnTo>
                    <a:cubicBezTo>
                      <a:pt x="22017" y="2610"/>
                      <a:pt x="22012" y="2620"/>
                      <a:pt x="21995" y="2648"/>
                    </a:cubicBezTo>
                    <a:cubicBezTo>
                      <a:pt x="21958" y="2694"/>
                      <a:pt x="21895" y="2771"/>
                      <a:pt x="21847" y="2826"/>
                    </a:cubicBezTo>
                    <a:cubicBezTo>
                      <a:pt x="21814" y="2864"/>
                      <a:pt x="21785" y="2892"/>
                      <a:pt x="21779" y="2892"/>
                    </a:cubicBezTo>
                    <a:cubicBezTo>
                      <a:pt x="21776" y="2892"/>
                      <a:pt x="21777" y="2887"/>
                      <a:pt x="21782" y="2877"/>
                    </a:cubicBezTo>
                    <a:lnTo>
                      <a:pt x="21782" y="2877"/>
                    </a:lnTo>
                    <a:cubicBezTo>
                      <a:pt x="21717" y="2959"/>
                      <a:pt x="21655" y="3037"/>
                      <a:pt x="21587" y="3116"/>
                    </a:cubicBezTo>
                    <a:lnTo>
                      <a:pt x="21388" y="3350"/>
                    </a:lnTo>
                    <a:cubicBezTo>
                      <a:pt x="21379" y="3345"/>
                      <a:pt x="21444" y="3281"/>
                      <a:pt x="21465" y="3250"/>
                    </a:cubicBezTo>
                    <a:lnTo>
                      <a:pt x="21465" y="3250"/>
                    </a:lnTo>
                    <a:cubicBezTo>
                      <a:pt x="21427" y="3294"/>
                      <a:pt x="21390" y="3338"/>
                      <a:pt x="21351" y="3380"/>
                    </a:cubicBezTo>
                    <a:lnTo>
                      <a:pt x="21235" y="3505"/>
                    </a:lnTo>
                    <a:cubicBezTo>
                      <a:pt x="21226" y="3513"/>
                      <a:pt x="21221" y="3516"/>
                      <a:pt x="21219" y="3516"/>
                    </a:cubicBezTo>
                    <a:cubicBezTo>
                      <a:pt x="21210" y="3516"/>
                      <a:pt x="21309" y="3408"/>
                      <a:pt x="21323" y="3380"/>
                    </a:cubicBezTo>
                    <a:lnTo>
                      <a:pt x="21323" y="3380"/>
                    </a:lnTo>
                    <a:lnTo>
                      <a:pt x="21154" y="3561"/>
                    </a:lnTo>
                    <a:lnTo>
                      <a:pt x="21170" y="3528"/>
                    </a:lnTo>
                    <a:lnTo>
                      <a:pt x="21170" y="3528"/>
                    </a:lnTo>
                    <a:cubicBezTo>
                      <a:pt x="21161" y="3540"/>
                      <a:pt x="21143" y="3563"/>
                      <a:pt x="21119" y="3589"/>
                    </a:cubicBezTo>
                    <a:cubicBezTo>
                      <a:pt x="21094" y="3616"/>
                      <a:pt x="21064" y="3647"/>
                      <a:pt x="21031" y="3677"/>
                    </a:cubicBezTo>
                    <a:cubicBezTo>
                      <a:pt x="20983" y="3728"/>
                      <a:pt x="20932" y="3774"/>
                      <a:pt x="20876" y="3816"/>
                    </a:cubicBezTo>
                    <a:cubicBezTo>
                      <a:pt x="20779" y="3911"/>
                      <a:pt x="20737" y="3964"/>
                      <a:pt x="20686" y="4024"/>
                    </a:cubicBezTo>
                    <a:cubicBezTo>
                      <a:pt x="20635" y="4084"/>
                      <a:pt x="20570" y="4147"/>
                      <a:pt x="20427" y="4263"/>
                    </a:cubicBezTo>
                    <a:cubicBezTo>
                      <a:pt x="20427" y="4240"/>
                      <a:pt x="20580" y="4121"/>
                      <a:pt x="20633" y="4057"/>
                    </a:cubicBezTo>
                    <a:lnTo>
                      <a:pt x="20633" y="4057"/>
                    </a:lnTo>
                    <a:cubicBezTo>
                      <a:pt x="20575" y="4098"/>
                      <a:pt x="20422" y="4253"/>
                      <a:pt x="20383" y="4265"/>
                    </a:cubicBezTo>
                    <a:cubicBezTo>
                      <a:pt x="20191" y="4441"/>
                      <a:pt x="20232" y="4446"/>
                      <a:pt x="20144" y="4543"/>
                    </a:cubicBezTo>
                    <a:cubicBezTo>
                      <a:pt x="20088" y="4588"/>
                      <a:pt x="20066" y="4603"/>
                      <a:pt x="20062" y="4603"/>
                    </a:cubicBezTo>
                    <a:cubicBezTo>
                      <a:pt x="20055" y="4603"/>
                      <a:pt x="20112" y="4548"/>
                      <a:pt x="20107" y="4548"/>
                    </a:cubicBezTo>
                    <a:lnTo>
                      <a:pt x="20107" y="4548"/>
                    </a:lnTo>
                    <a:cubicBezTo>
                      <a:pt x="20107" y="4548"/>
                      <a:pt x="20107" y="4548"/>
                      <a:pt x="20107" y="4548"/>
                    </a:cubicBezTo>
                    <a:cubicBezTo>
                      <a:pt x="20056" y="4585"/>
                      <a:pt x="19994" y="4675"/>
                      <a:pt x="19933" y="4691"/>
                    </a:cubicBezTo>
                    <a:cubicBezTo>
                      <a:pt x="19888" y="4738"/>
                      <a:pt x="19856" y="4775"/>
                      <a:pt x="19868" y="4775"/>
                    </a:cubicBezTo>
                    <a:cubicBezTo>
                      <a:pt x="19875" y="4775"/>
                      <a:pt x="19899" y="4761"/>
                      <a:pt x="19947" y="4726"/>
                    </a:cubicBezTo>
                    <a:lnTo>
                      <a:pt x="19947" y="4726"/>
                    </a:lnTo>
                    <a:cubicBezTo>
                      <a:pt x="19859" y="4798"/>
                      <a:pt x="19730" y="4900"/>
                      <a:pt x="19711" y="4923"/>
                    </a:cubicBezTo>
                    <a:cubicBezTo>
                      <a:pt x="19724" y="4907"/>
                      <a:pt x="19726" y="4900"/>
                      <a:pt x="19722" y="4900"/>
                    </a:cubicBezTo>
                    <a:cubicBezTo>
                      <a:pt x="19706" y="4900"/>
                      <a:pt x="19604" y="4981"/>
                      <a:pt x="19579" y="4981"/>
                    </a:cubicBezTo>
                    <a:cubicBezTo>
                      <a:pt x="19578" y="4981"/>
                      <a:pt x="19577" y="4981"/>
                      <a:pt x="19577" y="4981"/>
                    </a:cubicBezTo>
                    <a:cubicBezTo>
                      <a:pt x="19505" y="5027"/>
                      <a:pt x="19387" y="5104"/>
                      <a:pt x="19273" y="5182"/>
                    </a:cubicBezTo>
                    <a:cubicBezTo>
                      <a:pt x="19174" y="5245"/>
                      <a:pt x="19076" y="5317"/>
                      <a:pt x="18984" y="5391"/>
                    </a:cubicBezTo>
                    <a:cubicBezTo>
                      <a:pt x="18993" y="5375"/>
                      <a:pt x="19002" y="5358"/>
                      <a:pt x="19009" y="5342"/>
                    </a:cubicBezTo>
                    <a:lnTo>
                      <a:pt x="19009" y="5342"/>
                    </a:lnTo>
                    <a:cubicBezTo>
                      <a:pt x="18954" y="5379"/>
                      <a:pt x="18893" y="5412"/>
                      <a:pt x="18838" y="5449"/>
                    </a:cubicBezTo>
                    <a:cubicBezTo>
                      <a:pt x="18817" y="5458"/>
                      <a:pt x="18805" y="5462"/>
                      <a:pt x="18802" y="5462"/>
                    </a:cubicBezTo>
                    <a:cubicBezTo>
                      <a:pt x="18793" y="5462"/>
                      <a:pt x="18824" y="5441"/>
                      <a:pt x="18868" y="5412"/>
                    </a:cubicBezTo>
                    <a:lnTo>
                      <a:pt x="18977" y="5344"/>
                    </a:lnTo>
                    <a:lnTo>
                      <a:pt x="19067" y="5287"/>
                    </a:lnTo>
                    <a:lnTo>
                      <a:pt x="19067" y="5287"/>
                    </a:lnTo>
                    <a:cubicBezTo>
                      <a:pt x="18951" y="5361"/>
                      <a:pt x="18849" y="5416"/>
                      <a:pt x="18754" y="5474"/>
                    </a:cubicBezTo>
                    <a:cubicBezTo>
                      <a:pt x="18659" y="5532"/>
                      <a:pt x="18564" y="5583"/>
                      <a:pt x="18458" y="5643"/>
                    </a:cubicBezTo>
                    <a:cubicBezTo>
                      <a:pt x="18483" y="5631"/>
                      <a:pt x="18493" y="5628"/>
                      <a:pt x="18498" y="5628"/>
                    </a:cubicBezTo>
                    <a:cubicBezTo>
                      <a:pt x="18504" y="5628"/>
                      <a:pt x="18503" y="5633"/>
                      <a:pt x="18512" y="5633"/>
                    </a:cubicBezTo>
                    <a:cubicBezTo>
                      <a:pt x="18515" y="5633"/>
                      <a:pt x="18518" y="5633"/>
                      <a:pt x="18523" y="5632"/>
                    </a:cubicBezTo>
                    <a:lnTo>
                      <a:pt x="18523" y="5632"/>
                    </a:lnTo>
                    <a:cubicBezTo>
                      <a:pt x="18483" y="5659"/>
                      <a:pt x="18444" y="5683"/>
                      <a:pt x="18400" y="5706"/>
                    </a:cubicBezTo>
                    <a:cubicBezTo>
                      <a:pt x="18356" y="5731"/>
                      <a:pt x="18310" y="5752"/>
                      <a:pt x="18270" y="5773"/>
                    </a:cubicBezTo>
                    <a:cubicBezTo>
                      <a:pt x="18267" y="5774"/>
                      <a:pt x="18265" y="5774"/>
                      <a:pt x="18263" y="5774"/>
                    </a:cubicBezTo>
                    <a:cubicBezTo>
                      <a:pt x="18253" y="5774"/>
                      <a:pt x="18260" y="5765"/>
                      <a:pt x="18295" y="5745"/>
                    </a:cubicBezTo>
                    <a:lnTo>
                      <a:pt x="18295" y="5745"/>
                    </a:lnTo>
                    <a:lnTo>
                      <a:pt x="18166" y="5815"/>
                    </a:lnTo>
                    <a:cubicBezTo>
                      <a:pt x="18171" y="5792"/>
                      <a:pt x="18096" y="5829"/>
                      <a:pt x="18240" y="5743"/>
                    </a:cubicBezTo>
                    <a:lnTo>
                      <a:pt x="18240" y="5743"/>
                    </a:lnTo>
                    <a:lnTo>
                      <a:pt x="18103" y="5819"/>
                    </a:lnTo>
                    <a:cubicBezTo>
                      <a:pt x="18060" y="5840"/>
                      <a:pt x="18040" y="5848"/>
                      <a:pt x="18036" y="5848"/>
                    </a:cubicBezTo>
                    <a:cubicBezTo>
                      <a:pt x="18024" y="5848"/>
                      <a:pt x="18113" y="5794"/>
                      <a:pt x="18138" y="5778"/>
                    </a:cubicBezTo>
                    <a:lnTo>
                      <a:pt x="18138" y="5778"/>
                    </a:lnTo>
                    <a:cubicBezTo>
                      <a:pt x="18096" y="5796"/>
                      <a:pt x="18057" y="5819"/>
                      <a:pt x="18015" y="5838"/>
                    </a:cubicBezTo>
                    <a:lnTo>
                      <a:pt x="17893" y="5896"/>
                    </a:lnTo>
                    <a:cubicBezTo>
                      <a:pt x="17807" y="5947"/>
                      <a:pt x="17951" y="5887"/>
                      <a:pt x="17781" y="5970"/>
                    </a:cubicBezTo>
                    <a:cubicBezTo>
                      <a:pt x="17724" y="5995"/>
                      <a:pt x="17659" y="6019"/>
                      <a:pt x="17594" y="6044"/>
                    </a:cubicBezTo>
                    <a:lnTo>
                      <a:pt x="17392" y="6127"/>
                    </a:lnTo>
                    <a:lnTo>
                      <a:pt x="17186" y="6208"/>
                    </a:lnTo>
                    <a:lnTo>
                      <a:pt x="17082" y="6248"/>
                    </a:lnTo>
                    <a:lnTo>
                      <a:pt x="16980" y="6283"/>
                    </a:lnTo>
                    <a:lnTo>
                      <a:pt x="16980" y="6283"/>
                    </a:lnTo>
                    <a:lnTo>
                      <a:pt x="17077" y="6257"/>
                    </a:lnTo>
                    <a:lnTo>
                      <a:pt x="17175" y="6227"/>
                    </a:lnTo>
                    <a:lnTo>
                      <a:pt x="17175" y="6227"/>
                    </a:lnTo>
                    <a:cubicBezTo>
                      <a:pt x="17144" y="6239"/>
                      <a:pt x="17114" y="6250"/>
                      <a:pt x="17086" y="6264"/>
                    </a:cubicBezTo>
                    <a:cubicBezTo>
                      <a:pt x="17073" y="6271"/>
                      <a:pt x="17059" y="6280"/>
                      <a:pt x="17047" y="6290"/>
                    </a:cubicBezTo>
                    <a:cubicBezTo>
                      <a:pt x="17033" y="6303"/>
                      <a:pt x="17031" y="6315"/>
                      <a:pt x="17008" y="6329"/>
                    </a:cubicBezTo>
                    <a:lnTo>
                      <a:pt x="16758" y="6417"/>
                    </a:lnTo>
                    <a:cubicBezTo>
                      <a:pt x="16672" y="6442"/>
                      <a:pt x="16586" y="6468"/>
                      <a:pt x="16521" y="6486"/>
                    </a:cubicBezTo>
                    <a:cubicBezTo>
                      <a:pt x="16606" y="6451"/>
                      <a:pt x="16617" y="6436"/>
                      <a:pt x="16583" y="6436"/>
                    </a:cubicBezTo>
                    <a:cubicBezTo>
                      <a:pt x="16560" y="6436"/>
                      <a:pt x="16514" y="6443"/>
                      <a:pt x="16456" y="6456"/>
                    </a:cubicBezTo>
                    <a:cubicBezTo>
                      <a:pt x="16301" y="6503"/>
                      <a:pt x="16246" y="6524"/>
                      <a:pt x="16206" y="6544"/>
                    </a:cubicBezTo>
                    <a:cubicBezTo>
                      <a:pt x="16160" y="6572"/>
                      <a:pt x="16109" y="6593"/>
                      <a:pt x="16058" y="6609"/>
                    </a:cubicBezTo>
                    <a:cubicBezTo>
                      <a:pt x="16089" y="6592"/>
                      <a:pt x="16092" y="6586"/>
                      <a:pt x="16078" y="6586"/>
                    </a:cubicBezTo>
                    <a:cubicBezTo>
                      <a:pt x="16042" y="6586"/>
                      <a:pt x="15894" y="6629"/>
                      <a:pt x="15866" y="6629"/>
                    </a:cubicBezTo>
                    <a:cubicBezTo>
                      <a:pt x="15862" y="6629"/>
                      <a:pt x="15860" y="6628"/>
                      <a:pt x="15863" y="6625"/>
                    </a:cubicBezTo>
                    <a:lnTo>
                      <a:pt x="15863" y="6625"/>
                    </a:lnTo>
                    <a:cubicBezTo>
                      <a:pt x="15458" y="6727"/>
                      <a:pt x="15048" y="6804"/>
                      <a:pt x="14636" y="6855"/>
                    </a:cubicBezTo>
                    <a:cubicBezTo>
                      <a:pt x="14645" y="6859"/>
                      <a:pt x="14765" y="6852"/>
                      <a:pt x="14694" y="6864"/>
                    </a:cubicBezTo>
                    <a:cubicBezTo>
                      <a:pt x="14609" y="6877"/>
                      <a:pt x="14548" y="6880"/>
                      <a:pt x="14507" y="6880"/>
                    </a:cubicBezTo>
                    <a:cubicBezTo>
                      <a:pt x="14472" y="6880"/>
                      <a:pt x="14451" y="6878"/>
                      <a:pt x="14441" y="6876"/>
                    </a:cubicBezTo>
                    <a:cubicBezTo>
                      <a:pt x="14390" y="6883"/>
                      <a:pt x="14346" y="6885"/>
                      <a:pt x="14307" y="6890"/>
                    </a:cubicBezTo>
                    <a:cubicBezTo>
                      <a:pt x="14265" y="6894"/>
                      <a:pt x="14230" y="6899"/>
                      <a:pt x="14200" y="6903"/>
                    </a:cubicBezTo>
                    <a:cubicBezTo>
                      <a:pt x="14138" y="6910"/>
                      <a:pt x="14091" y="6920"/>
                      <a:pt x="14059" y="6927"/>
                    </a:cubicBezTo>
                    <a:cubicBezTo>
                      <a:pt x="14090" y="6923"/>
                      <a:pt x="14111" y="6922"/>
                      <a:pt x="14125" y="6922"/>
                    </a:cubicBezTo>
                    <a:cubicBezTo>
                      <a:pt x="14148" y="6922"/>
                      <a:pt x="14148" y="6926"/>
                      <a:pt x="14138" y="6934"/>
                    </a:cubicBezTo>
                    <a:cubicBezTo>
                      <a:pt x="14102" y="6936"/>
                      <a:pt x="14066" y="6938"/>
                      <a:pt x="14030" y="6938"/>
                    </a:cubicBezTo>
                    <a:cubicBezTo>
                      <a:pt x="14008" y="6938"/>
                      <a:pt x="13986" y="6938"/>
                      <a:pt x="13964" y="6936"/>
                    </a:cubicBezTo>
                    <a:cubicBezTo>
                      <a:pt x="13911" y="6936"/>
                      <a:pt x="13855" y="6938"/>
                      <a:pt x="13799" y="6945"/>
                    </a:cubicBezTo>
                    <a:cubicBezTo>
                      <a:pt x="13774" y="6936"/>
                      <a:pt x="13830" y="6934"/>
                      <a:pt x="13885" y="6929"/>
                    </a:cubicBezTo>
                    <a:cubicBezTo>
                      <a:pt x="13941" y="6927"/>
                      <a:pt x="14003" y="6917"/>
                      <a:pt x="13994" y="6908"/>
                    </a:cubicBezTo>
                    <a:lnTo>
                      <a:pt x="13994" y="6908"/>
                    </a:lnTo>
                    <a:lnTo>
                      <a:pt x="13871" y="6917"/>
                    </a:lnTo>
                    <a:cubicBezTo>
                      <a:pt x="13834" y="6917"/>
                      <a:pt x="13799" y="6920"/>
                      <a:pt x="13765" y="6922"/>
                    </a:cubicBezTo>
                    <a:cubicBezTo>
                      <a:pt x="13700" y="6927"/>
                      <a:pt x="13637" y="6931"/>
                      <a:pt x="13572" y="6936"/>
                    </a:cubicBezTo>
                    <a:cubicBezTo>
                      <a:pt x="13545" y="6924"/>
                      <a:pt x="13693" y="6931"/>
                      <a:pt x="13593" y="6924"/>
                    </a:cubicBezTo>
                    <a:lnTo>
                      <a:pt x="13593" y="6924"/>
                    </a:lnTo>
                    <a:lnTo>
                      <a:pt x="13380" y="6934"/>
                    </a:lnTo>
                    <a:lnTo>
                      <a:pt x="12859" y="6934"/>
                    </a:lnTo>
                    <a:lnTo>
                      <a:pt x="12776" y="6931"/>
                    </a:lnTo>
                    <a:lnTo>
                      <a:pt x="12722" y="6910"/>
                    </a:lnTo>
                    <a:cubicBezTo>
                      <a:pt x="12650" y="6903"/>
                      <a:pt x="12577" y="6900"/>
                      <a:pt x="12506" y="6900"/>
                    </a:cubicBezTo>
                    <a:cubicBezTo>
                      <a:pt x="12484" y="6900"/>
                      <a:pt x="12462" y="6901"/>
                      <a:pt x="12440" y="6901"/>
                    </a:cubicBezTo>
                    <a:cubicBezTo>
                      <a:pt x="12390" y="6893"/>
                      <a:pt x="12401" y="6891"/>
                      <a:pt x="12436" y="6891"/>
                    </a:cubicBezTo>
                    <a:cubicBezTo>
                      <a:pt x="12451" y="6891"/>
                      <a:pt x="12471" y="6891"/>
                      <a:pt x="12493" y="6892"/>
                    </a:cubicBezTo>
                    <a:lnTo>
                      <a:pt x="12354" y="6883"/>
                    </a:lnTo>
                    <a:lnTo>
                      <a:pt x="12215" y="6871"/>
                    </a:lnTo>
                    <a:cubicBezTo>
                      <a:pt x="12127" y="6862"/>
                      <a:pt x="12046" y="6857"/>
                      <a:pt x="11995" y="6852"/>
                    </a:cubicBezTo>
                    <a:cubicBezTo>
                      <a:pt x="11999" y="6851"/>
                      <a:pt x="12005" y="6850"/>
                      <a:pt x="12014" y="6850"/>
                    </a:cubicBezTo>
                    <a:cubicBezTo>
                      <a:pt x="12041" y="6850"/>
                      <a:pt x="12087" y="6858"/>
                      <a:pt x="12115" y="6858"/>
                    </a:cubicBezTo>
                    <a:cubicBezTo>
                      <a:pt x="12119" y="6858"/>
                      <a:pt x="12124" y="6858"/>
                      <a:pt x="12127" y="6857"/>
                    </a:cubicBezTo>
                    <a:cubicBezTo>
                      <a:pt x="12071" y="6850"/>
                      <a:pt x="12011" y="6846"/>
                      <a:pt x="11953" y="6839"/>
                    </a:cubicBezTo>
                    <a:lnTo>
                      <a:pt x="11863" y="6832"/>
                    </a:lnTo>
                    <a:lnTo>
                      <a:pt x="11775" y="6822"/>
                    </a:lnTo>
                    <a:cubicBezTo>
                      <a:pt x="11675" y="6813"/>
                      <a:pt x="11576" y="6797"/>
                      <a:pt x="11481" y="6771"/>
                    </a:cubicBezTo>
                    <a:lnTo>
                      <a:pt x="11481" y="6771"/>
                    </a:lnTo>
                    <a:cubicBezTo>
                      <a:pt x="11499" y="6774"/>
                      <a:pt x="11520" y="6776"/>
                      <a:pt x="11541" y="6778"/>
                    </a:cubicBezTo>
                    <a:cubicBezTo>
                      <a:pt x="11376" y="6755"/>
                      <a:pt x="11224" y="6723"/>
                      <a:pt x="11068" y="6695"/>
                    </a:cubicBezTo>
                    <a:cubicBezTo>
                      <a:pt x="10990" y="6681"/>
                      <a:pt x="10909" y="6669"/>
                      <a:pt x="10827" y="6651"/>
                    </a:cubicBezTo>
                    <a:lnTo>
                      <a:pt x="10575" y="6593"/>
                    </a:lnTo>
                    <a:cubicBezTo>
                      <a:pt x="10437" y="6551"/>
                      <a:pt x="10399" y="6545"/>
                      <a:pt x="10373" y="6545"/>
                    </a:cubicBezTo>
                    <a:cubicBezTo>
                      <a:pt x="10364" y="6545"/>
                      <a:pt x="10356" y="6546"/>
                      <a:pt x="10347" y="6546"/>
                    </a:cubicBezTo>
                    <a:cubicBezTo>
                      <a:pt x="10321" y="6546"/>
                      <a:pt x="10280" y="6541"/>
                      <a:pt x="10151" y="6505"/>
                    </a:cubicBezTo>
                    <a:cubicBezTo>
                      <a:pt x="10156" y="6482"/>
                      <a:pt x="10049" y="6452"/>
                      <a:pt x="9924" y="6422"/>
                    </a:cubicBezTo>
                    <a:cubicBezTo>
                      <a:pt x="9801" y="6389"/>
                      <a:pt x="9660" y="6350"/>
                      <a:pt x="9595" y="6327"/>
                    </a:cubicBezTo>
                    <a:lnTo>
                      <a:pt x="9595" y="6327"/>
                    </a:lnTo>
                    <a:lnTo>
                      <a:pt x="9637" y="6345"/>
                    </a:lnTo>
                    <a:cubicBezTo>
                      <a:pt x="9549" y="6327"/>
                      <a:pt x="9463" y="6301"/>
                      <a:pt x="9380" y="6269"/>
                    </a:cubicBezTo>
                    <a:cubicBezTo>
                      <a:pt x="9296" y="6236"/>
                      <a:pt x="9220" y="6202"/>
                      <a:pt x="9169" y="6176"/>
                    </a:cubicBezTo>
                    <a:cubicBezTo>
                      <a:pt x="8940" y="6095"/>
                      <a:pt x="8601" y="5958"/>
                      <a:pt x="8370" y="5882"/>
                    </a:cubicBezTo>
                    <a:lnTo>
                      <a:pt x="8370" y="5882"/>
                    </a:lnTo>
                    <a:lnTo>
                      <a:pt x="8416" y="5893"/>
                    </a:lnTo>
                    <a:cubicBezTo>
                      <a:pt x="8228" y="5822"/>
                      <a:pt x="8117" y="5761"/>
                      <a:pt x="7930" y="5690"/>
                    </a:cubicBezTo>
                    <a:lnTo>
                      <a:pt x="7930" y="5690"/>
                    </a:lnTo>
                    <a:cubicBezTo>
                      <a:pt x="7932" y="5690"/>
                      <a:pt x="7959" y="5700"/>
                      <a:pt x="7965" y="5700"/>
                    </a:cubicBezTo>
                    <a:cubicBezTo>
                      <a:pt x="7969" y="5700"/>
                      <a:pt x="7964" y="5695"/>
                      <a:pt x="7937" y="5680"/>
                    </a:cubicBezTo>
                    <a:cubicBezTo>
                      <a:pt x="7719" y="5574"/>
                      <a:pt x="7496" y="5472"/>
                      <a:pt x="7281" y="5358"/>
                    </a:cubicBezTo>
                    <a:lnTo>
                      <a:pt x="7116" y="5275"/>
                    </a:lnTo>
                    <a:cubicBezTo>
                      <a:pt x="7089" y="5261"/>
                      <a:pt x="7061" y="5247"/>
                      <a:pt x="7035" y="5233"/>
                    </a:cubicBezTo>
                    <a:lnTo>
                      <a:pt x="6954" y="5189"/>
                    </a:lnTo>
                    <a:lnTo>
                      <a:pt x="6630" y="5016"/>
                    </a:lnTo>
                    <a:cubicBezTo>
                      <a:pt x="6523" y="4958"/>
                      <a:pt x="6417" y="4895"/>
                      <a:pt x="6313" y="4835"/>
                    </a:cubicBezTo>
                    <a:lnTo>
                      <a:pt x="6153" y="4742"/>
                    </a:lnTo>
                    <a:lnTo>
                      <a:pt x="5995" y="4647"/>
                    </a:lnTo>
                    <a:cubicBezTo>
                      <a:pt x="5893" y="4582"/>
                      <a:pt x="5787" y="4520"/>
                      <a:pt x="5685" y="4453"/>
                    </a:cubicBezTo>
                    <a:lnTo>
                      <a:pt x="5381" y="4251"/>
                    </a:lnTo>
                    <a:cubicBezTo>
                      <a:pt x="4550" y="3686"/>
                      <a:pt x="3753" y="3072"/>
                      <a:pt x="2991" y="2414"/>
                    </a:cubicBezTo>
                    <a:cubicBezTo>
                      <a:pt x="2595" y="2076"/>
                      <a:pt x="2208" y="1731"/>
                      <a:pt x="1837" y="1388"/>
                    </a:cubicBezTo>
                    <a:cubicBezTo>
                      <a:pt x="1467" y="1043"/>
                      <a:pt x="1110" y="709"/>
                      <a:pt x="779" y="390"/>
                    </a:cubicBezTo>
                    <a:lnTo>
                      <a:pt x="663" y="315"/>
                    </a:lnTo>
                    <a:cubicBezTo>
                      <a:pt x="593" y="271"/>
                      <a:pt x="501" y="216"/>
                      <a:pt x="410" y="163"/>
                    </a:cubicBezTo>
                    <a:cubicBezTo>
                      <a:pt x="277" y="83"/>
                      <a:pt x="145" y="14"/>
                      <a:pt x="95" y="14"/>
                    </a:cubicBezTo>
                    <a:cubicBezTo>
                      <a:pt x="78" y="14"/>
                      <a:pt x="70" y="22"/>
                      <a:pt x="74" y="40"/>
                    </a:cubicBezTo>
                    <a:cubicBezTo>
                      <a:pt x="82" y="49"/>
                      <a:pt x="83" y="52"/>
                      <a:pt x="81" y="52"/>
                    </a:cubicBezTo>
                    <a:cubicBezTo>
                      <a:pt x="73" y="52"/>
                      <a:pt x="12" y="0"/>
                      <a:pt x="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8" name="Google Shape;188;p11"/>
              <p:cNvSpPr/>
              <p:nvPr/>
            </p:nvSpPr>
            <p:spPr>
              <a:xfrm rot="10800000">
                <a:off x="3339218" y="4582238"/>
                <a:ext cx="1438041" cy="452030"/>
              </a:xfrm>
              <a:custGeom>
                <a:avLst/>
                <a:gdLst/>
                <a:ahLst/>
                <a:cxnLst/>
                <a:rect l="l" t="t" r="r" b="b"/>
                <a:pathLst>
                  <a:path w="23128" h="7270" extrusionOk="0">
                    <a:moveTo>
                      <a:pt x="361" y="288"/>
                    </a:moveTo>
                    <a:lnTo>
                      <a:pt x="361" y="288"/>
                    </a:lnTo>
                    <a:cubicBezTo>
                      <a:pt x="368" y="296"/>
                      <a:pt x="379" y="308"/>
                      <a:pt x="394" y="325"/>
                    </a:cubicBezTo>
                    <a:cubicBezTo>
                      <a:pt x="385" y="314"/>
                      <a:pt x="374" y="302"/>
                      <a:pt x="361" y="288"/>
                    </a:cubicBezTo>
                    <a:close/>
                    <a:moveTo>
                      <a:pt x="876" y="908"/>
                    </a:moveTo>
                    <a:cubicBezTo>
                      <a:pt x="878" y="911"/>
                      <a:pt x="881" y="913"/>
                      <a:pt x="884" y="916"/>
                    </a:cubicBezTo>
                    <a:lnTo>
                      <a:pt x="884" y="916"/>
                    </a:lnTo>
                    <a:cubicBezTo>
                      <a:pt x="882" y="913"/>
                      <a:pt x="879" y="911"/>
                      <a:pt x="876" y="908"/>
                    </a:cubicBezTo>
                    <a:close/>
                    <a:moveTo>
                      <a:pt x="22743" y="1360"/>
                    </a:moveTo>
                    <a:lnTo>
                      <a:pt x="22743" y="1360"/>
                    </a:lnTo>
                    <a:cubicBezTo>
                      <a:pt x="22731" y="1383"/>
                      <a:pt x="22723" y="1400"/>
                      <a:pt x="22718" y="1412"/>
                    </a:cubicBezTo>
                    <a:lnTo>
                      <a:pt x="22718" y="1412"/>
                    </a:lnTo>
                    <a:cubicBezTo>
                      <a:pt x="22725" y="1398"/>
                      <a:pt x="22733" y="1381"/>
                      <a:pt x="22743" y="1360"/>
                    </a:cubicBezTo>
                    <a:close/>
                    <a:moveTo>
                      <a:pt x="1550" y="1533"/>
                    </a:moveTo>
                    <a:lnTo>
                      <a:pt x="1548" y="1536"/>
                    </a:lnTo>
                    <a:cubicBezTo>
                      <a:pt x="1550" y="1536"/>
                      <a:pt x="1550" y="1535"/>
                      <a:pt x="1550" y="1533"/>
                    </a:cubicBezTo>
                    <a:close/>
                    <a:moveTo>
                      <a:pt x="2417" y="2349"/>
                    </a:moveTo>
                    <a:cubicBezTo>
                      <a:pt x="2417" y="2349"/>
                      <a:pt x="2417" y="2349"/>
                      <a:pt x="2416" y="2349"/>
                    </a:cubicBezTo>
                    <a:cubicBezTo>
                      <a:pt x="2417" y="2349"/>
                      <a:pt x="2417" y="2349"/>
                      <a:pt x="2417" y="2349"/>
                    </a:cubicBezTo>
                    <a:close/>
                    <a:moveTo>
                      <a:pt x="4337" y="3906"/>
                    </a:moveTo>
                    <a:lnTo>
                      <a:pt x="4407" y="3959"/>
                    </a:lnTo>
                    <a:lnTo>
                      <a:pt x="4407" y="3959"/>
                    </a:lnTo>
                    <a:cubicBezTo>
                      <a:pt x="4416" y="3962"/>
                      <a:pt x="4427" y="3966"/>
                      <a:pt x="4437" y="3970"/>
                    </a:cubicBezTo>
                    <a:lnTo>
                      <a:pt x="4437" y="3970"/>
                    </a:lnTo>
                    <a:cubicBezTo>
                      <a:pt x="4391" y="3937"/>
                      <a:pt x="4352" y="3911"/>
                      <a:pt x="4337" y="3906"/>
                    </a:cubicBezTo>
                    <a:close/>
                    <a:moveTo>
                      <a:pt x="4371" y="3978"/>
                    </a:moveTo>
                    <a:lnTo>
                      <a:pt x="4387" y="3995"/>
                    </a:lnTo>
                    <a:lnTo>
                      <a:pt x="4387" y="3995"/>
                    </a:lnTo>
                    <a:cubicBezTo>
                      <a:pt x="4376" y="3989"/>
                      <a:pt x="4367" y="3985"/>
                      <a:pt x="4365" y="3985"/>
                    </a:cubicBezTo>
                    <a:cubicBezTo>
                      <a:pt x="4364" y="3985"/>
                      <a:pt x="4372" y="3991"/>
                      <a:pt x="4399" y="4008"/>
                    </a:cubicBezTo>
                    <a:lnTo>
                      <a:pt x="4387" y="3995"/>
                    </a:lnTo>
                    <a:lnTo>
                      <a:pt x="4387" y="3995"/>
                    </a:lnTo>
                    <a:cubicBezTo>
                      <a:pt x="4406" y="4004"/>
                      <a:pt x="4432" y="4015"/>
                      <a:pt x="4442" y="4015"/>
                    </a:cubicBezTo>
                    <a:lnTo>
                      <a:pt x="4442" y="4015"/>
                    </a:lnTo>
                    <a:lnTo>
                      <a:pt x="4371" y="3978"/>
                    </a:lnTo>
                    <a:close/>
                    <a:moveTo>
                      <a:pt x="19855" y="5054"/>
                    </a:moveTo>
                    <a:cubicBezTo>
                      <a:pt x="19844" y="5062"/>
                      <a:pt x="19832" y="5071"/>
                      <a:pt x="19820" y="5080"/>
                    </a:cubicBezTo>
                    <a:cubicBezTo>
                      <a:pt x="19834" y="5070"/>
                      <a:pt x="19845" y="5062"/>
                      <a:pt x="19855" y="5054"/>
                    </a:cubicBezTo>
                    <a:close/>
                    <a:moveTo>
                      <a:pt x="18788" y="5687"/>
                    </a:moveTo>
                    <a:cubicBezTo>
                      <a:pt x="18777" y="5694"/>
                      <a:pt x="18765" y="5701"/>
                      <a:pt x="18750" y="5710"/>
                    </a:cubicBezTo>
                    <a:cubicBezTo>
                      <a:pt x="18764" y="5702"/>
                      <a:pt x="18776" y="5694"/>
                      <a:pt x="18788" y="5687"/>
                    </a:cubicBezTo>
                    <a:close/>
                    <a:moveTo>
                      <a:pt x="18784" y="5666"/>
                    </a:moveTo>
                    <a:lnTo>
                      <a:pt x="18701" y="5718"/>
                    </a:lnTo>
                    <a:lnTo>
                      <a:pt x="18701" y="5718"/>
                    </a:lnTo>
                    <a:cubicBezTo>
                      <a:pt x="18728" y="5702"/>
                      <a:pt x="18756" y="5685"/>
                      <a:pt x="18784" y="5666"/>
                    </a:cubicBezTo>
                    <a:close/>
                    <a:moveTo>
                      <a:pt x="8784" y="6306"/>
                    </a:moveTo>
                    <a:cubicBezTo>
                      <a:pt x="8787" y="6307"/>
                      <a:pt x="8789" y="6307"/>
                      <a:pt x="8791" y="6308"/>
                    </a:cubicBezTo>
                    <a:lnTo>
                      <a:pt x="8791" y="6308"/>
                    </a:lnTo>
                    <a:cubicBezTo>
                      <a:pt x="8788" y="6307"/>
                      <a:pt x="8786" y="6306"/>
                      <a:pt x="8784" y="6306"/>
                    </a:cubicBezTo>
                    <a:close/>
                    <a:moveTo>
                      <a:pt x="13772" y="7209"/>
                    </a:moveTo>
                    <a:cubicBezTo>
                      <a:pt x="13778" y="7209"/>
                      <a:pt x="13783" y="7209"/>
                      <a:pt x="13788" y="7209"/>
                    </a:cubicBezTo>
                    <a:lnTo>
                      <a:pt x="13788" y="7209"/>
                    </a:lnTo>
                    <a:cubicBezTo>
                      <a:pt x="13783" y="7209"/>
                      <a:pt x="13777" y="7209"/>
                      <a:pt x="13772" y="7209"/>
                    </a:cubicBezTo>
                    <a:close/>
                    <a:moveTo>
                      <a:pt x="4" y="0"/>
                    </a:moveTo>
                    <a:cubicBezTo>
                      <a:pt x="1" y="0"/>
                      <a:pt x="8" y="10"/>
                      <a:pt x="35" y="40"/>
                    </a:cubicBezTo>
                    <a:lnTo>
                      <a:pt x="156" y="132"/>
                    </a:lnTo>
                    <a:cubicBezTo>
                      <a:pt x="154" y="132"/>
                      <a:pt x="152" y="131"/>
                      <a:pt x="151" y="131"/>
                    </a:cubicBezTo>
                    <a:cubicBezTo>
                      <a:pt x="138" y="131"/>
                      <a:pt x="184" y="192"/>
                      <a:pt x="188" y="209"/>
                    </a:cubicBezTo>
                    <a:cubicBezTo>
                      <a:pt x="192" y="211"/>
                      <a:pt x="195" y="212"/>
                      <a:pt x="197" y="212"/>
                    </a:cubicBezTo>
                    <a:cubicBezTo>
                      <a:pt x="216" y="212"/>
                      <a:pt x="143" y="123"/>
                      <a:pt x="163" y="123"/>
                    </a:cubicBezTo>
                    <a:cubicBezTo>
                      <a:pt x="170" y="123"/>
                      <a:pt x="186" y="132"/>
                      <a:pt x="218" y="156"/>
                    </a:cubicBezTo>
                    <a:cubicBezTo>
                      <a:pt x="249" y="172"/>
                      <a:pt x="314" y="237"/>
                      <a:pt x="361" y="288"/>
                    </a:cubicBezTo>
                    <a:lnTo>
                      <a:pt x="361" y="288"/>
                    </a:lnTo>
                    <a:cubicBezTo>
                      <a:pt x="353" y="278"/>
                      <a:pt x="352" y="274"/>
                      <a:pt x="354" y="274"/>
                    </a:cubicBezTo>
                    <a:cubicBezTo>
                      <a:pt x="362" y="274"/>
                      <a:pt x="427" y="328"/>
                      <a:pt x="459" y="353"/>
                    </a:cubicBezTo>
                    <a:cubicBezTo>
                      <a:pt x="519" y="424"/>
                      <a:pt x="628" y="526"/>
                      <a:pt x="649" y="568"/>
                    </a:cubicBezTo>
                    <a:cubicBezTo>
                      <a:pt x="686" y="596"/>
                      <a:pt x="718" y="626"/>
                      <a:pt x="749" y="661"/>
                    </a:cubicBezTo>
                    <a:lnTo>
                      <a:pt x="749" y="668"/>
                    </a:lnTo>
                    <a:cubicBezTo>
                      <a:pt x="771" y="687"/>
                      <a:pt x="780" y="694"/>
                      <a:pt x="781" y="694"/>
                    </a:cubicBezTo>
                    <a:cubicBezTo>
                      <a:pt x="785" y="694"/>
                      <a:pt x="742" y="650"/>
                      <a:pt x="748" y="650"/>
                    </a:cubicBezTo>
                    <a:cubicBezTo>
                      <a:pt x="748" y="650"/>
                      <a:pt x="749" y="650"/>
                      <a:pt x="751" y="651"/>
                    </a:cubicBezTo>
                    <a:cubicBezTo>
                      <a:pt x="809" y="707"/>
                      <a:pt x="890" y="804"/>
                      <a:pt x="985" y="897"/>
                    </a:cubicBezTo>
                    <a:cubicBezTo>
                      <a:pt x="890" y="804"/>
                      <a:pt x="806" y="735"/>
                      <a:pt x="735" y="675"/>
                    </a:cubicBezTo>
                    <a:lnTo>
                      <a:pt x="735" y="675"/>
                    </a:lnTo>
                    <a:cubicBezTo>
                      <a:pt x="786" y="730"/>
                      <a:pt x="800" y="750"/>
                      <a:pt x="792" y="750"/>
                    </a:cubicBezTo>
                    <a:cubicBezTo>
                      <a:pt x="776" y="750"/>
                      <a:pt x="665" y="659"/>
                      <a:pt x="630" y="642"/>
                    </a:cubicBezTo>
                    <a:lnTo>
                      <a:pt x="630" y="642"/>
                    </a:lnTo>
                    <a:cubicBezTo>
                      <a:pt x="774" y="772"/>
                      <a:pt x="834" y="816"/>
                      <a:pt x="955" y="918"/>
                    </a:cubicBezTo>
                    <a:cubicBezTo>
                      <a:pt x="1000" y="969"/>
                      <a:pt x="1008" y="987"/>
                      <a:pt x="997" y="987"/>
                    </a:cubicBezTo>
                    <a:cubicBezTo>
                      <a:pt x="979" y="987"/>
                      <a:pt x="914" y="940"/>
                      <a:pt x="884" y="916"/>
                    </a:cubicBezTo>
                    <a:lnTo>
                      <a:pt x="884" y="916"/>
                    </a:lnTo>
                    <a:cubicBezTo>
                      <a:pt x="1014" y="1029"/>
                      <a:pt x="1155" y="1139"/>
                      <a:pt x="1226" y="1198"/>
                    </a:cubicBezTo>
                    <a:cubicBezTo>
                      <a:pt x="1115" y="1126"/>
                      <a:pt x="1126" y="1147"/>
                      <a:pt x="1027" y="1080"/>
                    </a:cubicBezTo>
                    <a:lnTo>
                      <a:pt x="1027" y="1080"/>
                    </a:lnTo>
                    <a:cubicBezTo>
                      <a:pt x="1117" y="1189"/>
                      <a:pt x="1152" y="1196"/>
                      <a:pt x="1205" y="1235"/>
                    </a:cubicBezTo>
                    <a:cubicBezTo>
                      <a:pt x="1175" y="1212"/>
                      <a:pt x="1149" y="1184"/>
                      <a:pt x="1124" y="1156"/>
                    </a:cubicBezTo>
                    <a:lnTo>
                      <a:pt x="1124" y="1156"/>
                    </a:lnTo>
                    <a:cubicBezTo>
                      <a:pt x="1244" y="1272"/>
                      <a:pt x="1249" y="1226"/>
                      <a:pt x="1325" y="1272"/>
                    </a:cubicBezTo>
                    <a:cubicBezTo>
                      <a:pt x="1401" y="1358"/>
                      <a:pt x="1549" y="1508"/>
                      <a:pt x="1550" y="1533"/>
                    </a:cubicBezTo>
                    <a:lnTo>
                      <a:pt x="1550" y="1533"/>
                    </a:lnTo>
                    <a:lnTo>
                      <a:pt x="1562" y="1518"/>
                    </a:lnTo>
                    <a:cubicBezTo>
                      <a:pt x="1673" y="1613"/>
                      <a:pt x="1608" y="1578"/>
                      <a:pt x="1620" y="1599"/>
                    </a:cubicBezTo>
                    <a:cubicBezTo>
                      <a:pt x="1633" y="1605"/>
                      <a:pt x="1640" y="1606"/>
                      <a:pt x="1647" y="1606"/>
                    </a:cubicBezTo>
                    <a:cubicBezTo>
                      <a:pt x="1649" y="1606"/>
                      <a:pt x="1651" y="1606"/>
                      <a:pt x="1652" y="1606"/>
                    </a:cubicBezTo>
                    <a:cubicBezTo>
                      <a:pt x="1671" y="1606"/>
                      <a:pt x="1696" y="1610"/>
                      <a:pt x="1823" y="1722"/>
                    </a:cubicBezTo>
                    <a:cubicBezTo>
                      <a:pt x="1768" y="1726"/>
                      <a:pt x="1981" y="1872"/>
                      <a:pt x="1951" y="1893"/>
                    </a:cubicBezTo>
                    <a:cubicBezTo>
                      <a:pt x="2039" y="1969"/>
                      <a:pt x="2090" y="1988"/>
                      <a:pt x="2176" y="2071"/>
                    </a:cubicBezTo>
                    <a:cubicBezTo>
                      <a:pt x="2193" y="2093"/>
                      <a:pt x="2196" y="2102"/>
                      <a:pt x="2189" y="2102"/>
                    </a:cubicBezTo>
                    <a:cubicBezTo>
                      <a:pt x="2162" y="2102"/>
                      <a:pt x="1998" y="1977"/>
                      <a:pt x="1960" y="1935"/>
                    </a:cubicBezTo>
                    <a:cubicBezTo>
                      <a:pt x="1917" y="1896"/>
                      <a:pt x="1907" y="1885"/>
                      <a:pt x="1912" y="1885"/>
                    </a:cubicBezTo>
                    <a:cubicBezTo>
                      <a:pt x="1917" y="1885"/>
                      <a:pt x="1945" y="1904"/>
                      <a:pt x="1949" y="1904"/>
                    </a:cubicBezTo>
                    <a:cubicBezTo>
                      <a:pt x="1950" y="1904"/>
                      <a:pt x="1948" y="1901"/>
                      <a:pt x="1939" y="1893"/>
                    </a:cubicBezTo>
                    <a:cubicBezTo>
                      <a:pt x="1898" y="1861"/>
                      <a:pt x="1856" y="1828"/>
                      <a:pt x="1814" y="1793"/>
                    </a:cubicBezTo>
                    <a:lnTo>
                      <a:pt x="1814" y="1793"/>
                    </a:lnTo>
                    <a:cubicBezTo>
                      <a:pt x="1872" y="1861"/>
                      <a:pt x="1997" y="1981"/>
                      <a:pt x="1969" y="1981"/>
                    </a:cubicBezTo>
                    <a:cubicBezTo>
                      <a:pt x="1996" y="2003"/>
                      <a:pt x="2008" y="2011"/>
                      <a:pt x="2011" y="2011"/>
                    </a:cubicBezTo>
                    <a:cubicBezTo>
                      <a:pt x="2018" y="2011"/>
                      <a:pt x="1967" y="1958"/>
                      <a:pt x="1975" y="1958"/>
                    </a:cubicBezTo>
                    <a:cubicBezTo>
                      <a:pt x="1978" y="1958"/>
                      <a:pt x="1991" y="1967"/>
                      <a:pt x="2023" y="1993"/>
                    </a:cubicBezTo>
                    <a:lnTo>
                      <a:pt x="2094" y="2071"/>
                    </a:lnTo>
                    <a:cubicBezTo>
                      <a:pt x="2137" y="2105"/>
                      <a:pt x="2152" y="2113"/>
                      <a:pt x="2158" y="2113"/>
                    </a:cubicBezTo>
                    <a:cubicBezTo>
                      <a:pt x="2164" y="2113"/>
                      <a:pt x="2161" y="2105"/>
                      <a:pt x="2166" y="2105"/>
                    </a:cubicBezTo>
                    <a:cubicBezTo>
                      <a:pt x="2173" y="2105"/>
                      <a:pt x="2192" y="2118"/>
                      <a:pt x="2259" y="2176"/>
                    </a:cubicBezTo>
                    <a:cubicBezTo>
                      <a:pt x="2240" y="2162"/>
                      <a:pt x="2231" y="2156"/>
                      <a:pt x="2229" y="2156"/>
                    </a:cubicBezTo>
                    <a:cubicBezTo>
                      <a:pt x="2225" y="2156"/>
                      <a:pt x="2260" y="2189"/>
                      <a:pt x="2301" y="2227"/>
                    </a:cubicBezTo>
                    <a:cubicBezTo>
                      <a:pt x="2357" y="2279"/>
                      <a:pt x="2427" y="2341"/>
                      <a:pt x="2417" y="2349"/>
                    </a:cubicBezTo>
                    <a:lnTo>
                      <a:pt x="2417" y="2349"/>
                    </a:lnTo>
                    <a:cubicBezTo>
                      <a:pt x="2418" y="2349"/>
                      <a:pt x="2419" y="2348"/>
                      <a:pt x="2420" y="2348"/>
                    </a:cubicBezTo>
                    <a:cubicBezTo>
                      <a:pt x="2462" y="2348"/>
                      <a:pt x="2729" y="2618"/>
                      <a:pt x="2782" y="2627"/>
                    </a:cubicBezTo>
                    <a:lnTo>
                      <a:pt x="2694" y="2544"/>
                    </a:lnTo>
                    <a:lnTo>
                      <a:pt x="2706" y="2572"/>
                    </a:lnTo>
                    <a:cubicBezTo>
                      <a:pt x="2606" y="2486"/>
                      <a:pt x="2518" y="2421"/>
                      <a:pt x="2419" y="2326"/>
                    </a:cubicBezTo>
                    <a:lnTo>
                      <a:pt x="2419" y="2326"/>
                    </a:lnTo>
                    <a:cubicBezTo>
                      <a:pt x="2441" y="2342"/>
                      <a:pt x="2451" y="2347"/>
                      <a:pt x="2456" y="2347"/>
                    </a:cubicBezTo>
                    <a:cubicBezTo>
                      <a:pt x="2465" y="2347"/>
                      <a:pt x="2455" y="2329"/>
                      <a:pt x="2464" y="2329"/>
                    </a:cubicBezTo>
                    <a:cubicBezTo>
                      <a:pt x="2470" y="2329"/>
                      <a:pt x="2483" y="2335"/>
                      <a:pt x="2511" y="2356"/>
                    </a:cubicBezTo>
                    <a:cubicBezTo>
                      <a:pt x="2602" y="2423"/>
                      <a:pt x="2613" y="2438"/>
                      <a:pt x="2604" y="2438"/>
                    </a:cubicBezTo>
                    <a:cubicBezTo>
                      <a:pt x="2596" y="2438"/>
                      <a:pt x="2575" y="2428"/>
                      <a:pt x="2570" y="2428"/>
                    </a:cubicBezTo>
                    <a:cubicBezTo>
                      <a:pt x="2568" y="2428"/>
                      <a:pt x="2568" y="2430"/>
                      <a:pt x="2572" y="2433"/>
                    </a:cubicBezTo>
                    <a:cubicBezTo>
                      <a:pt x="2623" y="2467"/>
                      <a:pt x="2671" y="2505"/>
                      <a:pt x="2722" y="2542"/>
                    </a:cubicBezTo>
                    <a:cubicBezTo>
                      <a:pt x="2694" y="2509"/>
                      <a:pt x="2664" y="2479"/>
                      <a:pt x="2636" y="2447"/>
                    </a:cubicBezTo>
                    <a:lnTo>
                      <a:pt x="2636" y="2447"/>
                    </a:lnTo>
                    <a:cubicBezTo>
                      <a:pt x="2748" y="2539"/>
                      <a:pt x="2901" y="2664"/>
                      <a:pt x="3051" y="2796"/>
                    </a:cubicBezTo>
                    <a:cubicBezTo>
                      <a:pt x="3133" y="2874"/>
                      <a:pt x="3147" y="2891"/>
                      <a:pt x="3141" y="2891"/>
                    </a:cubicBezTo>
                    <a:cubicBezTo>
                      <a:pt x="3136" y="2891"/>
                      <a:pt x="3118" y="2879"/>
                      <a:pt x="3113" y="2879"/>
                    </a:cubicBezTo>
                    <a:cubicBezTo>
                      <a:pt x="3108" y="2879"/>
                      <a:pt x="3116" y="2891"/>
                      <a:pt x="3162" y="2938"/>
                    </a:cubicBezTo>
                    <a:cubicBezTo>
                      <a:pt x="3241" y="2991"/>
                      <a:pt x="3227" y="2970"/>
                      <a:pt x="3331" y="3058"/>
                    </a:cubicBezTo>
                    <a:cubicBezTo>
                      <a:pt x="3280" y="3005"/>
                      <a:pt x="3227" y="2979"/>
                      <a:pt x="3190" y="2947"/>
                    </a:cubicBezTo>
                    <a:cubicBezTo>
                      <a:pt x="3185" y="2940"/>
                      <a:pt x="3185" y="2936"/>
                      <a:pt x="3188" y="2936"/>
                    </a:cubicBezTo>
                    <a:cubicBezTo>
                      <a:pt x="3206" y="2936"/>
                      <a:pt x="3361" y="3069"/>
                      <a:pt x="3382" y="3069"/>
                    </a:cubicBezTo>
                    <a:cubicBezTo>
                      <a:pt x="3384" y="3069"/>
                      <a:pt x="3385" y="3069"/>
                      <a:pt x="3385" y="3067"/>
                    </a:cubicBezTo>
                    <a:cubicBezTo>
                      <a:pt x="3406" y="3092"/>
                      <a:pt x="3411" y="3102"/>
                      <a:pt x="3402" y="3102"/>
                    </a:cubicBezTo>
                    <a:cubicBezTo>
                      <a:pt x="3397" y="3102"/>
                      <a:pt x="3385" y="3097"/>
                      <a:pt x="3368" y="3088"/>
                    </a:cubicBezTo>
                    <a:lnTo>
                      <a:pt x="3368" y="3088"/>
                    </a:lnTo>
                    <a:cubicBezTo>
                      <a:pt x="3415" y="3121"/>
                      <a:pt x="3459" y="3158"/>
                      <a:pt x="3501" y="3190"/>
                    </a:cubicBezTo>
                    <a:cubicBezTo>
                      <a:pt x="3542" y="3223"/>
                      <a:pt x="3582" y="3255"/>
                      <a:pt x="3619" y="3285"/>
                    </a:cubicBezTo>
                    <a:cubicBezTo>
                      <a:pt x="3674" y="3329"/>
                      <a:pt x="3725" y="3380"/>
                      <a:pt x="3769" y="3436"/>
                    </a:cubicBezTo>
                    <a:lnTo>
                      <a:pt x="3862" y="3475"/>
                    </a:lnTo>
                    <a:cubicBezTo>
                      <a:pt x="3940" y="3539"/>
                      <a:pt x="3963" y="3560"/>
                      <a:pt x="3958" y="3560"/>
                    </a:cubicBezTo>
                    <a:cubicBezTo>
                      <a:pt x="3953" y="3560"/>
                      <a:pt x="3924" y="3542"/>
                      <a:pt x="3894" y="3521"/>
                    </a:cubicBezTo>
                    <a:cubicBezTo>
                      <a:pt x="3859" y="3500"/>
                      <a:pt x="3824" y="3477"/>
                      <a:pt x="3818" y="3477"/>
                    </a:cubicBezTo>
                    <a:cubicBezTo>
                      <a:pt x="3813" y="3477"/>
                      <a:pt x="3830" y="3494"/>
                      <a:pt x="3887" y="3545"/>
                    </a:cubicBezTo>
                    <a:cubicBezTo>
                      <a:pt x="3971" y="3614"/>
                      <a:pt x="4059" y="3677"/>
                      <a:pt x="4151" y="3735"/>
                    </a:cubicBezTo>
                    <a:lnTo>
                      <a:pt x="4059" y="3663"/>
                    </a:lnTo>
                    <a:lnTo>
                      <a:pt x="4059" y="3663"/>
                    </a:lnTo>
                    <a:cubicBezTo>
                      <a:pt x="4138" y="3707"/>
                      <a:pt x="4140" y="3695"/>
                      <a:pt x="4258" y="3774"/>
                    </a:cubicBezTo>
                    <a:cubicBezTo>
                      <a:pt x="4337" y="3836"/>
                      <a:pt x="4283" y="3818"/>
                      <a:pt x="4390" y="3878"/>
                    </a:cubicBezTo>
                    <a:cubicBezTo>
                      <a:pt x="4503" y="3968"/>
                      <a:pt x="4523" y="3992"/>
                      <a:pt x="4506" y="3992"/>
                    </a:cubicBezTo>
                    <a:cubicBezTo>
                      <a:pt x="4495" y="3992"/>
                      <a:pt x="4465" y="3980"/>
                      <a:pt x="4437" y="3970"/>
                    </a:cubicBezTo>
                    <a:lnTo>
                      <a:pt x="4437" y="3970"/>
                    </a:lnTo>
                    <a:cubicBezTo>
                      <a:pt x="4522" y="4029"/>
                      <a:pt x="4629" y="4107"/>
                      <a:pt x="4649" y="4110"/>
                    </a:cubicBezTo>
                    <a:cubicBezTo>
                      <a:pt x="4648" y="4111"/>
                      <a:pt x="4646" y="4112"/>
                      <a:pt x="4642" y="4112"/>
                    </a:cubicBezTo>
                    <a:cubicBezTo>
                      <a:pt x="4632" y="4112"/>
                      <a:pt x="4613" y="4107"/>
                      <a:pt x="4580" y="4089"/>
                    </a:cubicBezTo>
                    <a:lnTo>
                      <a:pt x="4580" y="4089"/>
                    </a:lnTo>
                    <a:cubicBezTo>
                      <a:pt x="4508" y="4021"/>
                      <a:pt x="4483" y="4009"/>
                      <a:pt x="4473" y="4009"/>
                    </a:cubicBezTo>
                    <a:cubicBezTo>
                      <a:pt x="4468" y="4009"/>
                      <a:pt x="4467" y="4012"/>
                      <a:pt x="4464" y="4012"/>
                    </a:cubicBezTo>
                    <a:cubicBezTo>
                      <a:pt x="4461" y="4012"/>
                      <a:pt x="4457" y="4007"/>
                      <a:pt x="4441" y="3985"/>
                    </a:cubicBezTo>
                    <a:lnTo>
                      <a:pt x="4407" y="3959"/>
                    </a:lnTo>
                    <a:lnTo>
                      <a:pt x="4407" y="3959"/>
                    </a:lnTo>
                    <a:cubicBezTo>
                      <a:pt x="4400" y="3957"/>
                      <a:pt x="4395" y="3955"/>
                      <a:pt x="4390" y="3955"/>
                    </a:cubicBezTo>
                    <a:lnTo>
                      <a:pt x="4390" y="3955"/>
                    </a:lnTo>
                    <a:cubicBezTo>
                      <a:pt x="4446" y="4001"/>
                      <a:pt x="4453" y="4015"/>
                      <a:pt x="4442" y="4015"/>
                    </a:cubicBezTo>
                    <a:cubicBezTo>
                      <a:pt x="4442" y="4015"/>
                      <a:pt x="4442" y="4015"/>
                      <a:pt x="4442" y="4015"/>
                    </a:cubicBezTo>
                    <a:lnTo>
                      <a:pt x="4442" y="4015"/>
                    </a:lnTo>
                    <a:lnTo>
                      <a:pt x="4506" y="4049"/>
                    </a:lnTo>
                    <a:lnTo>
                      <a:pt x="4506" y="4049"/>
                    </a:lnTo>
                    <a:lnTo>
                      <a:pt x="4545" y="4107"/>
                    </a:lnTo>
                    <a:cubicBezTo>
                      <a:pt x="4608" y="4156"/>
                      <a:pt x="4661" y="4172"/>
                      <a:pt x="4689" y="4207"/>
                    </a:cubicBezTo>
                    <a:cubicBezTo>
                      <a:pt x="4710" y="4228"/>
                      <a:pt x="4711" y="4234"/>
                      <a:pt x="4704" y="4234"/>
                    </a:cubicBezTo>
                    <a:cubicBezTo>
                      <a:pt x="4694" y="4234"/>
                      <a:pt x="4668" y="4222"/>
                      <a:pt x="4661" y="4222"/>
                    </a:cubicBezTo>
                    <a:cubicBezTo>
                      <a:pt x="4652" y="4222"/>
                      <a:pt x="4669" y="4238"/>
                      <a:pt x="4763" y="4307"/>
                    </a:cubicBezTo>
                    <a:cubicBezTo>
                      <a:pt x="4839" y="4365"/>
                      <a:pt x="4920" y="4418"/>
                      <a:pt x="5006" y="4462"/>
                    </a:cubicBezTo>
                    <a:cubicBezTo>
                      <a:pt x="5034" y="4473"/>
                      <a:pt x="5057" y="4487"/>
                      <a:pt x="5087" y="4504"/>
                    </a:cubicBezTo>
                    <a:cubicBezTo>
                      <a:pt x="5122" y="4522"/>
                      <a:pt x="5157" y="4545"/>
                      <a:pt x="5192" y="4568"/>
                    </a:cubicBezTo>
                    <a:cubicBezTo>
                      <a:pt x="5157" y="4538"/>
                      <a:pt x="5120" y="4511"/>
                      <a:pt x="5078" y="4485"/>
                    </a:cubicBezTo>
                    <a:lnTo>
                      <a:pt x="5078" y="4485"/>
                    </a:lnTo>
                    <a:cubicBezTo>
                      <a:pt x="5090" y="4491"/>
                      <a:pt x="5096" y="4493"/>
                      <a:pt x="5099" y="4493"/>
                    </a:cubicBezTo>
                    <a:cubicBezTo>
                      <a:pt x="5109" y="4493"/>
                      <a:pt x="5092" y="4476"/>
                      <a:pt x="5100" y="4476"/>
                    </a:cubicBezTo>
                    <a:cubicBezTo>
                      <a:pt x="5104" y="4476"/>
                      <a:pt x="5117" y="4482"/>
                      <a:pt x="5148" y="4499"/>
                    </a:cubicBezTo>
                    <a:cubicBezTo>
                      <a:pt x="5189" y="4552"/>
                      <a:pt x="5375" y="4673"/>
                      <a:pt x="5518" y="4765"/>
                    </a:cubicBezTo>
                    <a:cubicBezTo>
                      <a:pt x="5514" y="4764"/>
                      <a:pt x="5511" y="4763"/>
                      <a:pt x="5509" y="4763"/>
                    </a:cubicBezTo>
                    <a:cubicBezTo>
                      <a:pt x="5492" y="4763"/>
                      <a:pt x="5536" y="4800"/>
                      <a:pt x="5525" y="4800"/>
                    </a:cubicBezTo>
                    <a:cubicBezTo>
                      <a:pt x="5523" y="4800"/>
                      <a:pt x="5518" y="4799"/>
                      <a:pt x="5511" y="4795"/>
                    </a:cubicBezTo>
                    <a:lnTo>
                      <a:pt x="5511" y="4795"/>
                    </a:lnTo>
                    <a:cubicBezTo>
                      <a:pt x="5569" y="4833"/>
                      <a:pt x="5629" y="4863"/>
                      <a:pt x="5692" y="4890"/>
                    </a:cubicBezTo>
                    <a:cubicBezTo>
                      <a:pt x="5627" y="4846"/>
                      <a:pt x="5607" y="4830"/>
                      <a:pt x="5612" y="4830"/>
                    </a:cubicBezTo>
                    <a:cubicBezTo>
                      <a:pt x="5624" y="4830"/>
                      <a:pt x="5800" y="4935"/>
                      <a:pt x="5816" y="4935"/>
                    </a:cubicBezTo>
                    <a:cubicBezTo>
                      <a:pt x="5822" y="4935"/>
                      <a:pt x="5810" y="4924"/>
                      <a:pt x="5768" y="4893"/>
                    </a:cubicBezTo>
                    <a:lnTo>
                      <a:pt x="5768" y="4893"/>
                    </a:lnTo>
                    <a:cubicBezTo>
                      <a:pt x="5882" y="4962"/>
                      <a:pt x="5947" y="5011"/>
                      <a:pt x="6000" y="5050"/>
                    </a:cubicBezTo>
                    <a:cubicBezTo>
                      <a:pt x="6056" y="5090"/>
                      <a:pt x="6097" y="5124"/>
                      <a:pt x="6167" y="5171"/>
                    </a:cubicBezTo>
                    <a:cubicBezTo>
                      <a:pt x="6159" y="5171"/>
                      <a:pt x="6031" y="5102"/>
                      <a:pt x="6020" y="5102"/>
                    </a:cubicBezTo>
                    <a:cubicBezTo>
                      <a:pt x="6015" y="5102"/>
                      <a:pt x="6033" y="5115"/>
                      <a:pt x="6095" y="5155"/>
                    </a:cubicBezTo>
                    <a:cubicBezTo>
                      <a:pt x="6164" y="5188"/>
                      <a:pt x="6193" y="5199"/>
                      <a:pt x="6202" y="5199"/>
                    </a:cubicBezTo>
                    <a:cubicBezTo>
                      <a:pt x="6218" y="5199"/>
                      <a:pt x="6173" y="5164"/>
                      <a:pt x="6192" y="5164"/>
                    </a:cubicBezTo>
                    <a:cubicBezTo>
                      <a:pt x="6201" y="5164"/>
                      <a:pt x="6221" y="5171"/>
                      <a:pt x="6264" y="5189"/>
                    </a:cubicBezTo>
                    <a:lnTo>
                      <a:pt x="6120" y="5094"/>
                    </a:lnTo>
                    <a:cubicBezTo>
                      <a:pt x="6120" y="5091"/>
                      <a:pt x="6122" y="5090"/>
                      <a:pt x="6125" y="5090"/>
                    </a:cubicBezTo>
                    <a:cubicBezTo>
                      <a:pt x="6161" y="5090"/>
                      <a:pt x="6384" y="5240"/>
                      <a:pt x="6422" y="5256"/>
                    </a:cubicBezTo>
                    <a:cubicBezTo>
                      <a:pt x="6439" y="5269"/>
                      <a:pt x="6444" y="5273"/>
                      <a:pt x="6441" y="5273"/>
                    </a:cubicBezTo>
                    <a:cubicBezTo>
                      <a:pt x="6434" y="5273"/>
                      <a:pt x="6366" y="5236"/>
                      <a:pt x="6354" y="5236"/>
                    </a:cubicBezTo>
                    <a:cubicBezTo>
                      <a:pt x="6349" y="5236"/>
                      <a:pt x="6353" y="5242"/>
                      <a:pt x="6371" y="5256"/>
                    </a:cubicBezTo>
                    <a:cubicBezTo>
                      <a:pt x="6424" y="5291"/>
                      <a:pt x="6479" y="5321"/>
                      <a:pt x="6537" y="5349"/>
                    </a:cubicBezTo>
                    <a:cubicBezTo>
                      <a:pt x="6584" y="5370"/>
                      <a:pt x="6625" y="5393"/>
                      <a:pt x="6667" y="5421"/>
                    </a:cubicBezTo>
                    <a:cubicBezTo>
                      <a:pt x="6572" y="5391"/>
                      <a:pt x="6630" y="5414"/>
                      <a:pt x="6523" y="5375"/>
                    </a:cubicBezTo>
                    <a:lnTo>
                      <a:pt x="6523" y="5375"/>
                    </a:lnTo>
                    <a:cubicBezTo>
                      <a:pt x="6671" y="5455"/>
                      <a:pt x="6681" y="5465"/>
                      <a:pt x="6669" y="5465"/>
                    </a:cubicBezTo>
                    <a:cubicBezTo>
                      <a:pt x="6665" y="5465"/>
                      <a:pt x="6659" y="5463"/>
                      <a:pt x="6654" y="5463"/>
                    </a:cubicBezTo>
                    <a:cubicBezTo>
                      <a:pt x="6642" y="5463"/>
                      <a:pt x="6644" y="5472"/>
                      <a:pt x="6741" y="5530"/>
                    </a:cubicBezTo>
                    <a:cubicBezTo>
                      <a:pt x="6822" y="5571"/>
                      <a:pt x="6778" y="5530"/>
                      <a:pt x="6906" y="5602"/>
                    </a:cubicBezTo>
                    <a:cubicBezTo>
                      <a:pt x="6839" y="5546"/>
                      <a:pt x="6852" y="5544"/>
                      <a:pt x="6646" y="5430"/>
                    </a:cubicBezTo>
                    <a:lnTo>
                      <a:pt x="6646" y="5430"/>
                    </a:lnTo>
                    <a:cubicBezTo>
                      <a:pt x="6688" y="5437"/>
                      <a:pt x="6755" y="5477"/>
                      <a:pt x="6832" y="5521"/>
                    </a:cubicBezTo>
                    <a:cubicBezTo>
                      <a:pt x="6906" y="5569"/>
                      <a:pt x="6987" y="5611"/>
                      <a:pt x="7068" y="5643"/>
                    </a:cubicBezTo>
                    <a:cubicBezTo>
                      <a:pt x="7017" y="5613"/>
                      <a:pt x="6961" y="5585"/>
                      <a:pt x="6906" y="5560"/>
                    </a:cubicBezTo>
                    <a:cubicBezTo>
                      <a:pt x="6901" y="5540"/>
                      <a:pt x="6881" y="5522"/>
                      <a:pt x="6901" y="5522"/>
                    </a:cubicBezTo>
                    <a:cubicBezTo>
                      <a:pt x="6913" y="5522"/>
                      <a:pt x="6936" y="5527"/>
                      <a:pt x="6980" y="5541"/>
                    </a:cubicBezTo>
                    <a:cubicBezTo>
                      <a:pt x="6910" y="5511"/>
                      <a:pt x="6859" y="5490"/>
                      <a:pt x="6801" y="5465"/>
                    </a:cubicBezTo>
                    <a:cubicBezTo>
                      <a:pt x="6725" y="5435"/>
                      <a:pt x="6653" y="5398"/>
                      <a:pt x="6584" y="5356"/>
                    </a:cubicBezTo>
                    <a:cubicBezTo>
                      <a:pt x="6578" y="5349"/>
                      <a:pt x="6579" y="5346"/>
                      <a:pt x="6584" y="5346"/>
                    </a:cubicBezTo>
                    <a:cubicBezTo>
                      <a:pt x="6614" y="5346"/>
                      <a:pt x="6794" y="5445"/>
                      <a:pt x="6837" y="5445"/>
                    </a:cubicBezTo>
                    <a:cubicBezTo>
                      <a:pt x="6841" y="5445"/>
                      <a:pt x="6844" y="5444"/>
                      <a:pt x="6845" y="5442"/>
                    </a:cubicBezTo>
                    <a:cubicBezTo>
                      <a:pt x="6871" y="5451"/>
                      <a:pt x="6903" y="5467"/>
                      <a:pt x="6940" y="5486"/>
                    </a:cubicBezTo>
                    <a:cubicBezTo>
                      <a:pt x="6980" y="5504"/>
                      <a:pt x="7019" y="5527"/>
                      <a:pt x="7061" y="5548"/>
                    </a:cubicBezTo>
                    <a:cubicBezTo>
                      <a:pt x="7144" y="5595"/>
                      <a:pt x="7228" y="5643"/>
                      <a:pt x="7279" y="5678"/>
                    </a:cubicBezTo>
                    <a:lnTo>
                      <a:pt x="7589" y="5805"/>
                    </a:lnTo>
                    <a:cubicBezTo>
                      <a:pt x="7679" y="5845"/>
                      <a:pt x="7774" y="5877"/>
                      <a:pt x="7869" y="5907"/>
                    </a:cubicBezTo>
                    <a:cubicBezTo>
                      <a:pt x="8006" y="5975"/>
                      <a:pt x="8363" y="6109"/>
                      <a:pt x="8629" y="6218"/>
                    </a:cubicBezTo>
                    <a:cubicBezTo>
                      <a:pt x="8659" y="6242"/>
                      <a:pt x="8857" y="6319"/>
                      <a:pt x="8837" y="6319"/>
                    </a:cubicBezTo>
                    <a:cubicBezTo>
                      <a:pt x="8832" y="6319"/>
                      <a:pt x="8818" y="6316"/>
                      <a:pt x="8791" y="6308"/>
                    </a:cubicBezTo>
                    <a:lnTo>
                      <a:pt x="8791" y="6308"/>
                    </a:lnTo>
                    <a:cubicBezTo>
                      <a:pt x="8829" y="6319"/>
                      <a:pt x="8966" y="6365"/>
                      <a:pt x="8987" y="6365"/>
                    </a:cubicBezTo>
                    <a:cubicBezTo>
                      <a:pt x="8992" y="6365"/>
                      <a:pt x="8991" y="6362"/>
                      <a:pt x="8981" y="6357"/>
                    </a:cubicBezTo>
                    <a:cubicBezTo>
                      <a:pt x="8949" y="6347"/>
                      <a:pt x="8916" y="6336"/>
                      <a:pt x="8884" y="6322"/>
                    </a:cubicBezTo>
                    <a:lnTo>
                      <a:pt x="8933" y="6322"/>
                    </a:lnTo>
                    <a:cubicBezTo>
                      <a:pt x="9062" y="6375"/>
                      <a:pt x="9215" y="6410"/>
                      <a:pt x="9336" y="6463"/>
                    </a:cubicBezTo>
                    <a:cubicBezTo>
                      <a:pt x="9340" y="6467"/>
                      <a:pt x="9340" y="6468"/>
                      <a:pt x="9337" y="6468"/>
                    </a:cubicBezTo>
                    <a:cubicBezTo>
                      <a:pt x="9317" y="6468"/>
                      <a:pt x="9187" y="6421"/>
                      <a:pt x="9166" y="6421"/>
                    </a:cubicBezTo>
                    <a:cubicBezTo>
                      <a:pt x="9161" y="6421"/>
                      <a:pt x="9163" y="6425"/>
                      <a:pt x="9178" y="6433"/>
                    </a:cubicBezTo>
                    <a:cubicBezTo>
                      <a:pt x="9229" y="6442"/>
                      <a:pt x="9280" y="6456"/>
                      <a:pt x="9331" y="6470"/>
                    </a:cubicBezTo>
                    <a:cubicBezTo>
                      <a:pt x="9398" y="6489"/>
                      <a:pt x="9479" y="6510"/>
                      <a:pt x="9558" y="6533"/>
                    </a:cubicBezTo>
                    <a:cubicBezTo>
                      <a:pt x="9639" y="6556"/>
                      <a:pt x="9720" y="6581"/>
                      <a:pt x="9790" y="6605"/>
                    </a:cubicBezTo>
                    <a:cubicBezTo>
                      <a:pt x="9861" y="6628"/>
                      <a:pt x="9924" y="6644"/>
                      <a:pt x="9961" y="6658"/>
                    </a:cubicBezTo>
                    <a:cubicBezTo>
                      <a:pt x="10068" y="6690"/>
                      <a:pt x="10075" y="6716"/>
                      <a:pt x="10119" y="6732"/>
                    </a:cubicBezTo>
                    <a:lnTo>
                      <a:pt x="10299" y="6781"/>
                    </a:lnTo>
                    <a:cubicBezTo>
                      <a:pt x="10315" y="6795"/>
                      <a:pt x="10334" y="6806"/>
                      <a:pt x="10353" y="6818"/>
                    </a:cubicBezTo>
                    <a:cubicBezTo>
                      <a:pt x="10420" y="6839"/>
                      <a:pt x="10489" y="6852"/>
                      <a:pt x="10561" y="6862"/>
                    </a:cubicBezTo>
                    <a:cubicBezTo>
                      <a:pt x="10698" y="6904"/>
                      <a:pt x="10710" y="6916"/>
                      <a:pt x="10671" y="6916"/>
                    </a:cubicBezTo>
                    <a:cubicBezTo>
                      <a:pt x="10644" y="6916"/>
                      <a:pt x="10591" y="6910"/>
                      <a:pt x="10538" y="6903"/>
                    </a:cubicBezTo>
                    <a:lnTo>
                      <a:pt x="10406" y="6864"/>
                    </a:lnTo>
                    <a:cubicBezTo>
                      <a:pt x="10336" y="6856"/>
                      <a:pt x="10248" y="6832"/>
                      <a:pt x="10226" y="6832"/>
                    </a:cubicBezTo>
                    <a:cubicBezTo>
                      <a:pt x="10216" y="6832"/>
                      <a:pt x="10219" y="6837"/>
                      <a:pt x="10244" y="6850"/>
                    </a:cubicBezTo>
                    <a:cubicBezTo>
                      <a:pt x="10267" y="6857"/>
                      <a:pt x="10290" y="6860"/>
                      <a:pt x="10314" y="6860"/>
                    </a:cubicBezTo>
                    <a:cubicBezTo>
                      <a:pt x="10321" y="6860"/>
                      <a:pt x="10329" y="6860"/>
                      <a:pt x="10336" y="6859"/>
                    </a:cubicBezTo>
                    <a:lnTo>
                      <a:pt x="10413" y="6887"/>
                    </a:lnTo>
                    <a:cubicBezTo>
                      <a:pt x="10482" y="6897"/>
                      <a:pt x="10644" y="6932"/>
                      <a:pt x="10688" y="6932"/>
                    </a:cubicBezTo>
                    <a:cubicBezTo>
                      <a:pt x="10697" y="6932"/>
                      <a:pt x="10701" y="6930"/>
                      <a:pt x="10698" y="6927"/>
                    </a:cubicBezTo>
                    <a:lnTo>
                      <a:pt x="10698" y="6927"/>
                    </a:lnTo>
                    <a:cubicBezTo>
                      <a:pt x="10737" y="6941"/>
                      <a:pt x="10779" y="6952"/>
                      <a:pt x="10820" y="6961"/>
                    </a:cubicBezTo>
                    <a:lnTo>
                      <a:pt x="10950" y="6987"/>
                    </a:lnTo>
                    <a:cubicBezTo>
                      <a:pt x="11036" y="7003"/>
                      <a:pt x="11117" y="7022"/>
                      <a:pt x="11189" y="7042"/>
                    </a:cubicBezTo>
                    <a:cubicBezTo>
                      <a:pt x="11092" y="7012"/>
                      <a:pt x="11219" y="7031"/>
                      <a:pt x="11191" y="7012"/>
                    </a:cubicBezTo>
                    <a:lnTo>
                      <a:pt x="11017" y="6973"/>
                    </a:lnTo>
                    <a:lnTo>
                      <a:pt x="11017" y="6973"/>
                    </a:lnTo>
                    <a:lnTo>
                      <a:pt x="11258" y="7012"/>
                    </a:lnTo>
                    <a:lnTo>
                      <a:pt x="11321" y="7024"/>
                    </a:lnTo>
                    <a:lnTo>
                      <a:pt x="11381" y="7033"/>
                    </a:lnTo>
                    <a:cubicBezTo>
                      <a:pt x="11423" y="7040"/>
                      <a:pt x="11460" y="7047"/>
                      <a:pt x="11492" y="7056"/>
                    </a:cubicBezTo>
                    <a:cubicBezTo>
                      <a:pt x="11474" y="7063"/>
                      <a:pt x="11467" y="7066"/>
                      <a:pt x="11534" y="7084"/>
                    </a:cubicBezTo>
                    <a:cubicBezTo>
                      <a:pt x="11511" y="7077"/>
                      <a:pt x="11515" y="7075"/>
                      <a:pt x="11529" y="7075"/>
                    </a:cubicBezTo>
                    <a:cubicBezTo>
                      <a:pt x="11553" y="7075"/>
                      <a:pt x="11608" y="7081"/>
                      <a:pt x="11633" y="7081"/>
                    </a:cubicBezTo>
                    <a:cubicBezTo>
                      <a:pt x="11655" y="7081"/>
                      <a:pt x="11653" y="7076"/>
                      <a:pt x="11580" y="7059"/>
                    </a:cubicBezTo>
                    <a:cubicBezTo>
                      <a:pt x="11504" y="7052"/>
                      <a:pt x="11432" y="7042"/>
                      <a:pt x="11335" y="7024"/>
                    </a:cubicBezTo>
                    <a:cubicBezTo>
                      <a:pt x="11311" y="7012"/>
                      <a:pt x="11321" y="7008"/>
                      <a:pt x="11347" y="7008"/>
                    </a:cubicBezTo>
                    <a:cubicBezTo>
                      <a:pt x="11386" y="7008"/>
                      <a:pt x="11464" y="7017"/>
                      <a:pt x="11518" y="7017"/>
                    </a:cubicBezTo>
                    <a:lnTo>
                      <a:pt x="11735" y="7045"/>
                    </a:lnTo>
                    <a:cubicBezTo>
                      <a:pt x="11777" y="7049"/>
                      <a:pt x="11821" y="7056"/>
                      <a:pt x="11863" y="7059"/>
                    </a:cubicBezTo>
                    <a:lnTo>
                      <a:pt x="11983" y="7068"/>
                    </a:lnTo>
                    <a:cubicBezTo>
                      <a:pt x="12074" y="7084"/>
                      <a:pt x="12099" y="7110"/>
                      <a:pt x="12257" y="7114"/>
                    </a:cubicBezTo>
                    <a:cubicBezTo>
                      <a:pt x="12157" y="7093"/>
                      <a:pt x="12206" y="7091"/>
                      <a:pt x="12284" y="7091"/>
                    </a:cubicBezTo>
                    <a:lnTo>
                      <a:pt x="12349" y="7091"/>
                    </a:lnTo>
                    <a:lnTo>
                      <a:pt x="12414" y="7089"/>
                    </a:lnTo>
                    <a:cubicBezTo>
                      <a:pt x="12419" y="7089"/>
                      <a:pt x="12424" y="7089"/>
                      <a:pt x="12430" y="7089"/>
                    </a:cubicBezTo>
                    <a:cubicBezTo>
                      <a:pt x="12453" y="7089"/>
                      <a:pt x="12478" y="7086"/>
                      <a:pt x="12502" y="7082"/>
                    </a:cubicBezTo>
                    <a:cubicBezTo>
                      <a:pt x="12653" y="7103"/>
                      <a:pt x="12748" y="7082"/>
                      <a:pt x="12868" y="7110"/>
                    </a:cubicBezTo>
                    <a:cubicBezTo>
                      <a:pt x="12864" y="7110"/>
                      <a:pt x="12860" y="7110"/>
                      <a:pt x="12855" y="7110"/>
                    </a:cubicBezTo>
                    <a:cubicBezTo>
                      <a:pt x="12798" y="7110"/>
                      <a:pt x="12669" y="7101"/>
                      <a:pt x="12583" y="7101"/>
                    </a:cubicBezTo>
                    <a:cubicBezTo>
                      <a:pt x="12553" y="7101"/>
                      <a:pt x="12528" y="7102"/>
                      <a:pt x="12514" y="7105"/>
                    </a:cubicBezTo>
                    <a:cubicBezTo>
                      <a:pt x="12506" y="7117"/>
                      <a:pt x="12546" y="7140"/>
                      <a:pt x="12419" y="7140"/>
                    </a:cubicBezTo>
                    <a:cubicBezTo>
                      <a:pt x="12396" y="7140"/>
                      <a:pt x="12367" y="7139"/>
                      <a:pt x="12331" y="7137"/>
                    </a:cubicBezTo>
                    <a:lnTo>
                      <a:pt x="12331" y="7137"/>
                    </a:lnTo>
                    <a:cubicBezTo>
                      <a:pt x="12425" y="7147"/>
                      <a:pt x="12474" y="7150"/>
                      <a:pt x="12503" y="7150"/>
                    </a:cubicBezTo>
                    <a:cubicBezTo>
                      <a:pt x="12552" y="7150"/>
                      <a:pt x="12543" y="7142"/>
                      <a:pt x="12596" y="7142"/>
                    </a:cubicBezTo>
                    <a:cubicBezTo>
                      <a:pt x="12604" y="7142"/>
                      <a:pt x="12612" y="7142"/>
                      <a:pt x="12623" y="7142"/>
                    </a:cubicBezTo>
                    <a:lnTo>
                      <a:pt x="12528" y="7135"/>
                    </a:lnTo>
                    <a:cubicBezTo>
                      <a:pt x="12566" y="7133"/>
                      <a:pt x="12509" y="7120"/>
                      <a:pt x="12550" y="7120"/>
                    </a:cubicBezTo>
                    <a:cubicBezTo>
                      <a:pt x="12556" y="7120"/>
                      <a:pt x="12564" y="7121"/>
                      <a:pt x="12574" y="7121"/>
                    </a:cubicBezTo>
                    <a:cubicBezTo>
                      <a:pt x="12657" y="7128"/>
                      <a:pt x="12720" y="7137"/>
                      <a:pt x="12773" y="7142"/>
                    </a:cubicBezTo>
                    <a:cubicBezTo>
                      <a:pt x="12829" y="7149"/>
                      <a:pt x="12873" y="7156"/>
                      <a:pt x="12915" y="7161"/>
                    </a:cubicBezTo>
                    <a:lnTo>
                      <a:pt x="13174" y="7193"/>
                    </a:lnTo>
                    <a:cubicBezTo>
                      <a:pt x="13125" y="7181"/>
                      <a:pt x="13227" y="7174"/>
                      <a:pt x="13278" y="7174"/>
                    </a:cubicBezTo>
                    <a:cubicBezTo>
                      <a:pt x="13491" y="7195"/>
                      <a:pt x="13276" y="7207"/>
                      <a:pt x="13406" y="7232"/>
                    </a:cubicBezTo>
                    <a:cubicBezTo>
                      <a:pt x="13480" y="7216"/>
                      <a:pt x="13623" y="7218"/>
                      <a:pt x="13575" y="7209"/>
                    </a:cubicBezTo>
                    <a:cubicBezTo>
                      <a:pt x="13660" y="7209"/>
                      <a:pt x="13616" y="7214"/>
                      <a:pt x="13677" y="7216"/>
                    </a:cubicBezTo>
                    <a:cubicBezTo>
                      <a:pt x="13753" y="7200"/>
                      <a:pt x="13832" y="7193"/>
                      <a:pt x="13911" y="7193"/>
                    </a:cubicBezTo>
                    <a:cubicBezTo>
                      <a:pt x="13900" y="7199"/>
                      <a:pt x="13886" y="7210"/>
                      <a:pt x="13799" y="7210"/>
                    </a:cubicBezTo>
                    <a:cubicBezTo>
                      <a:pt x="13796" y="7210"/>
                      <a:pt x="13792" y="7209"/>
                      <a:pt x="13788" y="7209"/>
                    </a:cubicBezTo>
                    <a:lnTo>
                      <a:pt x="13788" y="7209"/>
                    </a:lnTo>
                    <a:cubicBezTo>
                      <a:pt x="13825" y="7211"/>
                      <a:pt x="13863" y="7215"/>
                      <a:pt x="13899" y="7225"/>
                    </a:cubicBezTo>
                    <a:cubicBezTo>
                      <a:pt x="13920" y="7230"/>
                      <a:pt x="13918" y="7239"/>
                      <a:pt x="13890" y="7246"/>
                    </a:cubicBezTo>
                    <a:lnTo>
                      <a:pt x="13686" y="7242"/>
                    </a:lnTo>
                    <a:lnTo>
                      <a:pt x="13686" y="7242"/>
                    </a:lnTo>
                    <a:cubicBezTo>
                      <a:pt x="13591" y="7258"/>
                      <a:pt x="13876" y="7246"/>
                      <a:pt x="13869" y="7260"/>
                    </a:cubicBezTo>
                    <a:cubicBezTo>
                      <a:pt x="13845" y="7261"/>
                      <a:pt x="13823" y="7262"/>
                      <a:pt x="13802" y="7262"/>
                    </a:cubicBezTo>
                    <a:cubicBezTo>
                      <a:pt x="13755" y="7262"/>
                      <a:pt x="13715" y="7260"/>
                      <a:pt x="13680" y="7260"/>
                    </a:cubicBezTo>
                    <a:cubicBezTo>
                      <a:pt x="13671" y="7260"/>
                      <a:pt x="13662" y="7260"/>
                      <a:pt x="13654" y="7260"/>
                    </a:cubicBezTo>
                    <a:cubicBezTo>
                      <a:pt x="13685" y="7265"/>
                      <a:pt x="13717" y="7267"/>
                      <a:pt x="13750" y="7267"/>
                    </a:cubicBezTo>
                    <a:cubicBezTo>
                      <a:pt x="13768" y="7267"/>
                      <a:pt x="13786" y="7266"/>
                      <a:pt x="13804" y="7265"/>
                    </a:cubicBezTo>
                    <a:cubicBezTo>
                      <a:pt x="13837" y="7262"/>
                      <a:pt x="13871" y="7260"/>
                      <a:pt x="13904" y="7258"/>
                    </a:cubicBezTo>
                    <a:cubicBezTo>
                      <a:pt x="13936" y="7256"/>
                      <a:pt x="13966" y="7253"/>
                      <a:pt x="13992" y="7251"/>
                    </a:cubicBezTo>
                    <a:cubicBezTo>
                      <a:pt x="14021" y="7249"/>
                      <a:pt x="14043" y="7249"/>
                      <a:pt x="14060" y="7249"/>
                    </a:cubicBezTo>
                    <a:cubicBezTo>
                      <a:pt x="14138" y="7249"/>
                      <a:pt x="14099" y="7264"/>
                      <a:pt x="14101" y="7269"/>
                    </a:cubicBezTo>
                    <a:cubicBezTo>
                      <a:pt x="14379" y="7228"/>
                      <a:pt x="13776" y="7262"/>
                      <a:pt x="14036" y="7221"/>
                    </a:cubicBezTo>
                    <a:cubicBezTo>
                      <a:pt x="14112" y="7207"/>
                      <a:pt x="14189" y="7198"/>
                      <a:pt x="14267" y="7193"/>
                    </a:cubicBezTo>
                    <a:lnTo>
                      <a:pt x="14413" y="7181"/>
                    </a:lnTo>
                    <a:lnTo>
                      <a:pt x="14555" y="7165"/>
                    </a:lnTo>
                    <a:cubicBezTo>
                      <a:pt x="14404" y="7158"/>
                      <a:pt x="14568" y="7133"/>
                      <a:pt x="14747" y="7107"/>
                    </a:cubicBezTo>
                    <a:lnTo>
                      <a:pt x="14747" y="7107"/>
                    </a:lnTo>
                    <a:cubicBezTo>
                      <a:pt x="14689" y="7113"/>
                      <a:pt x="14656" y="7115"/>
                      <a:pt x="14635" y="7115"/>
                    </a:cubicBezTo>
                    <a:cubicBezTo>
                      <a:pt x="14604" y="7115"/>
                      <a:pt x="14599" y="7111"/>
                      <a:pt x="14576" y="7111"/>
                    </a:cubicBezTo>
                    <a:cubicBezTo>
                      <a:pt x="14554" y="7111"/>
                      <a:pt x="14513" y="7115"/>
                      <a:pt x="14411" y="7130"/>
                    </a:cubicBezTo>
                    <a:lnTo>
                      <a:pt x="14406" y="7114"/>
                    </a:lnTo>
                    <a:cubicBezTo>
                      <a:pt x="14522" y="7103"/>
                      <a:pt x="14659" y="7096"/>
                      <a:pt x="14777" y="7084"/>
                    </a:cubicBezTo>
                    <a:lnTo>
                      <a:pt x="14777" y="7084"/>
                    </a:lnTo>
                    <a:cubicBezTo>
                      <a:pt x="14751" y="7091"/>
                      <a:pt x="14779" y="7091"/>
                      <a:pt x="14742" y="7098"/>
                    </a:cubicBezTo>
                    <a:cubicBezTo>
                      <a:pt x="14858" y="7082"/>
                      <a:pt x="14972" y="7061"/>
                      <a:pt x="15087" y="7045"/>
                    </a:cubicBezTo>
                    <a:lnTo>
                      <a:pt x="15087" y="7045"/>
                    </a:lnTo>
                    <a:lnTo>
                      <a:pt x="15053" y="7059"/>
                    </a:lnTo>
                    <a:cubicBezTo>
                      <a:pt x="15266" y="7029"/>
                      <a:pt x="15528" y="6994"/>
                      <a:pt x="15653" y="6959"/>
                    </a:cubicBezTo>
                    <a:lnTo>
                      <a:pt x="15653" y="6959"/>
                    </a:lnTo>
                    <a:cubicBezTo>
                      <a:pt x="15602" y="6971"/>
                      <a:pt x="15554" y="6977"/>
                      <a:pt x="15531" y="6977"/>
                    </a:cubicBezTo>
                    <a:cubicBezTo>
                      <a:pt x="15509" y="6977"/>
                      <a:pt x="15512" y="6971"/>
                      <a:pt x="15565" y="6957"/>
                    </a:cubicBezTo>
                    <a:cubicBezTo>
                      <a:pt x="15653" y="6929"/>
                      <a:pt x="15741" y="6906"/>
                      <a:pt x="15831" y="6887"/>
                    </a:cubicBezTo>
                    <a:cubicBezTo>
                      <a:pt x="15832" y="6887"/>
                      <a:pt x="15834" y="6887"/>
                      <a:pt x="15836" y="6887"/>
                    </a:cubicBezTo>
                    <a:cubicBezTo>
                      <a:pt x="15882" y="6887"/>
                      <a:pt x="16057" y="6848"/>
                      <a:pt x="16088" y="6848"/>
                    </a:cubicBezTo>
                    <a:cubicBezTo>
                      <a:pt x="16102" y="6848"/>
                      <a:pt x="16087" y="6856"/>
                      <a:pt x="16021" y="6878"/>
                    </a:cubicBezTo>
                    <a:cubicBezTo>
                      <a:pt x="16095" y="6857"/>
                      <a:pt x="16141" y="6843"/>
                      <a:pt x="16176" y="6834"/>
                    </a:cubicBezTo>
                    <a:cubicBezTo>
                      <a:pt x="16213" y="6822"/>
                      <a:pt x="16234" y="6813"/>
                      <a:pt x="16255" y="6804"/>
                    </a:cubicBezTo>
                    <a:cubicBezTo>
                      <a:pt x="16299" y="6788"/>
                      <a:pt x="16341" y="6771"/>
                      <a:pt x="16477" y="6727"/>
                    </a:cubicBezTo>
                    <a:lnTo>
                      <a:pt x="16477" y="6727"/>
                    </a:lnTo>
                    <a:lnTo>
                      <a:pt x="16292" y="6785"/>
                    </a:lnTo>
                    <a:cubicBezTo>
                      <a:pt x="16272" y="6778"/>
                      <a:pt x="16354" y="6737"/>
                      <a:pt x="16311" y="6737"/>
                    </a:cubicBezTo>
                    <a:cubicBezTo>
                      <a:pt x="16298" y="6737"/>
                      <a:pt x="16274" y="6741"/>
                      <a:pt x="16232" y="6751"/>
                    </a:cubicBezTo>
                    <a:cubicBezTo>
                      <a:pt x="16283" y="6737"/>
                      <a:pt x="16334" y="6713"/>
                      <a:pt x="16378" y="6686"/>
                    </a:cubicBezTo>
                    <a:cubicBezTo>
                      <a:pt x="16394" y="6674"/>
                      <a:pt x="16415" y="6665"/>
                      <a:pt x="16433" y="6656"/>
                    </a:cubicBezTo>
                    <a:cubicBezTo>
                      <a:pt x="16463" y="6646"/>
                      <a:pt x="16505" y="6630"/>
                      <a:pt x="16575" y="6607"/>
                    </a:cubicBezTo>
                    <a:cubicBezTo>
                      <a:pt x="16593" y="6602"/>
                      <a:pt x="16605" y="6600"/>
                      <a:pt x="16612" y="6600"/>
                    </a:cubicBezTo>
                    <a:cubicBezTo>
                      <a:pt x="16624" y="6600"/>
                      <a:pt x="16613" y="6609"/>
                      <a:pt x="16586" y="6623"/>
                    </a:cubicBezTo>
                    <a:cubicBezTo>
                      <a:pt x="16565" y="6632"/>
                      <a:pt x="16537" y="6646"/>
                      <a:pt x="16505" y="6660"/>
                    </a:cubicBezTo>
                    <a:cubicBezTo>
                      <a:pt x="16473" y="6672"/>
                      <a:pt x="16433" y="6686"/>
                      <a:pt x="16396" y="6697"/>
                    </a:cubicBezTo>
                    <a:cubicBezTo>
                      <a:pt x="16436" y="6686"/>
                      <a:pt x="16473" y="6679"/>
                      <a:pt x="16512" y="6667"/>
                    </a:cubicBezTo>
                    <a:cubicBezTo>
                      <a:pt x="16549" y="6658"/>
                      <a:pt x="16588" y="6644"/>
                      <a:pt x="16626" y="6625"/>
                    </a:cubicBezTo>
                    <a:cubicBezTo>
                      <a:pt x="16628" y="6625"/>
                      <a:pt x="16630" y="6625"/>
                      <a:pt x="16632" y="6625"/>
                    </a:cubicBezTo>
                    <a:cubicBezTo>
                      <a:pt x="16671" y="6625"/>
                      <a:pt x="16485" y="6695"/>
                      <a:pt x="16493" y="6697"/>
                    </a:cubicBezTo>
                    <a:cubicBezTo>
                      <a:pt x="16637" y="6653"/>
                      <a:pt x="16489" y="6690"/>
                      <a:pt x="16621" y="6644"/>
                    </a:cubicBezTo>
                    <a:cubicBezTo>
                      <a:pt x="16850" y="6551"/>
                      <a:pt x="16781" y="6621"/>
                      <a:pt x="16998" y="6533"/>
                    </a:cubicBezTo>
                    <a:lnTo>
                      <a:pt x="16998" y="6533"/>
                    </a:lnTo>
                    <a:cubicBezTo>
                      <a:pt x="16965" y="6544"/>
                      <a:pt x="16912" y="6561"/>
                      <a:pt x="16901" y="6561"/>
                    </a:cubicBezTo>
                    <a:cubicBezTo>
                      <a:pt x="16897" y="6561"/>
                      <a:pt x="16900" y="6558"/>
                      <a:pt x="16917" y="6549"/>
                    </a:cubicBezTo>
                    <a:cubicBezTo>
                      <a:pt x="17216" y="6442"/>
                      <a:pt x="17080" y="6477"/>
                      <a:pt x="17290" y="6387"/>
                    </a:cubicBezTo>
                    <a:cubicBezTo>
                      <a:pt x="17330" y="6378"/>
                      <a:pt x="17367" y="6375"/>
                      <a:pt x="17406" y="6375"/>
                    </a:cubicBezTo>
                    <a:cubicBezTo>
                      <a:pt x="17427" y="6373"/>
                      <a:pt x="17446" y="6371"/>
                      <a:pt x="17464" y="6366"/>
                    </a:cubicBezTo>
                    <a:cubicBezTo>
                      <a:pt x="17492" y="6359"/>
                      <a:pt x="17521" y="6349"/>
                      <a:pt x="17548" y="6339"/>
                    </a:cubicBezTo>
                    <a:lnTo>
                      <a:pt x="17548" y="6339"/>
                    </a:lnTo>
                    <a:cubicBezTo>
                      <a:pt x="17520" y="6350"/>
                      <a:pt x="17493" y="6362"/>
                      <a:pt x="17464" y="6373"/>
                    </a:cubicBezTo>
                    <a:cubicBezTo>
                      <a:pt x="17547" y="6350"/>
                      <a:pt x="17629" y="6322"/>
                      <a:pt x="17707" y="6285"/>
                    </a:cubicBezTo>
                    <a:cubicBezTo>
                      <a:pt x="17756" y="6262"/>
                      <a:pt x="17805" y="6239"/>
                      <a:pt x="17853" y="6215"/>
                    </a:cubicBezTo>
                    <a:lnTo>
                      <a:pt x="17990" y="6141"/>
                    </a:lnTo>
                    <a:cubicBezTo>
                      <a:pt x="18078" y="6093"/>
                      <a:pt x="18166" y="6044"/>
                      <a:pt x="18252" y="5993"/>
                    </a:cubicBezTo>
                    <a:lnTo>
                      <a:pt x="18381" y="5914"/>
                    </a:lnTo>
                    <a:cubicBezTo>
                      <a:pt x="18423" y="5889"/>
                      <a:pt x="18467" y="5863"/>
                      <a:pt x="18511" y="5836"/>
                    </a:cubicBezTo>
                    <a:lnTo>
                      <a:pt x="18701" y="5718"/>
                    </a:lnTo>
                    <a:lnTo>
                      <a:pt x="18701" y="5718"/>
                    </a:lnTo>
                    <a:cubicBezTo>
                      <a:pt x="18683" y="5729"/>
                      <a:pt x="18666" y="5739"/>
                      <a:pt x="18648" y="5750"/>
                    </a:cubicBezTo>
                    <a:cubicBezTo>
                      <a:pt x="18643" y="5752"/>
                      <a:pt x="18640" y="5752"/>
                      <a:pt x="18639" y="5752"/>
                    </a:cubicBezTo>
                    <a:cubicBezTo>
                      <a:pt x="18625" y="5752"/>
                      <a:pt x="18758" y="5675"/>
                      <a:pt x="18752" y="5671"/>
                    </a:cubicBezTo>
                    <a:lnTo>
                      <a:pt x="18842" y="5629"/>
                    </a:lnTo>
                    <a:cubicBezTo>
                      <a:pt x="18844" y="5627"/>
                      <a:pt x="18844" y="5625"/>
                      <a:pt x="18841" y="5625"/>
                    </a:cubicBezTo>
                    <a:cubicBezTo>
                      <a:pt x="18832" y="5625"/>
                      <a:pt x="18792" y="5646"/>
                      <a:pt x="18754" y="5664"/>
                    </a:cubicBezTo>
                    <a:cubicBezTo>
                      <a:pt x="18722" y="5680"/>
                      <a:pt x="18691" y="5694"/>
                      <a:pt x="18682" y="5694"/>
                    </a:cubicBezTo>
                    <a:cubicBezTo>
                      <a:pt x="18678" y="5694"/>
                      <a:pt x="18678" y="5691"/>
                      <a:pt x="18685" y="5685"/>
                    </a:cubicBezTo>
                    <a:cubicBezTo>
                      <a:pt x="18706" y="5676"/>
                      <a:pt x="18724" y="5666"/>
                      <a:pt x="18743" y="5655"/>
                    </a:cubicBezTo>
                    <a:lnTo>
                      <a:pt x="18743" y="5655"/>
                    </a:lnTo>
                    <a:lnTo>
                      <a:pt x="18662" y="5694"/>
                    </a:lnTo>
                    <a:cubicBezTo>
                      <a:pt x="18745" y="5650"/>
                      <a:pt x="18824" y="5602"/>
                      <a:pt x="18903" y="5548"/>
                    </a:cubicBezTo>
                    <a:cubicBezTo>
                      <a:pt x="18970" y="5502"/>
                      <a:pt x="19042" y="5463"/>
                      <a:pt x="19116" y="5428"/>
                    </a:cubicBezTo>
                    <a:lnTo>
                      <a:pt x="19116" y="5428"/>
                    </a:lnTo>
                    <a:cubicBezTo>
                      <a:pt x="19032" y="5483"/>
                      <a:pt x="18986" y="5514"/>
                      <a:pt x="18963" y="5532"/>
                    </a:cubicBezTo>
                    <a:cubicBezTo>
                      <a:pt x="18937" y="5553"/>
                      <a:pt x="18935" y="5562"/>
                      <a:pt x="18930" y="5571"/>
                    </a:cubicBezTo>
                    <a:cubicBezTo>
                      <a:pt x="18926" y="5586"/>
                      <a:pt x="18922" y="5605"/>
                      <a:pt x="18788" y="5687"/>
                    </a:cubicBezTo>
                    <a:lnTo>
                      <a:pt x="18788" y="5687"/>
                    </a:lnTo>
                    <a:cubicBezTo>
                      <a:pt x="18822" y="5667"/>
                      <a:pt x="18837" y="5660"/>
                      <a:pt x="18842" y="5660"/>
                    </a:cubicBezTo>
                    <a:cubicBezTo>
                      <a:pt x="18854" y="5660"/>
                      <a:pt x="18803" y="5704"/>
                      <a:pt x="18813" y="5704"/>
                    </a:cubicBezTo>
                    <a:cubicBezTo>
                      <a:pt x="18814" y="5704"/>
                      <a:pt x="18814" y="5704"/>
                      <a:pt x="18815" y="5704"/>
                    </a:cubicBezTo>
                    <a:cubicBezTo>
                      <a:pt x="18912" y="5650"/>
                      <a:pt x="18854" y="5664"/>
                      <a:pt x="18965" y="5606"/>
                    </a:cubicBezTo>
                    <a:lnTo>
                      <a:pt x="18965" y="5606"/>
                    </a:lnTo>
                    <a:cubicBezTo>
                      <a:pt x="18967" y="5614"/>
                      <a:pt x="18806" y="5722"/>
                      <a:pt x="18822" y="5722"/>
                    </a:cubicBezTo>
                    <a:cubicBezTo>
                      <a:pt x="18825" y="5722"/>
                      <a:pt x="18833" y="5719"/>
                      <a:pt x="18849" y="5710"/>
                    </a:cubicBezTo>
                    <a:cubicBezTo>
                      <a:pt x="18852" y="5687"/>
                      <a:pt x="18949" y="5634"/>
                      <a:pt x="18988" y="5595"/>
                    </a:cubicBezTo>
                    <a:cubicBezTo>
                      <a:pt x="19014" y="5581"/>
                      <a:pt x="19024" y="5577"/>
                      <a:pt x="19027" y="5577"/>
                    </a:cubicBezTo>
                    <a:cubicBezTo>
                      <a:pt x="19033" y="5577"/>
                      <a:pt x="19014" y="5592"/>
                      <a:pt x="19021" y="5592"/>
                    </a:cubicBezTo>
                    <a:cubicBezTo>
                      <a:pt x="19023" y="5592"/>
                      <a:pt x="19025" y="5592"/>
                      <a:pt x="19030" y="5590"/>
                    </a:cubicBezTo>
                    <a:cubicBezTo>
                      <a:pt x="19074" y="5562"/>
                      <a:pt x="19097" y="5541"/>
                      <a:pt x="19137" y="5518"/>
                    </a:cubicBezTo>
                    <a:lnTo>
                      <a:pt x="19137" y="5518"/>
                    </a:lnTo>
                    <a:lnTo>
                      <a:pt x="19113" y="5546"/>
                    </a:lnTo>
                    <a:cubicBezTo>
                      <a:pt x="19338" y="5421"/>
                      <a:pt x="19171" y="5490"/>
                      <a:pt x="19419" y="5335"/>
                    </a:cubicBezTo>
                    <a:cubicBezTo>
                      <a:pt x="19419" y="5333"/>
                      <a:pt x="19418" y="5332"/>
                      <a:pt x="19416" y="5332"/>
                    </a:cubicBezTo>
                    <a:cubicBezTo>
                      <a:pt x="19400" y="5332"/>
                      <a:pt x="19332" y="5379"/>
                      <a:pt x="19243" y="5439"/>
                    </a:cubicBezTo>
                    <a:cubicBezTo>
                      <a:pt x="19242" y="5439"/>
                      <a:pt x="19242" y="5440"/>
                      <a:pt x="19241" y="5440"/>
                    </a:cubicBezTo>
                    <a:cubicBezTo>
                      <a:pt x="19211" y="5440"/>
                      <a:pt x="19284" y="5383"/>
                      <a:pt x="19361" y="5324"/>
                    </a:cubicBezTo>
                    <a:cubicBezTo>
                      <a:pt x="19440" y="5261"/>
                      <a:pt x="19519" y="5194"/>
                      <a:pt x="19498" y="5185"/>
                    </a:cubicBezTo>
                    <a:cubicBezTo>
                      <a:pt x="19565" y="5137"/>
                      <a:pt x="19588" y="5123"/>
                      <a:pt x="19591" y="5123"/>
                    </a:cubicBezTo>
                    <a:cubicBezTo>
                      <a:pt x="19597" y="5123"/>
                      <a:pt x="19561" y="5155"/>
                      <a:pt x="19570" y="5155"/>
                    </a:cubicBezTo>
                    <a:cubicBezTo>
                      <a:pt x="19576" y="5155"/>
                      <a:pt x="19596" y="5145"/>
                      <a:pt x="19646" y="5113"/>
                    </a:cubicBezTo>
                    <a:cubicBezTo>
                      <a:pt x="19662" y="5105"/>
                      <a:pt x="19671" y="5102"/>
                      <a:pt x="19675" y="5102"/>
                    </a:cubicBezTo>
                    <a:cubicBezTo>
                      <a:pt x="19686" y="5102"/>
                      <a:pt x="19660" y="5126"/>
                      <a:pt x="19621" y="5157"/>
                    </a:cubicBezTo>
                    <a:cubicBezTo>
                      <a:pt x="19567" y="5199"/>
                      <a:pt x="19496" y="5254"/>
                      <a:pt x="19475" y="5277"/>
                    </a:cubicBezTo>
                    <a:lnTo>
                      <a:pt x="19686" y="5150"/>
                    </a:lnTo>
                    <a:lnTo>
                      <a:pt x="19686" y="5150"/>
                    </a:lnTo>
                    <a:cubicBezTo>
                      <a:pt x="19635" y="5219"/>
                      <a:pt x="19503" y="5298"/>
                      <a:pt x="19482" y="5344"/>
                    </a:cubicBezTo>
                    <a:cubicBezTo>
                      <a:pt x="19558" y="5294"/>
                      <a:pt x="19591" y="5270"/>
                      <a:pt x="19623" y="5245"/>
                    </a:cubicBezTo>
                    <a:cubicBezTo>
                      <a:pt x="19655" y="5219"/>
                      <a:pt x="19688" y="5194"/>
                      <a:pt x="19757" y="5134"/>
                    </a:cubicBezTo>
                    <a:lnTo>
                      <a:pt x="19757" y="5134"/>
                    </a:lnTo>
                    <a:cubicBezTo>
                      <a:pt x="19730" y="5157"/>
                      <a:pt x="19697" y="5173"/>
                      <a:pt x="19662" y="5187"/>
                    </a:cubicBezTo>
                    <a:cubicBezTo>
                      <a:pt x="19658" y="5187"/>
                      <a:pt x="19672" y="5173"/>
                      <a:pt x="19692" y="5159"/>
                    </a:cubicBezTo>
                    <a:cubicBezTo>
                      <a:pt x="19717" y="5136"/>
                      <a:pt x="19750" y="5107"/>
                      <a:pt x="19737" y="5107"/>
                    </a:cubicBezTo>
                    <a:cubicBezTo>
                      <a:pt x="19733" y="5107"/>
                      <a:pt x="19721" y="5111"/>
                      <a:pt x="19699" y="5122"/>
                    </a:cubicBezTo>
                    <a:cubicBezTo>
                      <a:pt x="19785" y="5071"/>
                      <a:pt x="19866" y="5018"/>
                      <a:pt x="19947" y="4958"/>
                    </a:cubicBezTo>
                    <a:lnTo>
                      <a:pt x="19947" y="4958"/>
                    </a:lnTo>
                    <a:cubicBezTo>
                      <a:pt x="19858" y="5030"/>
                      <a:pt x="19936" y="4991"/>
                      <a:pt x="19855" y="5054"/>
                    </a:cubicBezTo>
                    <a:lnTo>
                      <a:pt x="19855" y="5054"/>
                    </a:lnTo>
                    <a:cubicBezTo>
                      <a:pt x="20031" y="4922"/>
                      <a:pt x="19987" y="4946"/>
                      <a:pt x="20188" y="4789"/>
                    </a:cubicBezTo>
                    <a:cubicBezTo>
                      <a:pt x="20196" y="4779"/>
                      <a:pt x="20197" y="4775"/>
                      <a:pt x="20193" y="4775"/>
                    </a:cubicBezTo>
                    <a:cubicBezTo>
                      <a:pt x="20179" y="4775"/>
                      <a:pt x="20112" y="4819"/>
                      <a:pt x="20103" y="4819"/>
                    </a:cubicBezTo>
                    <a:cubicBezTo>
                      <a:pt x="20096" y="4819"/>
                      <a:pt x="20117" y="4798"/>
                      <a:pt x="20204" y="4724"/>
                    </a:cubicBezTo>
                    <a:cubicBezTo>
                      <a:pt x="20230" y="4704"/>
                      <a:pt x="20242" y="4696"/>
                      <a:pt x="20245" y="4696"/>
                    </a:cubicBezTo>
                    <a:cubicBezTo>
                      <a:pt x="20249" y="4696"/>
                      <a:pt x="20238" y="4707"/>
                      <a:pt x="20221" y="4721"/>
                    </a:cubicBezTo>
                    <a:cubicBezTo>
                      <a:pt x="20288" y="4670"/>
                      <a:pt x="20300" y="4658"/>
                      <a:pt x="20292" y="4658"/>
                    </a:cubicBezTo>
                    <a:cubicBezTo>
                      <a:pt x="20285" y="4658"/>
                      <a:pt x="20261" y="4669"/>
                      <a:pt x="20251" y="4669"/>
                    </a:cubicBezTo>
                    <a:cubicBezTo>
                      <a:pt x="20242" y="4669"/>
                      <a:pt x="20244" y="4661"/>
                      <a:pt x="20274" y="4631"/>
                    </a:cubicBezTo>
                    <a:cubicBezTo>
                      <a:pt x="20326" y="4585"/>
                      <a:pt x="20359" y="4563"/>
                      <a:pt x="20365" y="4563"/>
                    </a:cubicBezTo>
                    <a:cubicBezTo>
                      <a:pt x="20368" y="4563"/>
                      <a:pt x="20365" y="4568"/>
                      <a:pt x="20355" y="4578"/>
                    </a:cubicBezTo>
                    <a:cubicBezTo>
                      <a:pt x="20464" y="4471"/>
                      <a:pt x="20392" y="4515"/>
                      <a:pt x="20466" y="4448"/>
                    </a:cubicBezTo>
                    <a:lnTo>
                      <a:pt x="20466" y="4448"/>
                    </a:lnTo>
                    <a:lnTo>
                      <a:pt x="20429" y="4476"/>
                    </a:lnTo>
                    <a:cubicBezTo>
                      <a:pt x="20443" y="4460"/>
                      <a:pt x="20424" y="4464"/>
                      <a:pt x="20420" y="4457"/>
                    </a:cubicBezTo>
                    <a:cubicBezTo>
                      <a:pt x="20418" y="4448"/>
                      <a:pt x="20434" y="4427"/>
                      <a:pt x="20515" y="4355"/>
                    </a:cubicBezTo>
                    <a:cubicBezTo>
                      <a:pt x="20580" y="4298"/>
                      <a:pt x="20600" y="4284"/>
                      <a:pt x="20606" y="4284"/>
                    </a:cubicBezTo>
                    <a:cubicBezTo>
                      <a:pt x="20611" y="4284"/>
                      <a:pt x="20607" y="4293"/>
                      <a:pt x="20610" y="4295"/>
                    </a:cubicBezTo>
                    <a:cubicBezTo>
                      <a:pt x="20654" y="4251"/>
                      <a:pt x="20696" y="4214"/>
                      <a:pt x="20733" y="4182"/>
                    </a:cubicBezTo>
                    <a:cubicBezTo>
                      <a:pt x="20772" y="4149"/>
                      <a:pt x="20804" y="4121"/>
                      <a:pt x="20839" y="4096"/>
                    </a:cubicBezTo>
                    <a:lnTo>
                      <a:pt x="20839" y="4096"/>
                    </a:lnTo>
                    <a:cubicBezTo>
                      <a:pt x="20838" y="4096"/>
                      <a:pt x="20837" y="4096"/>
                      <a:pt x="20837" y="4096"/>
                    </a:cubicBezTo>
                    <a:cubicBezTo>
                      <a:pt x="20831" y="4096"/>
                      <a:pt x="20837" y="4086"/>
                      <a:pt x="20860" y="4063"/>
                    </a:cubicBezTo>
                    <a:cubicBezTo>
                      <a:pt x="21008" y="3913"/>
                      <a:pt x="20962" y="3994"/>
                      <a:pt x="21017" y="3941"/>
                    </a:cubicBezTo>
                    <a:cubicBezTo>
                      <a:pt x="21238" y="3735"/>
                      <a:pt x="20967" y="3941"/>
                      <a:pt x="21200" y="3702"/>
                    </a:cubicBezTo>
                    <a:lnTo>
                      <a:pt x="21200" y="3702"/>
                    </a:lnTo>
                    <a:lnTo>
                      <a:pt x="21062" y="3839"/>
                    </a:lnTo>
                    <a:cubicBezTo>
                      <a:pt x="21015" y="3883"/>
                      <a:pt x="20971" y="3929"/>
                      <a:pt x="20923" y="3971"/>
                    </a:cubicBezTo>
                    <a:cubicBezTo>
                      <a:pt x="20925" y="3962"/>
                      <a:pt x="20925" y="3954"/>
                      <a:pt x="20918" y="3954"/>
                    </a:cubicBezTo>
                    <a:cubicBezTo>
                      <a:pt x="20910" y="3954"/>
                      <a:pt x="20894" y="3964"/>
                      <a:pt x="20862" y="3994"/>
                    </a:cubicBezTo>
                    <a:cubicBezTo>
                      <a:pt x="20867" y="4010"/>
                      <a:pt x="20774" y="4114"/>
                      <a:pt x="20679" y="4200"/>
                    </a:cubicBezTo>
                    <a:cubicBezTo>
                      <a:pt x="20678" y="4201"/>
                      <a:pt x="20678" y="4201"/>
                      <a:pt x="20677" y="4201"/>
                    </a:cubicBezTo>
                    <a:cubicBezTo>
                      <a:pt x="20660" y="4201"/>
                      <a:pt x="20817" y="4045"/>
                      <a:pt x="20803" y="4045"/>
                    </a:cubicBezTo>
                    <a:cubicBezTo>
                      <a:pt x="20799" y="4045"/>
                      <a:pt x="20783" y="4056"/>
                      <a:pt x="20749" y="4084"/>
                    </a:cubicBezTo>
                    <a:cubicBezTo>
                      <a:pt x="20807" y="4033"/>
                      <a:pt x="20883" y="3955"/>
                      <a:pt x="20950" y="3890"/>
                    </a:cubicBezTo>
                    <a:lnTo>
                      <a:pt x="20950" y="3890"/>
                    </a:lnTo>
                    <a:cubicBezTo>
                      <a:pt x="20944" y="3900"/>
                      <a:pt x="20942" y="3904"/>
                      <a:pt x="20944" y="3904"/>
                    </a:cubicBezTo>
                    <a:cubicBezTo>
                      <a:pt x="20956" y="3904"/>
                      <a:pt x="21081" y="3772"/>
                      <a:pt x="21090" y="3772"/>
                    </a:cubicBezTo>
                    <a:lnTo>
                      <a:pt x="21090" y="3772"/>
                    </a:lnTo>
                    <a:cubicBezTo>
                      <a:pt x="21092" y="3772"/>
                      <a:pt x="21086" y="3782"/>
                      <a:pt x="21066" y="3806"/>
                    </a:cubicBezTo>
                    <a:cubicBezTo>
                      <a:pt x="21214" y="3656"/>
                      <a:pt x="21298" y="3568"/>
                      <a:pt x="21377" y="3484"/>
                    </a:cubicBezTo>
                    <a:cubicBezTo>
                      <a:pt x="21458" y="3399"/>
                      <a:pt x="21529" y="3313"/>
                      <a:pt x="21652" y="3165"/>
                    </a:cubicBezTo>
                    <a:lnTo>
                      <a:pt x="21652" y="3165"/>
                    </a:lnTo>
                    <a:cubicBezTo>
                      <a:pt x="21622" y="3218"/>
                      <a:pt x="21587" y="3267"/>
                      <a:pt x="21553" y="3315"/>
                    </a:cubicBezTo>
                    <a:cubicBezTo>
                      <a:pt x="21525" y="3352"/>
                      <a:pt x="21495" y="3392"/>
                      <a:pt x="21460" y="3433"/>
                    </a:cubicBezTo>
                    <a:cubicBezTo>
                      <a:pt x="21427" y="3473"/>
                      <a:pt x="21390" y="3512"/>
                      <a:pt x="21353" y="3547"/>
                    </a:cubicBezTo>
                    <a:lnTo>
                      <a:pt x="21335" y="3552"/>
                    </a:lnTo>
                    <a:cubicBezTo>
                      <a:pt x="21298" y="3596"/>
                      <a:pt x="21285" y="3612"/>
                      <a:pt x="21288" y="3612"/>
                    </a:cubicBezTo>
                    <a:cubicBezTo>
                      <a:pt x="21295" y="3612"/>
                      <a:pt x="21444" y="3457"/>
                      <a:pt x="21460" y="3457"/>
                    </a:cubicBezTo>
                    <a:cubicBezTo>
                      <a:pt x="21461" y="3457"/>
                      <a:pt x="21461" y="3458"/>
                      <a:pt x="21460" y="3461"/>
                    </a:cubicBezTo>
                    <a:cubicBezTo>
                      <a:pt x="21648" y="3211"/>
                      <a:pt x="21923" y="2947"/>
                      <a:pt x="22143" y="2632"/>
                    </a:cubicBezTo>
                    <a:lnTo>
                      <a:pt x="22143" y="2632"/>
                    </a:lnTo>
                    <a:cubicBezTo>
                      <a:pt x="22130" y="2645"/>
                      <a:pt x="22124" y="2650"/>
                      <a:pt x="22121" y="2650"/>
                    </a:cubicBezTo>
                    <a:cubicBezTo>
                      <a:pt x="22114" y="2650"/>
                      <a:pt x="22136" y="2612"/>
                      <a:pt x="22136" y="2597"/>
                    </a:cubicBezTo>
                    <a:lnTo>
                      <a:pt x="22136" y="2597"/>
                    </a:lnTo>
                    <a:cubicBezTo>
                      <a:pt x="22046" y="2722"/>
                      <a:pt x="22065" y="2704"/>
                      <a:pt x="21988" y="2785"/>
                    </a:cubicBezTo>
                    <a:cubicBezTo>
                      <a:pt x="21990" y="2759"/>
                      <a:pt x="22051" y="2690"/>
                      <a:pt x="22071" y="2646"/>
                    </a:cubicBezTo>
                    <a:cubicBezTo>
                      <a:pt x="22073" y="2641"/>
                      <a:pt x="22073" y="2639"/>
                      <a:pt x="22072" y="2639"/>
                    </a:cubicBezTo>
                    <a:lnTo>
                      <a:pt x="22072" y="2639"/>
                    </a:lnTo>
                    <a:cubicBezTo>
                      <a:pt x="22065" y="2639"/>
                      <a:pt x="21997" y="2743"/>
                      <a:pt x="21963" y="2776"/>
                    </a:cubicBezTo>
                    <a:cubicBezTo>
                      <a:pt x="22007" y="2718"/>
                      <a:pt x="22046" y="2655"/>
                      <a:pt x="22078" y="2590"/>
                    </a:cubicBezTo>
                    <a:cubicBezTo>
                      <a:pt x="22111" y="2560"/>
                      <a:pt x="22146" y="2530"/>
                      <a:pt x="22180" y="2502"/>
                    </a:cubicBezTo>
                    <a:cubicBezTo>
                      <a:pt x="22234" y="2430"/>
                      <a:pt x="22268" y="2377"/>
                      <a:pt x="22296" y="2333"/>
                    </a:cubicBezTo>
                    <a:cubicBezTo>
                      <a:pt x="22322" y="2291"/>
                      <a:pt x="22342" y="2257"/>
                      <a:pt x="22359" y="2227"/>
                    </a:cubicBezTo>
                    <a:cubicBezTo>
                      <a:pt x="22403" y="2145"/>
                      <a:pt x="22451" y="2067"/>
                      <a:pt x="22505" y="1990"/>
                    </a:cubicBezTo>
                    <a:lnTo>
                      <a:pt x="22505" y="1990"/>
                    </a:lnTo>
                    <a:cubicBezTo>
                      <a:pt x="22478" y="2029"/>
                      <a:pt x="22472" y="2040"/>
                      <a:pt x="22474" y="2040"/>
                    </a:cubicBezTo>
                    <a:cubicBezTo>
                      <a:pt x="22476" y="2040"/>
                      <a:pt x="22493" y="2020"/>
                      <a:pt x="22495" y="2020"/>
                    </a:cubicBezTo>
                    <a:lnTo>
                      <a:pt x="22495" y="2020"/>
                    </a:lnTo>
                    <a:cubicBezTo>
                      <a:pt x="22497" y="2020"/>
                      <a:pt x="22489" y="2032"/>
                      <a:pt x="22458" y="2076"/>
                    </a:cubicBezTo>
                    <a:cubicBezTo>
                      <a:pt x="22477" y="2050"/>
                      <a:pt x="22495" y="2023"/>
                      <a:pt x="22512" y="1997"/>
                    </a:cubicBezTo>
                    <a:lnTo>
                      <a:pt x="22512" y="1997"/>
                    </a:lnTo>
                    <a:cubicBezTo>
                      <a:pt x="22484" y="2053"/>
                      <a:pt x="22444" y="2115"/>
                      <a:pt x="22407" y="2178"/>
                    </a:cubicBezTo>
                    <a:cubicBezTo>
                      <a:pt x="22368" y="2243"/>
                      <a:pt x="22331" y="2310"/>
                      <a:pt x="22294" y="2363"/>
                    </a:cubicBezTo>
                    <a:cubicBezTo>
                      <a:pt x="22225" y="2472"/>
                      <a:pt x="22177" y="2554"/>
                      <a:pt x="22196" y="2554"/>
                    </a:cubicBezTo>
                    <a:cubicBezTo>
                      <a:pt x="22197" y="2554"/>
                      <a:pt x="22198" y="2553"/>
                      <a:pt x="22199" y="2553"/>
                    </a:cubicBezTo>
                    <a:cubicBezTo>
                      <a:pt x="22257" y="2467"/>
                      <a:pt x="22303" y="2393"/>
                      <a:pt x="22354" y="2315"/>
                    </a:cubicBezTo>
                    <a:cubicBezTo>
                      <a:pt x="22403" y="2233"/>
                      <a:pt x="22451" y="2148"/>
                      <a:pt x="22519" y="2044"/>
                    </a:cubicBezTo>
                    <a:lnTo>
                      <a:pt x="22519" y="2055"/>
                    </a:lnTo>
                    <a:cubicBezTo>
                      <a:pt x="22553" y="2001"/>
                      <a:pt x="22562" y="1985"/>
                      <a:pt x="22560" y="1985"/>
                    </a:cubicBezTo>
                    <a:lnTo>
                      <a:pt x="22560" y="1985"/>
                    </a:lnTo>
                    <a:cubicBezTo>
                      <a:pt x="22558" y="1985"/>
                      <a:pt x="22532" y="2020"/>
                      <a:pt x="22528" y="2020"/>
                    </a:cubicBezTo>
                    <a:cubicBezTo>
                      <a:pt x="22527" y="2020"/>
                      <a:pt x="22528" y="2018"/>
                      <a:pt x="22530" y="2013"/>
                    </a:cubicBezTo>
                    <a:cubicBezTo>
                      <a:pt x="22565" y="1949"/>
                      <a:pt x="22607" y="1886"/>
                      <a:pt x="22653" y="1828"/>
                    </a:cubicBezTo>
                    <a:cubicBezTo>
                      <a:pt x="22692" y="1784"/>
                      <a:pt x="22722" y="1731"/>
                      <a:pt x="22743" y="1675"/>
                    </a:cubicBezTo>
                    <a:lnTo>
                      <a:pt x="22743" y="1675"/>
                    </a:lnTo>
                    <a:cubicBezTo>
                      <a:pt x="22708" y="1735"/>
                      <a:pt x="22669" y="1791"/>
                      <a:pt x="22634" y="1849"/>
                    </a:cubicBezTo>
                    <a:cubicBezTo>
                      <a:pt x="22654" y="1809"/>
                      <a:pt x="22660" y="1795"/>
                      <a:pt x="22658" y="1795"/>
                    </a:cubicBezTo>
                    <a:lnTo>
                      <a:pt x="22658" y="1795"/>
                    </a:lnTo>
                    <a:cubicBezTo>
                      <a:pt x="22655" y="1795"/>
                      <a:pt x="22621" y="1852"/>
                      <a:pt x="22610" y="1852"/>
                    </a:cubicBezTo>
                    <a:cubicBezTo>
                      <a:pt x="22608" y="1852"/>
                      <a:pt x="22607" y="1849"/>
                      <a:pt x="22607" y="1844"/>
                    </a:cubicBezTo>
                    <a:lnTo>
                      <a:pt x="22861" y="1381"/>
                    </a:lnTo>
                    <a:lnTo>
                      <a:pt x="23003" y="1105"/>
                    </a:lnTo>
                    <a:cubicBezTo>
                      <a:pt x="23047" y="1010"/>
                      <a:pt x="23091" y="915"/>
                      <a:pt x="23128" y="827"/>
                    </a:cubicBezTo>
                    <a:lnTo>
                      <a:pt x="23128" y="827"/>
                    </a:lnTo>
                    <a:cubicBezTo>
                      <a:pt x="23077" y="908"/>
                      <a:pt x="23030" y="994"/>
                      <a:pt x="22989" y="1085"/>
                    </a:cubicBezTo>
                    <a:cubicBezTo>
                      <a:pt x="22990" y="1032"/>
                      <a:pt x="23006" y="991"/>
                      <a:pt x="22995" y="991"/>
                    </a:cubicBezTo>
                    <a:cubicBezTo>
                      <a:pt x="22991" y="991"/>
                      <a:pt x="22982" y="997"/>
                      <a:pt x="22966" y="1013"/>
                    </a:cubicBezTo>
                    <a:cubicBezTo>
                      <a:pt x="22940" y="1066"/>
                      <a:pt x="22912" y="1117"/>
                      <a:pt x="22885" y="1170"/>
                    </a:cubicBezTo>
                    <a:lnTo>
                      <a:pt x="22857" y="1159"/>
                    </a:lnTo>
                    <a:cubicBezTo>
                      <a:pt x="22880" y="1117"/>
                      <a:pt x="22903" y="1075"/>
                      <a:pt x="22926" y="1038"/>
                    </a:cubicBezTo>
                    <a:cubicBezTo>
                      <a:pt x="22919" y="1008"/>
                      <a:pt x="23047" y="797"/>
                      <a:pt x="23035" y="779"/>
                    </a:cubicBezTo>
                    <a:lnTo>
                      <a:pt x="23035" y="779"/>
                    </a:lnTo>
                    <a:lnTo>
                      <a:pt x="22973" y="915"/>
                    </a:lnTo>
                    <a:cubicBezTo>
                      <a:pt x="22966" y="925"/>
                      <a:pt x="22962" y="929"/>
                      <a:pt x="22960" y="929"/>
                    </a:cubicBezTo>
                    <a:cubicBezTo>
                      <a:pt x="22951" y="929"/>
                      <a:pt x="23011" y="801"/>
                      <a:pt x="23047" y="719"/>
                    </a:cubicBezTo>
                    <a:lnTo>
                      <a:pt x="23047" y="719"/>
                    </a:lnTo>
                    <a:cubicBezTo>
                      <a:pt x="23007" y="783"/>
                      <a:pt x="22973" y="853"/>
                      <a:pt x="22942" y="922"/>
                    </a:cubicBezTo>
                    <a:cubicBezTo>
                      <a:pt x="22924" y="966"/>
                      <a:pt x="22905" y="1015"/>
                      <a:pt x="22882" y="1061"/>
                    </a:cubicBezTo>
                    <a:cubicBezTo>
                      <a:pt x="22857" y="1110"/>
                      <a:pt x="22834" y="1159"/>
                      <a:pt x="22810" y="1207"/>
                    </a:cubicBezTo>
                    <a:cubicBezTo>
                      <a:pt x="22811" y="1207"/>
                      <a:pt x="22811" y="1207"/>
                      <a:pt x="22811" y="1207"/>
                    </a:cubicBezTo>
                    <a:cubicBezTo>
                      <a:pt x="22819" y="1207"/>
                      <a:pt x="22788" y="1291"/>
                      <a:pt x="22796" y="1291"/>
                    </a:cubicBezTo>
                    <a:cubicBezTo>
                      <a:pt x="22800" y="1291"/>
                      <a:pt x="22813" y="1271"/>
                      <a:pt x="22845" y="1212"/>
                    </a:cubicBezTo>
                    <a:lnTo>
                      <a:pt x="22845" y="1212"/>
                    </a:lnTo>
                    <a:cubicBezTo>
                      <a:pt x="22852" y="1219"/>
                      <a:pt x="22803" y="1335"/>
                      <a:pt x="22762" y="1407"/>
                    </a:cubicBezTo>
                    <a:cubicBezTo>
                      <a:pt x="22764" y="1402"/>
                      <a:pt x="22764" y="1400"/>
                      <a:pt x="22762" y="1400"/>
                    </a:cubicBezTo>
                    <a:cubicBezTo>
                      <a:pt x="22757" y="1400"/>
                      <a:pt x="22723" y="1440"/>
                      <a:pt x="22714" y="1440"/>
                    </a:cubicBezTo>
                    <a:cubicBezTo>
                      <a:pt x="22710" y="1440"/>
                      <a:pt x="22710" y="1433"/>
                      <a:pt x="22718" y="1412"/>
                    </a:cubicBezTo>
                    <a:lnTo>
                      <a:pt x="22718" y="1412"/>
                    </a:lnTo>
                    <a:cubicBezTo>
                      <a:pt x="22672" y="1507"/>
                      <a:pt x="22691" y="1455"/>
                      <a:pt x="22607" y="1615"/>
                    </a:cubicBezTo>
                    <a:cubicBezTo>
                      <a:pt x="22607" y="1614"/>
                      <a:pt x="22607" y="1613"/>
                      <a:pt x="22607" y="1613"/>
                    </a:cubicBezTo>
                    <a:lnTo>
                      <a:pt x="22607" y="1613"/>
                    </a:lnTo>
                    <a:cubicBezTo>
                      <a:pt x="22603" y="1613"/>
                      <a:pt x="22436" y="1891"/>
                      <a:pt x="22414" y="1891"/>
                    </a:cubicBezTo>
                    <a:cubicBezTo>
                      <a:pt x="22413" y="1891"/>
                      <a:pt x="22412" y="1890"/>
                      <a:pt x="22412" y="1888"/>
                    </a:cubicBezTo>
                    <a:lnTo>
                      <a:pt x="22412" y="1888"/>
                    </a:lnTo>
                    <a:cubicBezTo>
                      <a:pt x="22387" y="1951"/>
                      <a:pt x="22447" y="1907"/>
                      <a:pt x="22315" y="2106"/>
                    </a:cubicBezTo>
                    <a:cubicBezTo>
                      <a:pt x="22352" y="2067"/>
                      <a:pt x="22387" y="2025"/>
                      <a:pt x="22419" y="1981"/>
                    </a:cubicBezTo>
                    <a:cubicBezTo>
                      <a:pt x="22437" y="1960"/>
                      <a:pt x="22449" y="1946"/>
                      <a:pt x="22451" y="1946"/>
                    </a:cubicBezTo>
                    <a:lnTo>
                      <a:pt x="22451" y="1946"/>
                    </a:lnTo>
                    <a:cubicBezTo>
                      <a:pt x="22454" y="1949"/>
                      <a:pt x="22449" y="1965"/>
                      <a:pt x="22428" y="2004"/>
                    </a:cubicBezTo>
                    <a:cubicBezTo>
                      <a:pt x="22447" y="1972"/>
                      <a:pt x="22463" y="1935"/>
                      <a:pt x="22479" y="1900"/>
                    </a:cubicBezTo>
                    <a:cubicBezTo>
                      <a:pt x="22510" y="1855"/>
                      <a:pt x="22520" y="1844"/>
                      <a:pt x="22523" y="1844"/>
                    </a:cubicBezTo>
                    <a:cubicBezTo>
                      <a:pt x="22526" y="1844"/>
                      <a:pt x="22524" y="1852"/>
                      <a:pt x="22527" y="1852"/>
                    </a:cubicBezTo>
                    <a:cubicBezTo>
                      <a:pt x="22531" y="1852"/>
                      <a:pt x="22543" y="1837"/>
                      <a:pt x="22590" y="1766"/>
                    </a:cubicBezTo>
                    <a:lnTo>
                      <a:pt x="22590" y="1766"/>
                    </a:lnTo>
                    <a:cubicBezTo>
                      <a:pt x="22556" y="1819"/>
                      <a:pt x="22495" y="1937"/>
                      <a:pt x="22470" y="1953"/>
                    </a:cubicBezTo>
                    <a:cubicBezTo>
                      <a:pt x="22472" y="1952"/>
                      <a:pt x="22475" y="1952"/>
                      <a:pt x="22476" y="1952"/>
                    </a:cubicBezTo>
                    <a:cubicBezTo>
                      <a:pt x="22517" y="1952"/>
                      <a:pt x="22308" y="2237"/>
                      <a:pt x="22324" y="2259"/>
                    </a:cubicBezTo>
                    <a:cubicBezTo>
                      <a:pt x="22271" y="2317"/>
                      <a:pt x="22224" y="2379"/>
                      <a:pt x="22183" y="2444"/>
                    </a:cubicBezTo>
                    <a:cubicBezTo>
                      <a:pt x="22183" y="2441"/>
                      <a:pt x="22181" y="2440"/>
                      <a:pt x="22179" y="2440"/>
                    </a:cubicBezTo>
                    <a:cubicBezTo>
                      <a:pt x="22175" y="2440"/>
                      <a:pt x="22169" y="2443"/>
                      <a:pt x="22166" y="2443"/>
                    </a:cubicBezTo>
                    <a:cubicBezTo>
                      <a:pt x="22160" y="2443"/>
                      <a:pt x="22161" y="2435"/>
                      <a:pt x="22185" y="2396"/>
                    </a:cubicBezTo>
                    <a:cubicBezTo>
                      <a:pt x="22234" y="2333"/>
                      <a:pt x="22264" y="2287"/>
                      <a:pt x="22317" y="2220"/>
                    </a:cubicBezTo>
                    <a:lnTo>
                      <a:pt x="22317" y="2220"/>
                    </a:lnTo>
                    <a:cubicBezTo>
                      <a:pt x="22294" y="2231"/>
                      <a:pt x="22278" y="2250"/>
                      <a:pt x="22264" y="2271"/>
                    </a:cubicBezTo>
                    <a:cubicBezTo>
                      <a:pt x="22241" y="2296"/>
                      <a:pt x="22215" y="2331"/>
                      <a:pt x="22187" y="2372"/>
                    </a:cubicBezTo>
                    <a:cubicBezTo>
                      <a:pt x="22132" y="2451"/>
                      <a:pt x="22069" y="2549"/>
                      <a:pt x="22004" y="2625"/>
                    </a:cubicBezTo>
                    <a:cubicBezTo>
                      <a:pt x="22012" y="2616"/>
                      <a:pt x="22019" y="2610"/>
                      <a:pt x="22021" y="2610"/>
                    </a:cubicBezTo>
                    <a:cubicBezTo>
                      <a:pt x="22024" y="2610"/>
                      <a:pt x="22019" y="2620"/>
                      <a:pt x="22002" y="2648"/>
                    </a:cubicBezTo>
                    <a:cubicBezTo>
                      <a:pt x="21963" y="2694"/>
                      <a:pt x="21900" y="2771"/>
                      <a:pt x="21854" y="2826"/>
                    </a:cubicBezTo>
                    <a:cubicBezTo>
                      <a:pt x="21819" y="2866"/>
                      <a:pt x="21792" y="2892"/>
                      <a:pt x="21785" y="2892"/>
                    </a:cubicBezTo>
                    <a:cubicBezTo>
                      <a:pt x="21781" y="2892"/>
                      <a:pt x="21782" y="2888"/>
                      <a:pt x="21787" y="2877"/>
                    </a:cubicBezTo>
                    <a:lnTo>
                      <a:pt x="21787" y="2877"/>
                    </a:lnTo>
                    <a:cubicBezTo>
                      <a:pt x="21722" y="2959"/>
                      <a:pt x="21659" y="3037"/>
                      <a:pt x="21594" y="3116"/>
                    </a:cubicBezTo>
                    <a:lnTo>
                      <a:pt x="21393" y="3350"/>
                    </a:lnTo>
                    <a:cubicBezTo>
                      <a:pt x="21386" y="3348"/>
                      <a:pt x="21448" y="3281"/>
                      <a:pt x="21472" y="3253"/>
                    </a:cubicBezTo>
                    <a:lnTo>
                      <a:pt x="21472" y="3253"/>
                    </a:lnTo>
                    <a:cubicBezTo>
                      <a:pt x="21432" y="3294"/>
                      <a:pt x="21397" y="3338"/>
                      <a:pt x="21358" y="3380"/>
                    </a:cubicBezTo>
                    <a:lnTo>
                      <a:pt x="21242" y="3505"/>
                    </a:lnTo>
                    <a:cubicBezTo>
                      <a:pt x="21233" y="3513"/>
                      <a:pt x="21228" y="3516"/>
                      <a:pt x="21226" y="3516"/>
                    </a:cubicBezTo>
                    <a:cubicBezTo>
                      <a:pt x="21216" y="3516"/>
                      <a:pt x="21314" y="3408"/>
                      <a:pt x="21328" y="3380"/>
                    </a:cubicBezTo>
                    <a:lnTo>
                      <a:pt x="21328" y="3380"/>
                    </a:lnTo>
                    <a:lnTo>
                      <a:pt x="21161" y="3561"/>
                    </a:lnTo>
                    <a:lnTo>
                      <a:pt x="21177" y="3528"/>
                    </a:lnTo>
                    <a:lnTo>
                      <a:pt x="21177" y="3528"/>
                    </a:lnTo>
                    <a:cubicBezTo>
                      <a:pt x="21168" y="3540"/>
                      <a:pt x="21150" y="3563"/>
                      <a:pt x="21124" y="3589"/>
                    </a:cubicBezTo>
                    <a:cubicBezTo>
                      <a:pt x="21101" y="3616"/>
                      <a:pt x="21071" y="3647"/>
                      <a:pt x="21038" y="3679"/>
                    </a:cubicBezTo>
                    <a:cubicBezTo>
                      <a:pt x="20990" y="3730"/>
                      <a:pt x="20936" y="3776"/>
                      <a:pt x="20881" y="3818"/>
                    </a:cubicBezTo>
                    <a:cubicBezTo>
                      <a:pt x="20786" y="3913"/>
                      <a:pt x="20744" y="3966"/>
                      <a:pt x="20693" y="4026"/>
                    </a:cubicBezTo>
                    <a:cubicBezTo>
                      <a:pt x="20640" y="4084"/>
                      <a:pt x="20577" y="4149"/>
                      <a:pt x="20434" y="4265"/>
                    </a:cubicBezTo>
                    <a:cubicBezTo>
                      <a:pt x="20431" y="4242"/>
                      <a:pt x="20584" y="4124"/>
                      <a:pt x="20640" y="4057"/>
                    </a:cubicBezTo>
                    <a:lnTo>
                      <a:pt x="20640" y="4057"/>
                    </a:lnTo>
                    <a:cubicBezTo>
                      <a:pt x="20582" y="4101"/>
                      <a:pt x="20427" y="4253"/>
                      <a:pt x="20390" y="4265"/>
                    </a:cubicBezTo>
                    <a:cubicBezTo>
                      <a:pt x="20195" y="4443"/>
                      <a:pt x="20237" y="4448"/>
                      <a:pt x="20151" y="4545"/>
                    </a:cubicBezTo>
                    <a:cubicBezTo>
                      <a:pt x="20094" y="4591"/>
                      <a:pt x="20072" y="4606"/>
                      <a:pt x="20068" y="4606"/>
                    </a:cubicBezTo>
                    <a:cubicBezTo>
                      <a:pt x="20059" y="4606"/>
                      <a:pt x="20116" y="4550"/>
                      <a:pt x="20112" y="4550"/>
                    </a:cubicBezTo>
                    <a:lnTo>
                      <a:pt x="20112" y="4550"/>
                    </a:lnTo>
                    <a:cubicBezTo>
                      <a:pt x="20112" y="4550"/>
                      <a:pt x="20112" y="4550"/>
                      <a:pt x="20112" y="4550"/>
                    </a:cubicBezTo>
                    <a:cubicBezTo>
                      <a:pt x="20061" y="4587"/>
                      <a:pt x="20001" y="4677"/>
                      <a:pt x="19938" y="4694"/>
                    </a:cubicBezTo>
                    <a:cubicBezTo>
                      <a:pt x="19894" y="4739"/>
                      <a:pt x="19863" y="4775"/>
                      <a:pt x="19875" y="4775"/>
                    </a:cubicBezTo>
                    <a:cubicBezTo>
                      <a:pt x="19882" y="4775"/>
                      <a:pt x="19906" y="4761"/>
                      <a:pt x="19954" y="4726"/>
                    </a:cubicBezTo>
                    <a:lnTo>
                      <a:pt x="19954" y="4726"/>
                    </a:lnTo>
                    <a:cubicBezTo>
                      <a:pt x="19864" y="4798"/>
                      <a:pt x="19736" y="4900"/>
                      <a:pt x="19718" y="4923"/>
                    </a:cubicBezTo>
                    <a:cubicBezTo>
                      <a:pt x="19731" y="4907"/>
                      <a:pt x="19733" y="4901"/>
                      <a:pt x="19729" y="4901"/>
                    </a:cubicBezTo>
                    <a:cubicBezTo>
                      <a:pt x="19713" y="4901"/>
                      <a:pt x="19610" y="4981"/>
                      <a:pt x="19585" y="4981"/>
                    </a:cubicBezTo>
                    <a:cubicBezTo>
                      <a:pt x="19583" y="4981"/>
                      <a:pt x="19582" y="4981"/>
                      <a:pt x="19581" y="4981"/>
                    </a:cubicBezTo>
                    <a:cubicBezTo>
                      <a:pt x="19509" y="5029"/>
                      <a:pt x="19394" y="5106"/>
                      <a:pt x="19280" y="5185"/>
                    </a:cubicBezTo>
                    <a:cubicBezTo>
                      <a:pt x="19178" y="5247"/>
                      <a:pt x="19081" y="5317"/>
                      <a:pt x="18991" y="5393"/>
                    </a:cubicBezTo>
                    <a:cubicBezTo>
                      <a:pt x="19000" y="5377"/>
                      <a:pt x="19007" y="5358"/>
                      <a:pt x="19016" y="5342"/>
                    </a:cubicBezTo>
                    <a:lnTo>
                      <a:pt x="19016" y="5342"/>
                    </a:lnTo>
                    <a:cubicBezTo>
                      <a:pt x="18960" y="5379"/>
                      <a:pt x="18900" y="5414"/>
                      <a:pt x="18845" y="5451"/>
                    </a:cubicBezTo>
                    <a:cubicBezTo>
                      <a:pt x="18824" y="5460"/>
                      <a:pt x="18813" y="5464"/>
                      <a:pt x="18808" y="5464"/>
                    </a:cubicBezTo>
                    <a:cubicBezTo>
                      <a:pt x="18798" y="5464"/>
                      <a:pt x="18829" y="5442"/>
                      <a:pt x="18875" y="5414"/>
                    </a:cubicBezTo>
                    <a:lnTo>
                      <a:pt x="18981" y="5347"/>
                    </a:lnTo>
                    <a:lnTo>
                      <a:pt x="19072" y="5289"/>
                    </a:lnTo>
                    <a:lnTo>
                      <a:pt x="19072" y="5289"/>
                    </a:lnTo>
                    <a:cubicBezTo>
                      <a:pt x="18956" y="5361"/>
                      <a:pt x="18856" y="5416"/>
                      <a:pt x="18761" y="5474"/>
                    </a:cubicBezTo>
                    <a:cubicBezTo>
                      <a:pt x="18666" y="5532"/>
                      <a:pt x="18571" y="5583"/>
                      <a:pt x="18462" y="5643"/>
                    </a:cubicBezTo>
                    <a:cubicBezTo>
                      <a:pt x="18488" y="5633"/>
                      <a:pt x="18499" y="5630"/>
                      <a:pt x="18504" y="5630"/>
                    </a:cubicBezTo>
                    <a:cubicBezTo>
                      <a:pt x="18511" y="5630"/>
                      <a:pt x="18510" y="5634"/>
                      <a:pt x="18517" y="5634"/>
                    </a:cubicBezTo>
                    <a:cubicBezTo>
                      <a:pt x="18520" y="5634"/>
                      <a:pt x="18524" y="5633"/>
                      <a:pt x="18530" y="5632"/>
                    </a:cubicBezTo>
                    <a:lnTo>
                      <a:pt x="18530" y="5632"/>
                    </a:lnTo>
                    <a:cubicBezTo>
                      <a:pt x="18490" y="5660"/>
                      <a:pt x="18449" y="5685"/>
                      <a:pt x="18407" y="5706"/>
                    </a:cubicBezTo>
                    <a:cubicBezTo>
                      <a:pt x="18361" y="5731"/>
                      <a:pt x="18314" y="5752"/>
                      <a:pt x="18277" y="5775"/>
                    </a:cubicBezTo>
                    <a:cubicBezTo>
                      <a:pt x="18275" y="5776"/>
                      <a:pt x="18273" y="5776"/>
                      <a:pt x="18271" y="5776"/>
                    </a:cubicBezTo>
                    <a:cubicBezTo>
                      <a:pt x="18256" y="5776"/>
                      <a:pt x="18267" y="5765"/>
                      <a:pt x="18321" y="5734"/>
                    </a:cubicBezTo>
                    <a:lnTo>
                      <a:pt x="18321" y="5734"/>
                    </a:lnTo>
                    <a:lnTo>
                      <a:pt x="18171" y="5815"/>
                    </a:lnTo>
                    <a:cubicBezTo>
                      <a:pt x="18175" y="5792"/>
                      <a:pt x="18101" y="5831"/>
                      <a:pt x="18245" y="5743"/>
                    </a:cubicBezTo>
                    <a:lnTo>
                      <a:pt x="18245" y="5743"/>
                    </a:lnTo>
                    <a:lnTo>
                      <a:pt x="18108" y="5819"/>
                    </a:lnTo>
                    <a:cubicBezTo>
                      <a:pt x="18065" y="5840"/>
                      <a:pt x="18045" y="5848"/>
                      <a:pt x="18041" y="5848"/>
                    </a:cubicBezTo>
                    <a:cubicBezTo>
                      <a:pt x="18030" y="5848"/>
                      <a:pt x="18118" y="5796"/>
                      <a:pt x="18145" y="5778"/>
                    </a:cubicBezTo>
                    <a:lnTo>
                      <a:pt x="18145" y="5778"/>
                    </a:lnTo>
                    <a:cubicBezTo>
                      <a:pt x="18103" y="5798"/>
                      <a:pt x="18064" y="5819"/>
                      <a:pt x="18022" y="5838"/>
                    </a:cubicBezTo>
                    <a:lnTo>
                      <a:pt x="17897" y="5896"/>
                    </a:lnTo>
                    <a:cubicBezTo>
                      <a:pt x="17814" y="5947"/>
                      <a:pt x="17955" y="5887"/>
                      <a:pt x="17786" y="5972"/>
                    </a:cubicBezTo>
                    <a:cubicBezTo>
                      <a:pt x="17728" y="5995"/>
                      <a:pt x="17663" y="6019"/>
                      <a:pt x="17601" y="6044"/>
                    </a:cubicBezTo>
                    <a:lnTo>
                      <a:pt x="17399" y="6127"/>
                    </a:lnTo>
                    <a:lnTo>
                      <a:pt x="17191" y="6209"/>
                    </a:lnTo>
                    <a:lnTo>
                      <a:pt x="17089" y="6248"/>
                    </a:lnTo>
                    <a:lnTo>
                      <a:pt x="16985" y="6283"/>
                    </a:lnTo>
                    <a:lnTo>
                      <a:pt x="17082" y="6257"/>
                    </a:lnTo>
                    <a:lnTo>
                      <a:pt x="17179" y="6229"/>
                    </a:lnTo>
                    <a:lnTo>
                      <a:pt x="17179" y="6229"/>
                    </a:lnTo>
                    <a:cubicBezTo>
                      <a:pt x="17149" y="6239"/>
                      <a:pt x="17121" y="6253"/>
                      <a:pt x="17093" y="6266"/>
                    </a:cubicBezTo>
                    <a:cubicBezTo>
                      <a:pt x="17080" y="6271"/>
                      <a:pt x="17066" y="6280"/>
                      <a:pt x="17054" y="6290"/>
                    </a:cubicBezTo>
                    <a:cubicBezTo>
                      <a:pt x="17038" y="6303"/>
                      <a:pt x="17038" y="6315"/>
                      <a:pt x="17015" y="6331"/>
                    </a:cubicBezTo>
                    <a:lnTo>
                      <a:pt x="16764" y="6417"/>
                    </a:lnTo>
                    <a:cubicBezTo>
                      <a:pt x="16676" y="6445"/>
                      <a:pt x="16593" y="6470"/>
                      <a:pt x="16528" y="6486"/>
                    </a:cubicBezTo>
                    <a:cubicBezTo>
                      <a:pt x="16610" y="6452"/>
                      <a:pt x="16622" y="6437"/>
                      <a:pt x="16591" y="6437"/>
                    </a:cubicBezTo>
                    <a:cubicBezTo>
                      <a:pt x="16568" y="6437"/>
                      <a:pt x="16522" y="6445"/>
                      <a:pt x="16463" y="6459"/>
                    </a:cubicBezTo>
                    <a:cubicBezTo>
                      <a:pt x="16308" y="6503"/>
                      <a:pt x="16250" y="6526"/>
                      <a:pt x="16211" y="6544"/>
                    </a:cubicBezTo>
                    <a:cubicBezTo>
                      <a:pt x="16165" y="6572"/>
                      <a:pt x="16116" y="6595"/>
                      <a:pt x="16065" y="6609"/>
                    </a:cubicBezTo>
                    <a:cubicBezTo>
                      <a:pt x="16095" y="6593"/>
                      <a:pt x="16099" y="6587"/>
                      <a:pt x="16086" y="6587"/>
                    </a:cubicBezTo>
                    <a:cubicBezTo>
                      <a:pt x="16052" y="6587"/>
                      <a:pt x="15905" y="6630"/>
                      <a:pt x="15873" y="6630"/>
                    </a:cubicBezTo>
                    <a:cubicBezTo>
                      <a:pt x="15867" y="6630"/>
                      <a:pt x="15865" y="6629"/>
                      <a:pt x="15868" y="6625"/>
                    </a:cubicBezTo>
                    <a:lnTo>
                      <a:pt x="15868" y="6625"/>
                    </a:lnTo>
                    <a:cubicBezTo>
                      <a:pt x="15465" y="6730"/>
                      <a:pt x="15055" y="6806"/>
                      <a:pt x="14643" y="6855"/>
                    </a:cubicBezTo>
                    <a:cubicBezTo>
                      <a:pt x="14650" y="6859"/>
                      <a:pt x="14772" y="6852"/>
                      <a:pt x="14701" y="6866"/>
                    </a:cubicBezTo>
                    <a:cubicBezTo>
                      <a:pt x="14619" y="6877"/>
                      <a:pt x="14560" y="6881"/>
                      <a:pt x="14518" y="6881"/>
                    </a:cubicBezTo>
                    <a:cubicBezTo>
                      <a:pt x="14481" y="6881"/>
                      <a:pt x="14458" y="6878"/>
                      <a:pt x="14448" y="6876"/>
                    </a:cubicBezTo>
                    <a:cubicBezTo>
                      <a:pt x="14397" y="6883"/>
                      <a:pt x="14353" y="6887"/>
                      <a:pt x="14311" y="6890"/>
                    </a:cubicBezTo>
                    <a:cubicBezTo>
                      <a:pt x="14272" y="6894"/>
                      <a:pt x="14237" y="6899"/>
                      <a:pt x="14205" y="6903"/>
                    </a:cubicBezTo>
                    <a:cubicBezTo>
                      <a:pt x="14142" y="6910"/>
                      <a:pt x="14098" y="6920"/>
                      <a:pt x="14064" y="6927"/>
                    </a:cubicBezTo>
                    <a:cubicBezTo>
                      <a:pt x="14096" y="6923"/>
                      <a:pt x="14118" y="6922"/>
                      <a:pt x="14131" y="6922"/>
                    </a:cubicBezTo>
                    <a:cubicBezTo>
                      <a:pt x="14155" y="6922"/>
                      <a:pt x="14155" y="6926"/>
                      <a:pt x="14145" y="6934"/>
                    </a:cubicBezTo>
                    <a:cubicBezTo>
                      <a:pt x="14102" y="6937"/>
                      <a:pt x="14060" y="6939"/>
                      <a:pt x="14017" y="6939"/>
                    </a:cubicBezTo>
                    <a:cubicBezTo>
                      <a:pt x="14002" y="6939"/>
                      <a:pt x="13986" y="6939"/>
                      <a:pt x="13971" y="6938"/>
                    </a:cubicBezTo>
                    <a:cubicBezTo>
                      <a:pt x="13961" y="6938"/>
                      <a:pt x="13951" y="6938"/>
                      <a:pt x="13941" y="6938"/>
                    </a:cubicBezTo>
                    <a:cubicBezTo>
                      <a:pt x="13896" y="6938"/>
                      <a:pt x="13850" y="6942"/>
                      <a:pt x="13806" y="6947"/>
                    </a:cubicBezTo>
                    <a:cubicBezTo>
                      <a:pt x="13781" y="6938"/>
                      <a:pt x="13834" y="6934"/>
                      <a:pt x="13890" y="6931"/>
                    </a:cubicBezTo>
                    <a:cubicBezTo>
                      <a:pt x="13948" y="6927"/>
                      <a:pt x="14008" y="6920"/>
                      <a:pt x="13999" y="6910"/>
                    </a:cubicBezTo>
                    <a:lnTo>
                      <a:pt x="13999" y="6910"/>
                    </a:lnTo>
                    <a:lnTo>
                      <a:pt x="13876" y="6917"/>
                    </a:lnTo>
                    <a:cubicBezTo>
                      <a:pt x="13839" y="6917"/>
                      <a:pt x="13804" y="6920"/>
                      <a:pt x="13772" y="6922"/>
                    </a:cubicBezTo>
                    <a:cubicBezTo>
                      <a:pt x="13704" y="6927"/>
                      <a:pt x="13644" y="6931"/>
                      <a:pt x="13579" y="6938"/>
                    </a:cubicBezTo>
                    <a:cubicBezTo>
                      <a:pt x="13549" y="6927"/>
                      <a:pt x="13700" y="6934"/>
                      <a:pt x="13600" y="6924"/>
                    </a:cubicBezTo>
                    <a:lnTo>
                      <a:pt x="13600" y="6924"/>
                    </a:lnTo>
                    <a:lnTo>
                      <a:pt x="13385" y="6934"/>
                    </a:lnTo>
                    <a:lnTo>
                      <a:pt x="12866" y="6934"/>
                    </a:lnTo>
                    <a:lnTo>
                      <a:pt x="12783" y="6931"/>
                    </a:lnTo>
                    <a:lnTo>
                      <a:pt x="12727" y="6910"/>
                    </a:lnTo>
                    <a:cubicBezTo>
                      <a:pt x="12651" y="6905"/>
                      <a:pt x="12573" y="6901"/>
                      <a:pt x="12495" y="6901"/>
                    </a:cubicBezTo>
                    <a:cubicBezTo>
                      <a:pt x="12478" y="6901"/>
                      <a:pt x="12461" y="6901"/>
                      <a:pt x="12444" y="6901"/>
                    </a:cubicBezTo>
                    <a:cubicBezTo>
                      <a:pt x="12395" y="6893"/>
                      <a:pt x="12407" y="6891"/>
                      <a:pt x="12442" y="6891"/>
                    </a:cubicBezTo>
                    <a:cubicBezTo>
                      <a:pt x="12458" y="6891"/>
                      <a:pt x="12478" y="6891"/>
                      <a:pt x="12500" y="6892"/>
                    </a:cubicBezTo>
                    <a:lnTo>
                      <a:pt x="12361" y="6883"/>
                    </a:lnTo>
                    <a:lnTo>
                      <a:pt x="12222" y="6871"/>
                    </a:lnTo>
                    <a:cubicBezTo>
                      <a:pt x="12132" y="6864"/>
                      <a:pt x="12053" y="6857"/>
                      <a:pt x="12002" y="6852"/>
                    </a:cubicBezTo>
                    <a:cubicBezTo>
                      <a:pt x="12004" y="6851"/>
                      <a:pt x="12009" y="6851"/>
                      <a:pt x="12014" y="6851"/>
                    </a:cubicBezTo>
                    <a:cubicBezTo>
                      <a:pt x="12040" y="6851"/>
                      <a:pt x="12090" y="6860"/>
                      <a:pt x="12121" y="6860"/>
                    </a:cubicBezTo>
                    <a:cubicBezTo>
                      <a:pt x="12126" y="6860"/>
                      <a:pt x="12130" y="6860"/>
                      <a:pt x="12134" y="6859"/>
                    </a:cubicBezTo>
                    <a:cubicBezTo>
                      <a:pt x="12078" y="6850"/>
                      <a:pt x="12018" y="6846"/>
                      <a:pt x="11960" y="6841"/>
                    </a:cubicBezTo>
                    <a:lnTo>
                      <a:pt x="11870" y="6834"/>
                    </a:lnTo>
                    <a:lnTo>
                      <a:pt x="11779" y="6822"/>
                    </a:lnTo>
                    <a:cubicBezTo>
                      <a:pt x="11680" y="6813"/>
                      <a:pt x="11583" y="6797"/>
                      <a:pt x="11485" y="6774"/>
                    </a:cubicBezTo>
                    <a:cubicBezTo>
                      <a:pt x="11506" y="6774"/>
                      <a:pt x="11527" y="6776"/>
                      <a:pt x="11548" y="6778"/>
                    </a:cubicBezTo>
                    <a:cubicBezTo>
                      <a:pt x="11383" y="6755"/>
                      <a:pt x="11230" y="6725"/>
                      <a:pt x="11073" y="6697"/>
                    </a:cubicBezTo>
                    <a:cubicBezTo>
                      <a:pt x="10994" y="6681"/>
                      <a:pt x="10915" y="6669"/>
                      <a:pt x="10834" y="6651"/>
                    </a:cubicBezTo>
                    <a:lnTo>
                      <a:pt x="10582" y="6593"/>
                    </a:lnTo>
                    <a:cubicBezTo>
                      <a:pt x="10443" y="6551"/>
                      <a:pt x="10404" y="6545"/>
                      <a:pt x="10378" y="6545"/>
                    </a:cubicBezTo>
                    <a:cubicBezTo>
                      <a:pt x="10369" y="6545"/>
                      <a:pt x="10361" y="6546"/>
                      <a:pt x="10351" y="6546"/>
                    </a:cubicBezTo>
                    <a:cubicBezTo>
                      <a:pt x="10326" y="6546"/>
                      <a:pt x="10284" y="6541"/>
                      <a:pt x="10156" y="6505"/>
                    </a:cubicBezTo>
                    <a:cubicBezTo>
                      <a:pt x="10160" y="6484"/>
                      <a:pt x="10054" y="6454"/>
                      <a:pt x="9931" y="6424"/>
                    </a:cubicBezTo>
                    <a:cubicBezTo>
                      <a:pt x="9806" y="6392"/>
                      <a:pt x="9667" y="6352"/>
                      <a:pt x="9602" y="6327"/>
                    </a:cubicBezTo>
                    <a:lnTo>
                      <a:pt x="9602" y="6327"/>
                    </a:lnTo>
                    <a:lnTo>
                      <a:pt x="9641" y="6347"/>
                    </a:lnTo>
                    <a:cubicBezTo>
                      <a:pt x="9556" y="6327"/>
                      <a:pt x="9470" y="6303"/>
                      <a:pt x="9387" y="6271"/>
                    </a:cubicBezTo>
                    <a:cubicBezTo>
                      <a:pt x="9303" y="6239"/>
                      <a:pt x="9227" y="6204"/>
                      <a:pt x="9176" y="6178"/>
                    </a:cubicBezTo>
                    <a:cubicBezTo>
                      <a:pt x="8946" y="6097"/>
                      <a:pt x="8608" y="5961"/>
                      <a:pt x="8374" y="5884"/>
                    </a:cubicBezTo>
                    <a:lnTo>
                      <a:pt x="8374" y="5884"/>
                    </a:lnTo>
                    <a:lnTo>
                      <a:pt x="8423" y="5896"/>
                    </a:lnTo>
                    <a:cubicBezTo>
                      <a:pt x="8233" y="5824"/>
                      <a:pt x="8124" y="5764"/>
                      <a:pt x="7934" y="5692"/>
                    </a:cubicBezTo>
                    <a:lnTo>
                      <a:pt x="7934" y="5692"/>
                    </a:lnTo>
                    <a:cubicBezTo>
                      <a:pt x="7938" y="5692"/>
                      <a:pt x="7965" y="5702"/>
                      <a:pt x="7971" y="5702"/>
                    </a:cubicBezTo>
                    <a:cubicBezTo>
                      <a:pt x="7974" y="5702"/>
                      <a:pt x="7969" y="5698"/>
                      <a:pt x="7941" y="5683"/>
                    </a:cubicBezTo>
                    <a:cubicBezTo>
                      <a:pt x="7723" y="5576"/>
                      <a:pt x="7503" y="5474"/>
                      <a:pt x="7286" y="5361"/>
                    </a:cubicBezTo>
                    <a:lnTo>
                      <a:pt x="7121" y="5277"/>
                    </a:lnTo>
                    <a:cubicBezTo>
                      <a:pt x="7096" y="5263"/>
                      <a:pt x="7068" y="5249"/>
                      <a:pt x="7040" y="5236"/>
                    </a:cubicBezTo>
                    <a:lnTo>
                      <a:pt x="6954" y="5192"/>
                    </a:lnTo>
                    <a:lnTo>
                      <a:pt x="6630" y="5018"/>
                    </a:lnTo>
                    <a:cubicBezTo>
                      <a:pt x="6523" y="4960"/>
                      <a:pt x="6417" y="4895"/>
                      <a:pt x="6313" y="4835"/>
                    </a:cubicBezTo>
                    <a:lnTo>
                      <a:pt x="6153" y="4742"/>
                    </a:lnTo>
                    <a:lnTo>
                      <a:pt x="5995" y="4647"/>
                    </a:lnTo>
                    <a:cubicBezTo>
                      <a:pt x="5893" y="4582"/>
                      <a:pt x="5787" y="4520"/>
                      <a:pt x="5685" y="4453"/>
                    </a:cubicBezTo>
                    <a:lnTo>
                      <a:pt x="5381" y="4251"/>
                    </a:lnTo>
                    <a:cubicBezTo>
                      <a:pt x="4550" y="3684"/>
                      <a:pt x="3753" y="3070"/>
                      <a:pt x="2991" y="2414"/>
                    </a:cubicBezTo>
                    <a:cubicBezTo>
                      <a:pt x="2595" y="2074"/>
                      <a:pt x="2208" y="1729"/>
                      <a:pt x="1837" y="1386"/>
                    </a:cubicBezTo>
                    <a:cubicBezTo>
                      <a:pt x="1467" y="1043"/>
                      <a:pt x="1110" y="707"/>
                      <a:pt x="779" y="390"/>
                    </a:cubicBezTo>
                    <a:lnTo>
                      <a:pt x="663" y="315"/>
                    </a:lnTo>
                    <a:cubicBezTo>
                      <a:pt x="593" y="271"/>
                      <a:pt x="501" y="214"/>
                      <a:pt x="410" y="160"/>
                    </a:cubicBezTo>
                    <a:cubicBezTo>
                      <a:pt x="277" y="82"/>
                      <a:pt x="145" y="14"/>
                      <a:pt x="95" y="14"/>
                    </a:cubicBezTo>
                    <a:cubicBezTo>
                      <a:pt x="78" y="14"/>
                      <a:pt x="70" y="22"/>
                      <a:pt x="74" y="40"/>
                    </a:cubicBezTo>
                    <a:cubicBezTo>
                      <a:pt x="82" y="49"/>
                      <a:pt x="83" y="52"/>
                      <a:pt x="81" y="52"/>
                    </a:cubicBezTo>
                    <a:cubicBezTo>
                      <a:pt x="73" y="52"/>
                      <a:pt x="12" y="0"/>
                      <a:pt x="4"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9" name="Google Shape;189;p11"/>
              <p:cNvSpPr/>
              <p:nvPr/>
            </p:nvSpPr>
            <p:spPr>
              <a:xfrm rot="10800000">
                <a:off x="3642955" y="5023573"/>
                <a:ext cx="996643" cy="251259"/>
              </a:xfrm>
              <a:custGeom>
                <a:avLst/>
                <a:gdLst/>
                <a:ahLst/>
                <a:cxnLst/>
                <a:rect l="l" t="t" r="r" b="b"/>
                <a:pathLst>
                  <a:path w="16029" h="4041" extrusionOk="0">
                    <a:moveTo>
                      <a:pt x="406" y="321"/>
                    </a:moveTo>
                    <a:cubicBezTo>
                      <a:pt x="419" y="328"/>
                      <a:pt x="430" y="333"/>
                      <a:pt x="437" y="337"/>
                    </a:cubicBezTo>
                    <a:lnTo>
                      <a:pt x="437" y="337"/>
                    </a:lnTo>
                    <a:cubicBezTo>
                      <a:pt x="429" y="332"/>
                      <a:pt x="419" y="327"/>
                      <a:pt x="406" y="321"/>
                    </a:cubicBezTo>
                    <a:close/>
                    <a:moveTo>
                      <a:pt x="878" y="480"/>
                    </a:moveTo>
                    <a:lnTo>
                      <a:pt x="895" y="492"/>
                    </a:lnTo>
                    <a:cubicBezTo>
                      <a:pt x="889" y="487"/>
                      <a:pt x="883" y="484"/>
                      <a:pt x="878" y="480"/>
                    </a:cubicBezTo>
                    <a:close/>
                    <a:moveTo>
                      <a:pt x="15840" y="904"/>
                    </a:moveTo>
                    <a:lnTo>
                      <a:pt x="15840" y="904"/>
                    </a:lnTo>
                    <a:cubicBezTo>
                      <a:pt x="15838" y="906"/>
                      <a:pt x="15836" y="909"/>
                      <a:pt x="15834" y="911"/>
                    </a:cubicBezTo>
                    <a:cubicBezTo>
                      <a:pt x="15836" y="909"/>
                      <a:pt x="15838" y="906"/>
                      <a:pt x="15840" y="904"/>
                    </a:cubicBezTo>
                    <a:close/>
                    <a:moveTo>
                      <a:pt x="15479" y="1252"/>
                    </a:moveTo>
                    <a:cubicBezTo>
                      <a:pt x="15479" y="1253"/>
                      <a:pt x="15478" y="1254"/>
                      <a:pt x="15477" y="1256"/>
                    </a:cubicBezTo>
                    <a:lnTo>
                      <a:pt x="15477" y="1256"/>
                    </a:lnTo>
                    <a:cubicBezTo>
                      <a:pt x="15477" y="1255"/>
                      <a:pt x="15478" y="1253"/>
                      <a:pt x="15479" y="1252"/>
                    </a:cubicBezTo>
                    <a:close/>
                    <a:moveTo>
                      <a:pt x="15118" y="1715"/>
                    </a:moveTo>
                    <a:cubicBezTo>
                      <a:pt x="15119" y="1716"/>
                      <a:pt x="15120" y="1717"/>
                      <a:pt x="15121" y="1718"/>
                    </a:cubicBezTo>
                    <a:lnTo>
                      <a:pt x="15121" y="1718"/>
                    </a:lnTo>
                    <a:lnTo>
                      <a:pt x="15118" y="1715"/>
                    </a:lnTo>
                    <a:close/>
                    <a:moveTo>
                      <a:pt x="14590" y="2255"/>
                    </a:moveTo>
                    <a:cubicBezTo>
                      <a:pt x="14590" y="2255"/>
                      <a:pt x="14590" y="2255"/>
                      <a:pt x="14590" y="2256"/>
                    </a:cubicBezTo>
                    <a:lnTo>
                      <a:pt x="14590" y="2256"/>
                    </a:lnTo>
                    <a:cubicBezTo>
                      <a:pt x="14590" y="2255"/>
                      <a:pt x="14590" y="2255"/>
                      <a:pt x="14590" y="2255"/>
                    </a:cubicBezTo>
                    <a:close/>
                    <a:moveTo>
                      <a:pt x="3822" y="2251"/>
                    </a:moveTo>
                    <a:cubicBezTo>
                      <a:pt x="3827" y="2253"/>
                      <a:pt x="3832" y="2256"/>
                      <a:pt x="3837" y="2260"/>
                    </a:cubicBezTo>
                    <a:cubicBezTo>
                      <a:pt x="3832" y="2256"/>
                      <a:pt x="3827" y="2253"/>
                      <a:pt x="3822" y="2251"/>
                    </a:cubicBezTo>
                    <a:close/>
                    <a:moveTo>
                      <a:pt x="5169" y="3038"/>
                    </a:moveTo>
                    <a:cubicBezTo>
                      <a:pt x="5172" y="3040"/>
                      <a:pt x="5175" y="3041"/>
                      <a:pt x="5177" y="3041"/>
                    </a:cubicBezTo>
                    <a:lnTo>
                      <a:pt x="5177" y="3041"/>
                    </a:lnTo>
                    <a:cubicBezTo>
                      <a:pt x="5174" y="3040"/>
                      <a:pt x="5172" y="3039"/>
                      <a:pt x="5169" y="3038"/>
                    </a:cubicBezTo>
                    <a:close/>
                    <a:moveTo>
                      <a:pt x="5185" y="3038"/>
                    </a:moveTo>
                    <a:cubicBezTo>
                      <a:pt x="5181" y="3038"/>
                      <a:pt x="5185" y="3042"/>
                      <a:pt x="5181" y="3042"/>
                    </a:cubicBezTo>
                    <a:cubicBezTo>
                      <a:pt x="5180" y="3042"/>
                      <a:pt x="5179" y="3042"/>
                      <a:pt x="5177" y="3041"/>
                    </a:cubicBezTo>
                    <a:lnTo>
                      <a:pt x="5177" y="3041"/>
                    </a:lnTo>
                    <a:cubicBezTo>
                      <a:pt x="5199" y="3049"/>
                      <a:pt x="5221" y="3057"/>
                      <a:pt x="5226" y="3057"/>
                    </a:cubicBezTo>
                    <a:cubicBezTo>
                      <a:pt x="5227" y="3057"/>
                      <a:pt x="5227" y="3057"/>
                      <a:pt x="5227" y="3056"/>
                    </a:cubicBezTo>
                    <a:cubicBezTo>
                      <a:pt x="5198" y="3042"/>
                      <a:pt x="5188" y="3038"/>
                      <a:pt x="5185" y="3038"/>
                    </a:cubicBezTo>
                    <a:close/>
                    <a:moveTo>
                      <a:pt x="13281" y="3107"/>
                    </a:moveTo>
                    <a:cubicBezTo>
                      <a:pt x="13279" y="3107"/>
                      <a:pt x="13273" y="3111"/>
                      <a:pt x="13258" y="3119"/>
                    </a:cubicBezTo>
                    <a:lnTo>
                      <a:pt x="13272" y="3116"/>
                    </a:lnTo>
                    <a:lnTo>
                      <a:pt x="13272" y="3116"/>
                    </a:lnTo>
                    <a:cubicBezTo>
                      <a:pt x="13265" y="3123"/>
                      <a:pt x="13254" y="3132"/>
                      <a:pt x="13249" y="3140"/>
                    </a:cubicBezTo>
                    <a:lnTo>
                      <a:pt x="13249" y="3140"/>
                    </a:lnTo>
                    <a:lnTo>
                      <a:pt x="13283" y="3114"/>
                    </a:lnTo>
                    <a:lnTo>
                      <a:pt x="13272" y="3116"/>
                    </a:lnTo>
                    <a:lnTo>
                      <a:pt x="13272" y="3116"/>
                    </a:lnTo>
                    <a:cubicBezTo>
                      <a:pt x="13278" y="3111"/>
                      <a:pt x="13282" y="3107"/>
                      <a:pt x="13281" y="3107"/>
                    </a:cubicBezTo>
                    <a:close/>
                    <a:moveTo>
                      <a:pt x="10184" y="3723"/>
                    </a:moveTo>
                    <a:cubicBezTo>
                      <a:pt x="10179" y="3725"/>
                      <a:pt x="10174" y="3726"/>
                      <a:pt x="10170" y="3727"/>
                    </a:cubicBezTo>
                    <a:lnTo>
                      <a:pt x="10170" y="3727"/>
                    </a:lnTo>
                    <a:cubicBezTo>
                      <a:pt x="10177" y="3726"/>
                      <a:pt x="10182" y="3724"/>
                      <a:pt x="10184" y="3723"/>
                    </a:cubicBezTo>
                    <a:close/>
                    <a:moveTo>
                      <a:pt x="7647" y="3749"/>
                    </a:moveTo>
                    <a:cubicBezTo>
                      <a:pt x="7648" y="3749"/>
                      <a:pt x="7649" y="3749"/>
                      <a:pt x="7650" y="3749"/>
                    </a:cubicBezTo>
                    <a:lnTo>
                      <a:pt x="7650" y="3749"/>
                    </a:lnTo>
                    <a:lnTo>
                      <a:pt x="7647" y="3749"/>
                    </a:lnTo>
                    <a:close/>
                    <a:moveTo>
                      <a:pt x="100" y="1"/>
                    </a:moveTo>
                    <a:lnTo>
                      <a:pt x="100" y="1"/>
                    </a:lnTo>
                    <a:cubicBezTo>
                      <a:pt x="147" y="45"/>
                      <a:pt x="200" y="82"/>
                      <a:pt x="253" y="117"/>
                    </a:cubicBezTo>
                    <a:cubicBezTo>
                      <a:pt x="251" y="117"/>
                      <a:pt x="249" y="117"/>
                      <a:pt x="246" y="117"/>
                    </a:cubicBezTo>
                    <a:cubicBezTo>
                      <a:pt x="222" y="117"/>
                      <a:pt x="204" y="112"/>
                      <a:pt x="194" y="112"/>
                    </a:cubicBezTo>
                    <a:cubicBezTo>
                      <a:pt x="184" y="112"/>
                      <a:pt x="183" y="117"/>
                      <a:pt x="195" y="140"/>
                    </a:cubicBezTo>
                    <a:lnTo>
                      <a:pt x="295" y="207"/>
                    </a:lnTo>
                    <a:lnTo>
                      <a:pt x="281" y="230"/>
                    </a:lnTo>
                    <a:cubicBezTo>
                      <a:pt x="256" y="214"/>
                      <a:pt x="230" y="198"/>
                      <a:pt x="205" y="177"/>
                    </a:cubicBezTo>
                    <a:cubicBezTo>
                      <a:pt x="204" y="177"/>
                      <a:pt x="203" y="177"/>
                      <a:pt x="202" y="177"/>
                    </a:cubicBezTo>
                    <a:cubicBezTo>
                      <a:pt x="175" y="177"/>
                      <a:pt x="66" y="84"/>
                      <a:pt x="45" y="84"/>
                    </a:cubicBezTo>
                    <a:cubicBezTo>
                      <a:pt x="44" y="84"/>
                      <a:pt x="43" y="84"/>
                      <a:pt x="43" y="84"/>
                    </a:cubicBezTo>
                    <a:lnTo>
                      <a:pt x="128" y="138"/>
                    </a:lnTo>
                    <a:cubicBezTo>
                      <a:pt x="136" y="146"/>
                      <a:pt x="137" y="150"/>
                      <a:pt x="134" y="150"/>
                    </a:cubicBezTo>
                    <a:cubicBezTo>
                      <a:pt x="121" y="150"/>
                      <a:pt x="50" y="105"/>
                      <a:pt x="1" y="77"/>
                    </a:cubicBezTo>
                    <a:lnTo>
                      <a:pt x="1" y="77"/>
                    </a:lnTo>
                    <a:cubicBezTo>
                      <a:pt x="47" y="128"/>
                      <a:pt x="186" y="196"/>
                      <a:pt x="307" y="272"/>
                    </a:cubicBezTo>
                    <a:cubicBezTo>
                      <a:pt x="306" y="270"/>
                      <a:pt x="307" y="270"/>
                      <a:pt x="310" y="270"/>
                    </a:cubicBezTo>
                    <a:cubicBezTo>
                      <a:pt x="320" y="270"/>
                      <a:pt x="350" y="280"/>
                      <a:pt x="362" y="280"/>
                    </a:cubicBezTo>
                    <a:cubicBezTo>
                      <a:pt x="372" y="280"/>
                      <a:pt x="367" y="272"/>
                      <a:pt x="318" y="240"/>
                    </a:cubicBezTo>
                    <a:cubicBezTo>
                      <a:pt x="319" y="239"/>
                      <a:pt x="320" y="238"/>
                      <a:pt x="322" y="238"/>
                    </a:cubicBezTo>
                    <a:cubicBezTo>
                      <a:pt x="339" y="238"/>
                      <a:pt x="404" y="275"/>
                      <a:pt x="446" y="300"/>
                    </a:cubicBezTo>
                    <a:cubicBezTo>
                      <a:pt x="444" y="299"/>
                      <a:pt x="443" y="299"/>
                      <a:pt x="443" y="299"/>
                    </a:cubicBezTo>
                    <a:cubicBezTo>
                      <a:pt x="431" y="299"/>
                      <a:pt x="475" y="343"/>
                      <a:pt x="457" y="343"/>
                    </a:cubicBezTo>
                    <a:cubicBezTo>
                      <a:pt x="453" y="343"/>
                      <a:pt x="447" y="342"/>
                      <a:pt x="437" y="337"/>
                    </a:cubicBezTo>
                    <a:lnTo>
                      <a:pt x="437" y="337"/>
                    </a:lnTo>
                    <a:cubicBezTo>
                      <a:pt x="505" y="374"/>
                      <a:pt x="466" y="359"/>
                      <a:pt x="571" y="420"/>
                    </a:cubicBezTo>
                    <a:cubicBezTo>
                      <a:pt x="570" y="420"/>
                      <a:pt x="570" y="420"/>
                      <a:pt x="570" y="420"/>
                    </a:cubicBezTo>
                    <a:cubicBezTo>
                      <a:pt x="557" y="420"/>
                      <a:pt x="774" y="550"/>
                      <a:pt x="744" y="562"/>
                    </a:cubicBezTo>
                    <a:cubicBezTo>
                      <a:pt x="752" y="564"/>
                      <a:pt x="757" y="565"/>
                      <a:pt x="762" y="565"/>
                    </a:cubicBezTo>
                    <a:cubicBezTo>
                      <a:pt x="769" y="565"/>
                      <a:pt x="774" y="563"/>
                      <a:pt x="783" y="563"/>
                    </a:cubicBezTo>
                    <a:cubicBezTo>
                      <a:pt x="798" y="563"/>
                      <a:pt x="825" y="571"/>
                      <a:pt x="897" y="617"/>
                    </a:cubicBezTo>
                    <a:cubicBezTo>
                      <a:pt x="879" y="587"/>
                      <a:pt x="778" y="518"/>
                      <a:pt x="798" y="518"/>
                    </a:cubicBezTo>
                    <a:cubicBezTo>
                      <a:pt x="802" y="518"/>
                      <a:pt x="814" y="522"/>
                      <a:pt x="835" y="531"/>
                    </a:cubicBezTo>
                    <a:lnTo>
                      <a:pt x="765" y="499"/>
                    </a:lnTo>
                    <a:cubicBezTo>
                      <a:pt x="675" y="432"/>
                      <a:pt x="799" y="501"/>
                      <a:pt x="683" y="417"/>
                    </a:cubicBezTo>
                    <a:lnTo>
                      <a:pt x="683" y="417"/>
                    </a:lnTo>
                    <a:cubicBezTo>
                      <a:pt x="719" y="442"/>
                      <a:pt x="796" y="481"/>
                      <a:pt x="805" y="499"/>
                    </a:cubicBezTo>
                    <a:cubicBezTo>
                      <a:pt x="803" y="492"/>
                      <a:pt x="806" y="489"/>
                      <a:pt x="811" y="489"/>
                    </a:cubicBezTo>
                    <a:cubicBezTo>
                      <a:pt x="844" y="489"/>
                      <a:pt x="980" y="586"/>
                      <a:pt x="1009" y="586"/>
                    </a:cubicBezTo>
                    <a:cubicBezTo>
                      <a:pt x="1011" y="586"/>
                      <a:pt x="1012" y="586"/>
                      <a:pt x="1013" y="585"/>
                    </a:cubicBezTo>
                    <a:cubicBezTo>
                      <a:pt x="1034" y="610"/>
                      <a:pt x="1071" y="633"/>
                      <a:pt x="1138" y="675"/>
                    </a:cubicBezTo>
                    <a:cubicBezTo>
                      <a:pt x="1129" y="677"/>
                      <a:pt x="1141" y="691"/>
                      <a:pt x="1132" y="691"/>
                    </a:cubicBezTo>
                    <a:cubicBezTo>
                      <a:pt x="1127" y="691"/>
                      <a:pt x="1119" y="688"/>
                      <a:pt x="1101" y="680"/>
                    </a:cubicBezTo>
                    <a:cubicBezTo>
                      <a:pt x="1059" y="654"/>
                      <a:pt x="1020" y="626"/>
                      <a:pt x="983" y="596"/>
                    </a:cubicBezTo>
                    <a:lnTo>
                      <a:pt x="983" y="596"/>
                    </a:lnTo>
                    <a:cubicBezTo>
                      <a:pt x="990" y="643"/>
                      <a:pt x="1150" y="717"/>
                      <a:pt x="1256" y="796"/>
                    </a:cubicBezTo>
                    <a:cubicBezTo>
                      <a:pt x="1248" y="789"/>
                      <a:pt x="1244" y="784"/>
                      <a:pt x="1248" y="784"/>
                    </a:cubicBezTo>
                    <a:cubicBezTo>
                      <a:pt x="1251" y="784"/>
                      <a:pt x="1259" y="786"/>
                      <a:pt x="1273" y="793"/>
                    </a:cubicBezTo>
                    <a:cubicBezTo>
                      <a:pt x="1333" y="839"/>
                      <a:pt x="1467" y="931"/>
                      <a:pt x="1440" y="931"/>
                    </a:cubicBezTo>
                    <a:cubicBezTo>
                      <a:pt x="1438" y="931"/>
                      <a:pt x="1436" y="931"/>
                      <a:pt x="1432" y="930"/>
                    </a:cubicBezTo>
                    <a:lnTo>
                      <a:pt x="1432" y="930"/>
                    </a:lnTo>
                    <a:lnTo>
                      <a:pt x="1778" y="1148"/>
                    </a:lnTo>
                    <a:cubicBezTo>
                      <a:pt x="1777" y="1148"/>
                      <a:pt x="1777" y="1148"/>
                      <a:pt x="1776" y="1148"/>
                    </a:cubicBezTo>
                    <a:cubicBezTo>
                      <a:pt x="1765" y="1148"/>
                      <a:pt x="1725" y="1117"/>
                      <a:pt x="1703" y="1108"/>
                    </a:cubicBezTo>
                    <a:lnTo>
                      <a:pt x="1703" y="1108"/>
                    </a:lnTo>
                    <a:lnTo>
                      <a:pt x="1893" y="1231"/>
                    </a:lnTo>
                    <a:cubicBezTo>
                      <a:pt x="1902" y="1239"/>
                      <a:pt x="1903" y="1243"/>
                      <a:pt x="1901" y="1243"/>
                    </a:cubicBezTo>
                    <a:cubicBezTo>
                      <a:pt x="1890" y="1243"/>
                      <a:pt x="1818" y="1198"/>
                      <a:pt x="1798" y="1196"/>
                    </a:cubicBezTo>
                    <a:lnTo>
                      <a:pt x="1798" y="1196"/>
                    </a:lnTo>
                    <a:lnTo>
                      <a:pt x="1935" y="1284"/>
                    </a:lnTo>
                    <a:lnTo>
                      <a:pt x="1912" y="1282"/>
                    </a:lnTo>
                    <a:lnTo>
                      <a:pt x="1912" y="1282"/>
                    </a:lnTo>
                    <a:cubicBezTo>
                      <a:pt x="1949" y="1296"/>
                      <a:pt x="2109" y="1398"/>
                      <a:pt x="2137" y="1437"/>
                    </a:cubicBezTo>
                    <a:cubicBezTo>
                      <a:pt x="2292" y="1530"/>
                      <a:pt x="2308" y="1497"/>
                      <a:pt x="2505" y="1643"/>
                    </a:cubicBezTo>
                    <a:cubicBezTo>
                      <a:pt x="2504" y="1644"/>
                      <a:pt x="2503" y="1644"/>
                      <a:pt x="2501" y="1644"/>
                    </a:cubicBezTo>
                    <a:cubicBezTo>
                      <a:pt x="2475" y="1644"/>
                      <a:pt x="2382" y="1573"/>
                      <a:pt x="2331" y="1553"/>
                    </a:cubicBezTo>
                    <a:lnTo>
                      <a:pt x="2331" y="1553"/>
                    </a:lnTo>
                    <a:cubicBezTo>
                      <a:pt x="2366" y="1583"/>
                      <a:pt x="2496" y="1650"/>
                      <a:pt x="2507" y="1678"/>
                    </a:cubicBezTo>
                    <a:cubicBezTo>
                      <a:pt x="2658" y="1766"/>
                      <a:pt x="2660" y="1727"/>
                      <a:pt x="2739" y="1759"/>
                    </a:cubicBezTo>
                    <a:cubicBezTo>
                      <a:pt x="2790" y="1791"/>
                      <a:pt x="2800" y="1800"/>
                      <a:pt x="2794" y="1800"/>
                    </a:cubicBezTo>
                    <a:cubicBezTo>
                      <a:pt x="2786" y="1800"/>
                      <a:pt x="2755" y="1786"/>
                      <a:pt x="2749" y="1786"/>
                    </a:cubicBezTo>
                    <a:cubicBezTo>
                      <a:pt x="2748" y="1786"/>
                      <a:pt x="2748" y="1787"/>
                      <a:pt x="2748" y="1787"/>
                    </a:cubicBezTo>
                    <a:cubicBezTo>
                      <a:pt x="2783" y="1812"/>
                      <a:pt x="2857" y="1822"/>
                      <a:pt x="2878" y="1863"/>
                    </a:cubicBezTo>
                    <a:cubicBezTo>
                      <a:pt x="2906" y="1875"/>
                      <a:pt x="2930" y="1882"/>
                      <a:pt x="2940" y="1882"/>
                    </a:cubicBezTo>
                    <a:cubicBezTo>
                      <a:pt x="2954" y="1882"/>
                      <a:pt x="2947" y="1870"/>
                      <a:pt x="2901" y="1836"/>
                    </a:cubicBezTo>
                    <a:lnTo>
                      <a:pt x="2901" y="1836"/>
                    </a:lnTo>
                    <a:cubicBezTo>
                      <a:pt x="2957" y="1875"/>
                      <a:pt x="3017" y="1905"/>
                      <a:pt x="3079" y="1933"/>
                    </a:cubicBezTo>
                    <a:cubicBezTo>
                      <a:pt x="3074" y="1932"/>
                      <a:pt x="3070" y="1932"/>
                      <a:pt x="3067" y="1932"/>
                    </a:cubicBezTo>
                    <a:cubicBezTo>
                      <a:pt x="3032" y="1932"/>
                      <a:pt x="3146" y="1990"/>
                      <a:pt x="3142" y="2012"/>
                    </a:cubicBezTo>
                    <a:cubicBezTo>
                      <a:pt x="3235" y="2077"/>
                      <a:pt x="3445" y="2220"/>
                      <a:pt x="3552" y="2255"/>
                    </a:cubicBezTo>
                    <a:lnTo>
                      <a:pt x="3508" y="2262"/>
                    </a:lnTo>
                    <a:lnTo>
                      <a:pt x="3624" y="2331"/>
                    </a:lnTo>
                    <a:cubicBezTo>
                      <a:pt x="3641" y="2347"/>
                      <a:pt x="3645" y="2353"/>
                      <a:pt x="3640" y="2353"/>
                    </a:cubicBezTo>
                    <a:cubicBezTo>
                      <a:pt x="3625" y="2353"/>
                      <a:pt x="3502" y="2275"/>
                      <a:pt x="3457" y="2248"/>
                    </a:cubicBezTo>
                    <a:lnTo>
                      <a:pt x="3457" y="2248"/>
                    </a:lnTo>
                    <a:cubicBezTo>
                      <a:pt x="3608" y="2350"/>
                      <a:pt x="3712" y="2415"/>
                      <a:pt x="3851" y="2503"/>
                    </a:cubicBezTo>
                    <a:cubicBezTo>
                      <a:pt x="3814" y="2470"/>
                      <a:pt x="3842" y="2482"/>
                      <a:pt x="3828" y="2461"/>
                    </a:cubicBezTo>
                    <a:lnTo>
                      <a:pt x="3828" y="2461"/>
                    </a:lnTo>
                    <a:cubicBezTo>
                      <a:pt x="3881" y="2482"/>
                      <a:pt x="3943" y="2531"/>
                      <a:pt x="3994" y="2558"/>
                    </a:cubicBezTo>
                    <a:cubicBezTo>
                      <a:pt x="3998" y="2565"/>
                      <a:pt x="3998" y="2569"/>
                      <a:pt x="3993" y="2569"/>
                    </a:cubicBezTo>
                    <a:cubicBezTo>
                      <a:pt x="3987" y="2569"/>
                      <a:pt x="3975" y="2564"/>
                      <a:pt x="3953" y="2551"/>
                    </a:cubicBezTo>
                    <a:lnTo>
                      <a:pt x="3953" y="2551"/>
                    </a:lnTo>
                    <a:lnTo>
                      <a:pt x="4050" y="2609"/>
                    </a:lnTo>
                    <a:cubicBezTo>
                      <a:pt x="4041" y="2616"/>
                      <a:pt x="4052" y="2628"/>
                      <a:pt x="4044" y="2628"/>
                    </a:cubicBezTo>
                    <a:cubicBezTo>
                      <a:pt x="4039" y="2628"/>
                      <a:pt x="4022" y="2621"/>
                      <a:pt x="3978" y="2600"/>
                    </a:cubicBezTo>
                    <a:lnTo>
                      <a:pt x="3978" y="2600"/>
                    </a:lnTo>
                    <a:lnTo>
                      <a:pt x="4071" y="2651"/>
                    </a:lnTo>
                    <a:cubicBezTo>
                      <a:pt x="4105" y="2674"/>
                      <a:pt x="4113" y="2682"/>
                      <a:pt x="4108" y="2682"/>
                    </a:cubicBezTo>
                    <a:cubicBezTo>
                      <a:pt x="4100" y="2682"/>
                      <a:pt x="4049" y="2657"/>
                      <a:pt x="4032" y="2651"/>
                    </a:cubicBezTo>
                    <a:lnTo>
                      <a:pt x="4032" y="2651"/>
                    </a:lnTo>
                    <a:lnTo>
                      <a:pt x="4184" y="2751"/>
                    </a:lnTo>
                    <a:cubicBezTo>
                      <a:pt x="4197" y="2756"/>
                      <a:pt x="4204" y="2757"/>
                      <a:pt x="4207" y="2757"/>
                    </a:cubicBezTo>
                    <a:cubicBezTo>
                      <a:pt x="4214" y="2757"/>
                      <a:pt x="4207" y="2750"/>
                      <a:pt x="4212" y="2750"/>
                    </a:cubicBezTo>
                    <a:cubicBezTo>
                      <a:pt x="4217" y="2750"/>
                      <a:pt x="4231" y="2756"/>
                      <a:pt x="4272" y="2778"/>
                    </a:cubicBezTo>
                    <a:cubicBezTo>
                      <a:pt x="4409" y="2880"/>
                      <a:pt x="4599" y="2985"/>
                      <a:pt x="4763" y="3084"/>
                    </a:cubicBezTo>
                    <a:cubicBezTo>
                      <a:pt x="4726" y="3056"/>
                      <a:pt x="4689" y="3031"/>
                      <a:pt x="4652" y="3003"/>
                    </a:cubicBezTo>
                    <a:lnTo>
                      <a:pt x="4652" y="3003"/>
                    </a:lnTo>
                    <a:cubicBezTo>
                      <a:pt x="4699" y="3031"/>
                      <a:pt x="4723" y="3038"/>
                      <a:pt x="4739" y="3038"/>
                    </a:cubicBezTo>
                    <a:cubicBezTo>
                      <a:pt x="4754" y="3038"/>
                      <a:pt x="4762" y="3032"/>
                      <a:pt x="4775" y="3032"/>
                    </a:cubicBezTo>
                    <a:cubicBezTo>
                      <a:pt x="4778" y="3032"/>
                      <a:pt x="4781" y="3033"/>
                      <a:pt x="4784" y="3033"/>
                    </a:cubicBezTo>
                    <a:cubicBezTo>
                      <a:pt x="4831" y="3063"/>
                      <a:pt x="4886" y="3091"/>
                      <a:pt x="4940" y="3121"/>
                    </a:cubicBezTo>
                    <a:cubicBezTo>
                      <a:pt x="4993" y="3149"/>
                      <a:pt x="5044" y="3179"/>
                      <a:pt x="5083" y="3202"/>
                    </a:cubicBezTo>
                    <a:cubicBezTo>
                      <a:pt x="5056" y="3193"/>
                      <a:pt x="5039" y="3189"/>
                      <a:pt x="5029" y="3189"/>
                    </a:cubicBezTo>
                    <a:cubicBezTo>
                      <a:pt x="5003" y="3189"/>
                      <a:pt x="5035" y="3220"/>
                      <a:pt x="5095" y="3260"/>
                    </a:cubicBezTo>
                    <a:cubicBezTo>
                      <a:pt x="5146" y="3293"/>
                      <a:pt x="5204" y="3316"/>
                      <a:pt x="5264" y="3327"/>
                    </a:cubicBezTo>
                    <a:cubicBezTo>
                      <a:pt x="5299" y="3332"/>
                      <a:pt x="5336" y="3339"/>
                      <a:pt x="5370" y="3353"/>
                    </a:cubicBezTo>
                    <a:cubicBezTo>
                      <a:pt x="5366" y="3353"/>
                      <a:pt x="5363" y="3352"/>
                      <a:pt x="5360" y="3352"/>
                    </a:cubicBezTo>
                    <a:cubicBezTo>
                      <a:pt x="5287" y="3352"/>
                      <a:pt x="5504" y="3427"/>
                      <a:pt x="5477" y="3436"/>
                    </a:cubicBezTo>
                    <a:cubicBezTo>
                      <a:pt x="5739" y="3550"/>
                      <a:pt x="6010" y="3647"/>
                      <a:pt x="6283" y="3726"/>
                    </a:cubicBezTo>
                    <a:cubicBezTo>
                      <a:pt x="6279" y="3720"/>
                      <a:pt x="6221" y="3696"/>
                      <a:pt x="6238" y="3696"/>
                    </a:cubicBezTo>
                    <a:cubicBezTo>
                      <a:pt x="6240" y="3696"/>
                      <a:pt x="6244" y="3697"/>
                      <a:pt x="6251" y="3698"/>
                    </a:cubicBezTo>
                    <a:cubicBezTo>
                      <a:pt x="6290" y="3710"/>
                      <a:pt x="6329" y="3721"/>
                      <a:pt x="6366" y="3740"/>
                    </a:cubicBezTo>
                    <a:cubicBezTo>
                      <a:pt x="6383" y="3744"/>
                      <a:pt x="6397" y="3754"/>
                      <a:pt x="6413" y="3765"/>
                    </a:cubicBezTo>
                    <a:cubicBezTo>
                      <a:pt x="6496" y="3788"/>
                      <a:pt x="6584" y="3802"/>
                      <a:pt x="6672" y="3807"/>
                    </a:cubicBezTo>
                    <a:cubicBezTo>
                      <a:pt x="6614" y="3795"/>
                      <a:pt x="6610" y="3791"/>
                      <a:pt x="6624" y="3784"/>
                    </a:cubicBezTo>
                    <a:lnTo>
                      <a:pt x="6624" y="3784"/>
                    </a:lnTo>
                    <a:cubicBezTo>
                      <a:pt x="6756" y="3816"/>
                      <a:pt x="6714" y="3828"/>
                      <a:pt x="6846" y="3839"/>
                    </a:cubicBezTo>
                    <a:cubicBezTo>
                      <a:pt x="6852" y="3845"/>
                      <a:pt x="6848" y="3847"/>
                      <a:pt x="6838" y="3847"/>
                    </a:cubicBezTo>
                    <a:cubicBezTo>
                      <a:pt x="6813" y="3847"/>
                      <a:pt x="6749" y="3834"/>
                      <a:pt x="6722" y="3834"/>
                    </a:cubicBezTo>
                    <a:cubicBezTo>
                      <a:pt x="6713" y="3834"/>
                      <a:pt x="6708" y="3835"/>
                      <a:pt x="6709" y="3839"/>
                    </a:cubicBezTo>
                    <a:cubicBezTo>
                      <a:pt x="6802" y="3860"/>
                      <a:pt x="6897" y="3876"/>
                      <a:pt x="6992" y="3883"/>
                    </a:cubicBezTo>
                    <a:cubicBezTo>
                      <a:pt x="6996" y="3887"/>
                      <a:pt x="6994" y="3888"/>
                      <a:pt x="6989" y="3888"/>
                    </a:cubicBezTo>
                    <a:cubicBezTo>
                      <a:pt x="6980" y="3888"/>
                      <a:pt x="6959" y="3883"/>
                      <a:pt x="6955" y="3883"/>
                    </a:cubicBezTo>
                    <a:cubicBezTo>
                      <a:pt x="6952" y="3883"/>
                      <a:pt x="6957" y="3886"/>
                      <a:pt x="6976" y="3893"/>
                    </a:cubicBezTo>
                    <a:cubicBezTo>
                      <a:pt x="6999" y="3897"/>
                      <a:pt x="7022" y="3902"/>
                      <a:pt x="7048" y="3904"/>
                    </a:cubicBezTo>
                    <a:lnTo>
                      <a:pt x="7122" y="3913"/>
                    </a:lnTo>
                    <a:lnTo>
                      <a:pt x="7268" y="3932"/>
                    </a:lnTo>
                    <a:cubicBezTo>
                      <a:pt x="7316" y="3937"/>
                      <a:pt x="7365" y="3944"/>
                      <a:pt x="7407" y="3946"/>
                    </a:cubicBezTo>
                    <a:lnTo>
                      <a:pt x="7527" y="3955"/>
                    </a:lnTo>
                    <a:lnTo>
                      <a:pt x="7562" y="3976"/>
                    </a:lnTo>
                    <a:cubicBezTo>
                      <a:pt x="7614" y="3984"/>
                      <a:pt x="7667" y="3988"/>
                      <a:pt x="7719" y="3988"/>
                    </a:cubicBezTo>
                    <a:cubicBezTo>
                      <a:pt x="7730" y="3988"/>
                      <a:pt x="7741" y="3988"/>
                      <a:pt x="7752" y="3988"/>
                    </a:cubicBezTo>
                    <a:cubicBezTo>
                      <a:pt x="7785" y="3996"/>
                      <a:pt x="7777" y="3998"/>
                      <a:pt x="7753" y="3998"/>
                    </a:cubicBezTo>
                    <a:cubicBezTo>
                      <a:pt x="7743" y="3998"/>
                      <a:pt x="7729" y="3998"/>
                      <a:pt x="7715" y="3997"/>
                    </a:cubicBezTo>
                    <a:lnTo>
                      <a:pt x="7715" y="3997"/>
                    </a:lnTo>
                    <a:cubicBezTo>
                      <a:pt x="7835" y="4008"/>
                      <a:pt x="7983" y="4008"/>
                      <a:pt x="8051" y="4013"/>
                    </a:cubicBezTo>
                    <a:cubicBezTo>
                      <a:pt x="8047" y="4016"/>
                      <a:pt x="8041" y="4016"/>
                      <a:pt x="8033" y="4016"/>
                    </a:cubicBezTo>
                    <a:cubicBezTo>
                      <a:pt x="8018" y="4016"/>
                      <a:pt x="7997" y="4013"/>
                      <a:pt x="7980" y="4013"/>
                    </a:cubicBezTo>
                    <a:cubicBezTo>
                      <a:pt x="7973" y="4013"/>
                      <a:pt x="7967" y="4014"/>
                      <a:pt x="7963" y="4015"/>
                    </a:cubicBezTo>
                    <a:cubicBezTo>
                      <a:pt x="8002" y="4020"/>
                      <a:pt x="8041" y="4022"/>
                      <a:pt x="8081" y="4022"/>
                    </a:cubicBezTo>
                    <a:lnTo>
                      <a:pt x="8201" y="4022"/>
                    </a:lnTo>
                    <a:cubicBezTo>
                      <a:pt x="8212" y="4022"/>
                      <a:pt x="8223" y="4022"/>
                      <a:pt x="8235" y="4022"/>
                    </a:cubicBezTo>
                    <a:cubicBezTo>
                      <a:pt x="8291" y="4022"/>
                      <a:pt x="8347" y="4027"/>
                      <a:pt x="8403" y="4036"/>
                    </a:cubicBezTo>
                    <a:cubicBezTo>
                      <a:pt x="8399" y="4037"/>
                      <a:pt x="8396" y="4037"/>
                      <a:pt x="8393" y="4037"/>
                    </a:cubicBezTo>
                    <a:lnTo>
                      <a:pt x="8393" y="4037"/>
                    </a:lnTo>
                    <a:cubicBezTo>
                      <a:pt x="8382" y="4037"/>
                      <a:pt x="8372" y="4037"/>
                      <a:pt x="8361" y="4036"/>
                    </a:cubicBezTo>
                    <a:lnTo>
                      <a:pt x="8361" y="4036"/>
                    </a:lnTo>
                    <a:cubicBezTo>
                      <a:pt x="8368" y="4037"/>
                      <a:pt x="8375" y="4038"/>
                      <a:pt x="8382" y="4038"/>
                    </a:cubicBezTo>
                    <a:cubicBezTo>
                      <a:pt x="8386" y="4038"/>
                      <a:pt x="8389" y="4038"/>
                      <a:pt x="8393" y="4037"/>
                    </a:cubicBezTo>
                    <a:lnTo>
                      <a:pt x="8393" y="4037"/>
                    </a:lnTo>
                    <a:cubicBezTo>
                      <a:pt x="8492" y="4041"/>
                      <a:pt x="8587" y="4041"/>
                      <a:pt x="8683" y="4041"/>
                    </a:cubicBezTo>
                    <a:cubicBezTo>
                      <a:pt x="8789" y="4041"/>
                      <a:pt x="8898" y="4034"/>
                      <a:pt x="9019" y="4034"/>
                    </a:cubicBezTo>
                    <a:cubicBezTo>
                      <a:pt x="9054" y="4037"/>
                      <a:pt x="9080" y="4038"/>
                      <a:pt x="9099" y="4038"/>
                    </a:cubicBezTo>
                    <a:cubicBezTo>
                      <a:pt x="9200" y="4038"/>
                      <a:pt x="9123" y="4008"/>
                      <a:pt x="9306" y="4004"/>
                    </a:cubicBezTo>
                    <a:cubicBezTo>
                      <a:pt x="9306" y="4018"/>
                      <a:pt x="9333" y="4022"/>
                      <a:pt x="9373" y="4022"/>
                    </a:cubicBezTo>
                    <a:cubicBezTo>
                      <a:pt x="9400" y="4022"/>
                      <a:pt x="9432" y="4020"/>
                      <a:pt x="9466" y="4018"/>
                    </a:cubicBezTo>
                    <a:cubicBezTo>
                      <a:pt x="9552" y="4011"/>
                      <a:pt x="9647" y="3999"/>
                      <a:pt x="9693" y="3999"/>
                    </a:cubicBezTo>
                    <a:lnTo>
                      <a:pt x="9663" y="3995"/>
                    </a:lnTo>
                    <a:cubicBezTo>
                      <a:pt x="9726" y="3985"/>
                      <a:pt x="9791" y="3980"/>
                      <a:pt x="9855" y="3980"/>
                    </a:cubicBezTo>
                    <a:cubicBezTo>
                      <a:pt x="9901" y="3980"/>
                      <a:pt x="9946" y="3983"/>
                      <a:pt x="9992" y="3988"/>
                    </a:cubicBezTo>
                    <a:cubicBezTo>
                      <a:pt x="10073" y="3983"/>
                      <a:pt x="10172" y="3976"/>
                      <a:pt x="10274" y="3967"/>
                    </a:cubicBezTo>
                    <a:cubicBezTo>
                      <a:pt x="10374" y="3957"/>
                      <a:pt x="10474" y="3946"/>
                      <a:pt x="10552" y="3930"/>
                    </a:cubicBezTo>
                    <a:lnTo>
                      <a:pt x="10552" y="3930"/>
                    </a:lnTo>
                    <a:lnTo>
                      <a:pt x="10522" y="3941"/>
                    </a:lnTo>
                    <a:cubicBezTo>
                      <a:pt x="10652" y="3918"/>
                      <a:pt x="10738" y="3925"/>
                      <a:pt x="10870" y="3902"/>
                    </a:cubicBezTo>
                    <a:lnTo>
                      <a:pt x="10870" y="3902"/>
                    </a:lnTo>
                    <a:cubicBezTo>
                      <a:pt x="10865" y="3904"/>
                      <a:pt x="10825" y="3914"/>
                      <a:pt x="10858" y="3914"/>
                    </a:cubicBezTo>
                    <a:cubicBezTo>
                      <a:pt x="10861" y="3914"/>
                      <a:pt x="10865" y="3914"/>
                      <a:pt x="10870" y="3913"/>
                    </a:cubicBezTo>
                    <a:cubicBezTo>
                      <a:pt x="11029" y="3902"/>
                      <a:pt x="11189" y="3886"/>
                      <a:pt x="11349" y="3869"/>
                    </a:cubicBezTo>
                    <a:cubicBezTo>
                      <a:pt x="11509" y="3853"/>
                      <a:pt x="11669" y="3835"/>
                      <a:pt x="11829" y="3816"/>
                    </a:cubicBezTo>
                    <a:cubicBezTo>
                      <a:pt x="12155" y="3777"/>
                      <a:pt x="12477" y="3721"/>
                      <a:pt x="12795" y="3649"/>
                    </a:cubicBezTo>
                    <a:cubicBezTo>
                      <a:pt x="12954" y="3612"/>
                      <a:pt x="13110" y="3566"/>
                      <a:pt x="13263" y="3510"/>
                    </a:cubicBezTo>
                    <a:cubicBezTo>
                      <a:pt x="13339" y="3480"/>
                      <a:pt x="13418" y="3448"/>
                      <a:pt x="13497" y="3415"/>
                    </a:cubicBezTo>
                    <a:cubicBezTo>
                      <a:pt x="13575" y="3383"/>
                      <a:pt x="13649" y="3341"/>
                      <a:pt x="13728" y="3304"/>
                    </a:cubicBezTo>
                    <a:cubicBezTo>
                      <a:pt x="14036" y="3137"/>
                      <a:pt x="14323" y="2936"/>
                      <a:pt x="14585" y="2704"/>
                    </a:cubicBezTo>
                    <a:cubicBezTo>
                      <a:pt x="14842" y="2477"/>
                      <a:pt x="15083" y="2229"/>
                      <a:pt x="15303" y="1965"/>
                    </a:cubicBezTo>
                    <a:cubicBezTo>
                      <a:pt x="15519" y="1711"/>
                      <a:pt x="15713" y="1453"/>
                      <a:pt x="15887" y="1208"/>
                    </a:cubicBezTo>
                    <a:cubicBezTo>
                      <a:pt x="15887" y="1208"/>
                      <a:pt x="15938" y="1067"/>
                      <a:pt x="15973" y="928"/>
                    </a:cubicBezTo>
                    <a:cubicBezTo>
                      <a:pt x="16008" y="798"/>
                      <a:pt x="16029" y="672"/>
                      <a:pt x="15983" y="672"/>
                    </a:cubicBezTo>
                    <a:cubicBezTo>
                      <a:pt x="15980" y="672"/>
                      <a:pt x="15978" y="672"/>
                      <a:pt x="15975" y="673"/>
                    </a:cubicBezTo>
                    <a:cubicBezTo>
                      <a:pt x="15971" y="676"/>
                      <a:pt x="15969" y="678"/>
                      <a:pt x="15968" y="678"/>
                    </a:cubicBezTo>
                    <a:cubicBezTo>
                      <a:pt x="15960" y="678"/>
                      <a:pt x="15993" y="617"/>
                      <a:pt x="15986" y="617"/>
                    </a:cubicBezTo>
                    <a:lnTo>
                      <a:pt x="15986" y="617"/>
                    </a:lnTo>
                    <a:cubicBezTo>
                      <a:pt x="15984" y="617"/>
                      <a:pt x="15977" y="624"/>
                      <a:pt x="15964" y="640"/>
                    </a:cubicBezTo>
                    <a:lnTo>
                      <a:pt x="15922" y="731"/>
                    </a:lnTo>
                    <a:cubicBezTo>
                      <a:pt x="15922" y="727"/>
                      <a:pt x="15921" y="725"/>
                      <a:pt x="15919" y="725"/>
                    </a:cubicBezTo>
                    <a:cubicBezTo>
                      <a:pt x="15909" y="725"/>
                      <a:pt x="15880" y="750"/>
                      <a:pt x="15869" y="754"/>
                    </a:cubicBezTo>
                    <a:cubicBezTo>
                      <a:pt x="15867" y="760"/>
                      <a:pt x="15869" y="763"/>
                      <a:pt x="15873" y="763"/>
                    </a:cubicBezTo>
                    <a:cubicBezTo>
                      <a:pt x="15884" y="763"/>
                      <a:pt x="15915" y="735"/>
                      <a:pt x="15928" y="735"/>
                    </a:cubicBezTo>
                    <a:cubicBezTo>
                      <a:pt x="15936" y="735"/>
                      <a:pt x="15937" y="745"/>
                      <a:pt x="15922" y="779"/>
                    </a:cubicBezTo>
                    <a:cubicBezTo>
                      <a:pt x="15915" y="807"/>
                      <a:pt x="15869" y="867"/>
                      <a:pt x="15840" y="904"/>
                    </a:cubicBezTo>
                    <a:lnTo>
                      <a:pt x="15840" y="904"/>
                    </a:lnTo>
                    <a:cubicBezTo>
                      <a:pt x="15853" y="887"/>
                      <a:pt x="15860" y="881"/>
                      <a:pt x="15862" y="881"/>
                    </a:cubicBezTo>
                    <a:cubicBezTo>
                      <a:pt x="15869" y="881"/>
                      <a:pt x="15840" y="933"/>
                      <a:pt x="15827" y="958"/>
                    </a:cubicBezTo>
                    <a:cubicBezTo>
                      <a:pt x="15785" y="1002"/>
                      <a:pt x="15730" y="1083"/>
                      <a:pt x="15704" y="1097"/>
                    </a:cubicBezTo>
                    <a:cubicBezTo>
                      <a:pt x="15690" y="1124"/>
                      <a:pt x="15674" y="1148"/>
                      <a:pt x="15653" y="1171"/>
                    </a:cubicBezTo>
                    <a:lnTo>
                      <a:pt x="15646" y="1171"/>
                    </a:lnTo>
                    <a:cubicBezTo>
                      <a:pt x="15635" y="1188"/>
                      <a:pt x="15632" y="1194"/>
                      <a:pt x="15633" y="1194"/>
                    </a:cubicBezTo>
                    <a:cubicBezTo>
                      <a:pt x="15636" y="1194"/>
                      <a:pt x="15656" y="1170"/>
                      <a:pt x="15660" y="1170"/>
                    </a:cubicBezTo>
                    <a:lnTo>
                      <a:pt x="15660" y="1170"/>
                    </a:lnTo>
                    <a:cubicBezTo>
                      <a:pt x="15661" y="1170"/>
                      <a:pt x="15661" y="1171"/>
                      <a:pt x="15660" y="1173"/>
                    </a:cubicBezTo>
                    <a:cubicBezTo>
                      <a:pt x="15632" y="1215"/>
                      <a:pt x="15570" y="1272"/>
                      <a:pt x="15519" y="1339"/>
                    </a:cubicBezTo>
                    <a:lnTo>
                      <a:pt x="15519" y="1339"/>
                    </a:lnTo>
                    <a:cubicBezTo>
                      <a:pt x="15563" y="1281"/>
                      <a:pt x="15602" y="1221"/>
                      <a:pt x="15637" y="1157"/>
                    </a:cubicBezTo>
                    <a:lnTo>
                      <a:pt x="15637" y="1157"/>
                    </a:lnTo>
                    <a:cubicBezTo>
                      <a:pt x="15610" y="1187"/>
                      <a:pt x="15596" y="1199"/>
                      <a:pt x="15591" y="1199"/>
                    </a:cubicBezTo>
                    <a:cubicBezTo>
                      <a:pt x="15576" y="1199"/>
                      <a:pt x="15629" y="1106"/>
                      <a:pt x="15635" y="1078"/>
                    </a:cubicBezTo>
                    <a:lnTo>
                      <a:pt x="15635" y="1078"/>
                    </a:lnTo>
                    <a:cubicBezTo>
                      <a:pt x="15565" y="1182"/>
                      <a:pt x="15549" y="1226"/>
                      <a:pt x="15493" y="1314"/>
                    </a:cubicBezTo>
                    <a:cubicBezTo>
                      <a:pt x="15471" y="1337"/>
                      <a:pt x="15458" y="1345"/>
                      <a:pt x="15451" y="1345"/>
                    </a:cubicBezTo>
                    <a:cubicBezTo>
                      <a:pt x="15432" y="1345"/>
                      <a:pt x="15461" y="1280"/>
                      <a:pt x="15477" y="1256"/>
                    </a:cubicBezTo>
                    <a:lnTo>
                      <a:pt x="15477" y="1256"/>
                    </a:lnTo>
                    <a:cubicBezTo>
                      <a:pt x="15415" y="1348"/>
                      <a:pt x="15358" y="1452"/>
                      <a:pt x="15327" y="1502"/>
                    </a:cubicBezTo>
                    <a:cubicBezTo>
                      <a:pt x="15359" y="1421"/>
                      <a:pt x="15345" y="1428"/>
                      <a:pt x="15375" y="1356"/>
                    </a:cubicBezTo>
                    <a:lnTo>
                      <a:pt x="15375" y="1356"/>
                    </a:lnTo>
                    <a:cubicBezTo>
                      <a:pt x="15308" y="1416"/>
                      <a:pt x="15310" y="1442"/>
                      <a:pt x="15289" y="1481"/>
                    </a:cubicBezTo>
                    <a:cubicBezTo>
                      <a:pt x="15303" y="1460"/>
                      <a:pt x="15320" y="1442"/>
                      <a:pt x="15338" y="1426"/>
                    </a:cubicBezTo>
                    <a:lnTo>
                      <a:pt x="15338" y="1426"/>
                    </a:lnTo>
                    <a:cubicBezTo>
                      <a:pt x="15269" y="1507"/>
                      <a:pt x="15310" y="1518"/>
                      <a:pt x="15287" y="1572"/>
                    </a:cubicBezTo>
                    <a:cubicBezTo>
                      <a:pt x="15234" y="1622"/>
                      <a:pt x="15144" y="1718"/>
                      <a:pt x="15122" y="1718"/>
                    </a:cubicBezTo>
                    <a:cubicBezTo>
                      <a:pt x="15122" y="1718"/>
                      <a:pt x="15121" y="1718"/>
                      <a:pt x="15121" y="1718"/>
                    </a:cubicBezTo>
                    <a:lnTo>
                      <a:pt x="15121" y="1718"/>
                    </a:lnTo>
                    <a:lnTo>
                      <a:pt x="15137" y="1731"/>
                    </a:lnTo>
                    <a:cubicBezTo>
                      <a:pt x="15111" y="1765"/>
                      <a:pt x="15101" y="1774"/>
                      <a:pt x="15095" y="1774"/>
                    </a:cubicBezTo>
                    <a:cubicBezTo>
                      <a:pt x="15090" y="1774"/>
                      <a:pt x="15090" y="1763"/>
                      <a:pt x="15083" y="1763"/>
                    </a:cubicBezTo>
                    <a:cubicBezTo>
                      <a:pt x="15082" y="1763"/>
                      <a:pt x="15082" y="1764"/>
                      <a:pt x="15081" y="1764"/>
                    </a:cubicBezTo>
                    <a:cubicBezTo>
                      <a:pt x="15076" y="1782"/>
                      <a:pt x="15086" y="1787"/>
                      <a:pt x="15083" y="1803"/>
                    </a:cubicBezTo>
                    <a:cubicBezTo>
                      <a:pt x="15081" y="1819"/>
                      <a:pt x="15069" y="1847"/>
                      <a:pt x="15018" y="1907"/>
                    </a:cubicBezTo>
                    <a:cubicBezTo>
                      <a:pt x="15016" y="1901"/>
                      <a:pt x="15013" y="1898"/>
                      <a:pt x="15009" y="1898"/>
                    </a:cubicBezTo>
                    <a:cubicBezTo>
                      <a:pt x="14986" y="1898"/>
                      <a:pt x="14933" y="1983"/>
                      <a:pt x="14908" y="1983"/>
                    </a:cubicBezTo>
                    <a:cubicBezTo>
                      <a:pt x="14905" y="1983"/>
                      <a:pt x="14902" y="1982"/>
                      <a:pt x="14900" y="1979"/>
                    </a:cubicBezTo>
                    <a:cubicBezTo>
                      <a:pt x="14852" y="2035"/>
                      <a:pt x="14842" y="2072"/>
                      <a:pt x="14789" y="2125"/>
                    </a:cubicBezTo>
                    <a:cubicBezTo>
                      <a:pt x="14780" y="2131"/>
                      <a:pt x="14774" y="2133"/>
                      <a:pt x="14770" y="2133"/>
                    </a:cubicBezTo>
                    <a:cubicBezTo>
                      <a:pt x="14742" y="2133"/>
                      <a:pt x="14835" y="2006"/>
                      <a:pt x="14868" y="1979"/>
                    </a:cubicBezTo>
                    <a:cubicBezTo>
                      <a:pt x="14888" y="1956"/>
                      <a:pt x="14897" y="1949"/>
                      <a:pt x="14900" y="1949"/>
                    </a:cubicBezTo>
                    <a:cubicBezTo>
                      <a:pt x="14905" y="1949"/>
                      <a:pt x="14888" y="1977"/>
                      <a:pt x="14891" y="1977"/>
                    </a:cubicBezTo>
                    <a:cubicBezTo>
                      <a:pt x="14892" y="1977"/>
                      <a:pt x="14894" y="1975"/>
                      <a:pt x="14898" y="1970"/>
                    </a:cubicBezTo>
                    <a:lnTo>
                      <a:pt x="14956" y="1889"/>
                    </a:lnTo>
                    <a:lnTo>
                      <a:pt x="14956" y="1889"/>
                    </a:lnTo>
                    <a:cubicBezTo>
                      <a:pt x="14917" y="1919"/>
                      <a:pt x="14853" y="1981"/>
                      <a:pt x="14835" y="1981"/>
                    </a:cubicBezTo>
                    <a:cubicBezTo>
                      <a:pt x="14833" y="1981"/>
                      <a:pt x="14831" y="1980"/>
                      <a:pt x="14831" y="1977"/>
                    </a:cubicBezTo>
                    <a:cubicBezTo>
                      <a:pt x="14814" y="1998"/>
                      <a:pt x="14810" y="2004"/>
                      <a:pt x="14813" y="2004"/>
                    </a:cubicBezTo>
                    <a:cubicBezTo>
                      <a:pt x="14819" y="2004"/>
                      <a:pt x="14842" y="1986"/>
                      <a:pt x="14849" y="1986"/>
                    </a:cubicBezTo>
                    <a:cubicBezTo>
                      <a:pt x="14853" y="1986"/>
                      <a:pt x="14850" y="1993"/>
                      <a:pt x="14831" y="2019"/>
                    </a:cubicBezTo>
                    <a:lnTo>
                      <a:pt x="14778" y="2060"/>
                    </a:lnTo>
                    <a:cubicBezTo>
                      <a:pt x="14706" y="2146"/>
                      <a:pt x="14812" y="2063"/>
                      <a:pt x="14715" y="2171"/>
                    </a:cubicBezTo>
                    <a:cubicBezTo>
                      <a:pt x="14725" y="2157"/>
                      <a:pt x="14728" y="2151"/>
                      <a:pt x="14726" y="2151"/>
                    </a:cubicBezTo>
                    <a:cubicBezTo>
                      <a:pt x="14722" y="2151"/>
                      <a:pt x="14703" y="2170"/>
                      <a:pt x="14680" y="2192"/>
                    </a:cubicBezTo>
                    <a:cubicBezTo>
                      <a:pt x="14648" y="2222"/>
                      <a:pt x="14609" y="2258"/>
                      <a:pt x="14595" y="2258"/>
                    </a:cubicBezTo>
                    <a:cubicBezTo>
                      <a:pt x="14593" y="2258"/>
                      <a:pt x="14591" y="2257"/>
                      <a:pt x="14590" y="2256"/>
                    </a:cubicBezTo>
                    <a:lnTo>
                      <a:pt x="14590" y="2256"/>
                    </a:lnTo>
                    <a:cubicBezTo>
                      <a:pt x="14598" y="2270"/>
                      <a:pt x="14554" y="2318"/>
                      <a:pt x="14504" y="2361"/>
                    </a:cubicBezTo>
                    <a:cubicBezTo>
                      <a:pt x="14453" y="2405"/>
                      <a:pt x="14402" y="2454"/>
                      <a:pt x="14400" y="2475"/>
                    </a:cubicBezTo>
                    <a:lnTo>
                      <a:pt x="14460" y="2429"/>
                    </a:lnTo>
                    <a:lnTo>
                      <a:pt x="14437" y="2429"/>
                    </a:lnTo>
                    <a:cubicBezTo>
                      <a:pt x="14469" y="2398"/>
                      <a:pt x="14495" y="2373"/>
                      <a:pt x="14523" y="2345"/>
                    </a:cubicBezTo>
                    <a:cubicBezTo>
                      <a:pt x="14550" y="2320"/>
                      <a:pt x="14576" y="2290"/>
                      <a:pt x="14611" y="2262"/>
                    </a:cubicBezTo>
                    <a:lnTo>
                      <a:pt x="14611" y="2262"/>
                    </a:lnTo>
                    <a:cubicBezTo>
                      <a:pt x="14569" y="2317"/>
                      <a:pt x="14645" y="2266"/>
                      <a:pt x="14597" y="2329"/>
                    </a:cubicBezTo>
                    <a:cubicBezTo>
                      <a:pt x="14560" y="2375"/>
                      <a:pt x="14546" y="2386"/>
                      <a:pt x="14541" y="2386"/>
                    </a:cubicBezTo>
                    <a:cubicBezTo>
                      <a:pt x="14539" y="2386"/>
                      <a:pt x="14539" y="2384"/>
                      <a:pt x="14539" y="2382"/>
                    </a:cubicBezTo>
                    <a:cubicBezTo>
                      <a:pt x="14539" y="2374"/>
                      <a:pt x="14546" y="2358"/>
                      <a:pt x="14543" y="2358"/>
                    </a:cubicBezTo>
                    <a:lnTo>
                      <a:pt x="14543" y="2358"/>
                    </a:lnTo>
                    <a:cubicBezTo>
                      <a:pt x="14543" y="2358"/>
                      <a:pt x="14542" y="2358"/>
                      <a:pt x="14541" y="2359"/>
                    </a:cubicBezTo>
                    <a:lnTo>
                      <a:pt x="14465" y="2449"/>
                    </a:lnTo>
                    <a:lnTo>
                      <a:pt x="14534" y="2408"/>
                    </a:lnTo>
                    <a:lnTo>
                      <a:pt x="14534" y="2408"/>
                    </a:lnTo>
                    <a:cubicBezTo>
                      <a:pt x="14502" y="2440"/>
                      <a:pt x="14462" y="2477"/>
                      <a:pt x="14418" y="2519"/>
                    </a:cubicBezTo>
                    <a:cubicBezTo>
                      <a:pt x="14374" y="2558"/>
                      <a:pt x="14323" y="2598"/>
                      <a:pt x="14275" y="2637"/>
                    </a:cubicBezTo>
                    <a:cubicBezTo>
                      <a:pt x="14226" y="2669"/>
                      <a:pt x="14208" y="2679"/>
                      <a:pt x="14203" y="2679"/>
                    </a:cubicBezTo>
                    <a:cubicBezTo>
                      <a:pt x="14196" y="2679"/>
                      <a:pt x="14217" y="2657"/>
                      <a:pt x="14209" y="2657"/>
                    </a:cubicBezTo>
                    <a:cubicBezTo>
                      <a:pt x="14204" y="2657"/>
                      <a:pt x="14193" y="2663"/>
                      <a:pt x="14166" y="2679"/>
                    </a:cubicBezTo>
                    <a:cubicBezTo>
                      <a:pt x="14122" y="2718"/>
                      <a:pt x="14138" y="2716"/>
                      <a:pt x="14069" y="2764"/>
                    </a:cubicBezTo>
                    <a:cubicBezTo>
                      <a:pt x="14113" y="2744"/>
                      <a:pt x="14131" y="2714"/>
                      <a:pt x="14159" y="2695"/>
                    </a:cubicBezTo>
                    <a:cubicBezTo>
                      <a:pt x="14161" y="2695"/>
                      <a:pt x="14162" y="2694"/>
                      <a:pt x="14163" y="2694"/>
                    </a:cubicBezTo>
                    <a:cubicBezTo>
                      <a:pt x="14190" y="2694"/>
                      <a:pt x="14044" y="2793"/>
                      <a:pt x="14059" y="2804"/>
                    </a:cubicBezTo>
                    <a:cubicBezTo>
                      <a:pt x="14049" y="2808"/>
                      <a:pt x="14042" y="2810"/>
                      <a:pt x="14038" y="2810"/>
                    </a:cubicBezTo>
                    <a:cubicBezTo>
                      <a:pt x="14030" y="2810"/>
                      <a:pt x="14034" y="2801"/>
                      <a:pt x="14046" y="2785"/>
                    </a:cubicBezTo>
                    <a:lnTo>
                      <a:pt x="14046" y="2785"/>
                    </a:lnTo>
                    <a:cubicBezTo>
                      <a:pt x="14032" y="2795"/>
                      <a:pt x="14018" y="2806"/>
                      <a:pt x="14004" y="2818"/>
                    </a:cubicBezTo>
                    <a:lnTo>
                      <a:pt x="13962" y="2848"/>
                    </a:lnTo>
                    <a:cubicBezTo>
                      <a:pt x="13932" y="2866"/>
                      <a:pt x="13907" y="2883"/>
                      <a:pt x="13881" y="2899"/>
                    </a:cubicBezTo>
                    <a:cubicBezTo>
                      <a:pt x="13858" y="2913"/>
                      <a:pt x="13835" y="2924"/>
                      <a:pt x="13812" y="2936"/>
                    </a:cubicBezTo>
                    <a:cubicBezTo>
                      <a:pt x="13793" y="2943"/>
                      <a:pt x="13777" y="2947"/>
                      <a:pt x="13756" y="2950"/>
                    </a:cubicBezTo>
                    <a:lnTo>
                      <a:pt x="13717" y="3001"/>
                    </a:lnTo>
                    <a:cubicBezTo>
                      <a:pt x="13670" y="3026"/>
                      <a:pt x="13650" y="3036"/>
                      <a:pt x="13645" y="3036"/>
                    </a:cubicBezTo>
                    <a:cubicBezTo>
                      <a:pt x="13633" y="3036"/>
                      <a:pt x="13737" y="2965"/>
                      <a:pt x="13718" y="2965"/>
                    </a:cubicBezTo>
                    <a:cubicBezTo>
                      <a:pt x="13712" y="2965"/>
                      <a:pt x="13696" y="2971"/>
                      <a:pt x="13663" y="2987"/>
                    </a:cubicBezTo>
                    <a:cubicBezTo>
                      <a:pt x="13591" y="3029"/>
                      <a:pt x="13517" y="3063"/>
                      <a:pt x="13490" y="3091"/>
                    </a:cubicBezTo>
                    <a:lnTo>
                      <a:pt x="13557" y="3059"/>
                    </a:lnTo>
                    <a:lnTo>
                      <a:pt x="13557" y="3059"/>
                    </a:lnTo>
                    <a:cubicBezTo>
                      <a:pt x="13513" y="3096"/>
                      <a:pt x="13520" y="3103"/>
                      <a:pt x="13446" y="3151"/>
                    </a:cubicBezTo>
                    <a:cubicBezTo>
                      <a:pt x="13388" y="3177"/>
                      <a:pt x="13411" y="3147"/>
                      <a:pt x="13346" y="3191"/>
                    </a:cubicBezTo>
                    <a:cubicBezTo>
                      <a:pt x="13295" y="3207"/>
                      <a:pt x="13267" y="3214"/>
                      <a:pt x="13253" y="3214"/>
                    </a:cubicBezTo>
                    <a:cubicBezTo>
                      <a:pt x="13227" y="3214"/>
                      <a:pt x="13254" y="3189"/>
                      <a:pt x="13276" y="3167"/>
                    </a:cubicBezTo>
                    <a:lnTo>
                      <a:pt x="13276" y="3167"/>
                    </a:lnTo>
                    <a:cubicBezTo>
                      <a:pt x="13218" y="3194"/>
                      <a:pt x="13143" y="3225"/>
                      <a:pt x="13135" y="3237"/>
                    </a:cubicBezTo>
                    <a:cubicBezTo>
                      <a:pt x="13132" y="3232"/>
                      <a:pt x="13138" y="3219"/>
                      <a:pt x="13169" y="3199"/>
                    </a:cubicBezTo>
                    <a:lnTo>
                      <a:pt x="13169" y="3199"/>
                    </a:lnTo>
                    <a:cubicBezTo>
                      <a:pt x="13284" y="3177"/>
                      <a:pt x="13222" y="3160"/>
                      <a:pt x="13251" y="3160"/>
                    </a:cubicBezTo>
                    <a:cubicBezTo>
                      <a:pt x="13254" y="3160"/>
                      <a:pt x="13259" y="3160"/>
                      <a:pt x="13265" y="3161"/>
                    </a:cubicBezTo>
                    <a:lnTo>
                      <a:pt x="13290" y="3151"/>
                    </a:lnTo>
                    <a:lnTo>
                      <a:pt x="13290" y="3151"/>
                    </a:lnTo>
                    <a:cubicBezTo>
                      <a:pt x="13286" y="3156"/>
                      <a:pt x="13281" y="3162"/>
                      <a:pt x="13276" y="3167"/>
                    </a:cubicBezTo>
                    <a:lnTo>
                      <a:pt x="13276" y="3167"/>
                    </a:lnTo>
                    <a:cubicBezTo>
                      <a:pt x="13307" y="3153"/>
                      <a:pt x="13332" y="3140"/>
                      <a:pt x="13339" y="3133"/>
                    </a:cubicBezTo>
                    <a:lnTo>
                      <a:pt x="13339" y="3133"/>
                    </a:lnTo>
                    <a:lnTo>
                      <a:pt x="13290" y="3151"/>
                    </a:lnTo>
                    <a:lnTo>
                      <a:pt x="13290" y="3151"/>
                    </a:lnTo>
                    <a:cubicBezTo>
                      <a:pt x="13292" y="3149"/>
                      <a:pt x="13294" y="3146"/>
                      <a:pt x="13295" y="3144"/>
                    </a:cubicBezTo>
                    <a:lnTo>
                      <a:pt x="13295" y="3144"/>
                    </a:lnTo>
                    <a:cubicBezTo>
                      <a:pt x="13274" y="3151"/>
                      <a:pt x="13261" y="3153"/>
                      <a:pt x="13254" y="3153"/>
                    </a:cubicBezTo>
                    <a:cubicBezTo>
                      <a:pt x="13242" y="3153"/>
                      <a:pt x="13243" y="3147"/>
                      <a:pt x="13249" y="3140"/>
                    </a:cubicBezTo>
                    <a:lnTo>
                      <a:pt x="13249" y="3140"/>
                    </a:lnTo>
                    <a:lnTo>
                      <a:pt x="13207" y="3170"/>
                    </a:lnTo>
                    <a:lnTo>
                      <a:pt x="13207" y="3170"/>
                    </a:lnTo>
                    <a:lnTo>
                      <a:pt x="13163" y="3163"/>
                    </a:lnTo>
                    <a:cubicBezTo>
                      <a:pt x="13120" y="3178"/>
                      <a:pt x="13097" y="3203"/>
                      <a:pt x="13072" y="3203"/>
                    </a:cubicBezTo>
                    <a:cubicBezTo>
                      <a:pt x="13070" y="3203"/>
                      <a:pt x="13068" y="3203"/>
                      <a:pt x="13066" y="3202"/>
                    </a:cubicBezTo>
                    <a:cubicBezTo>
                      <a:pt x="13063" y="3202"/>
                      <a:pt x="13061" y="3203"/>
                      <a:pt x="13059" y="3203"/>
                    </a:cubicBezTo>
                    <a:cubicBezTo>
                      <a:pt x="13018" y="3203"/>
                      <a:pt x="13081" y="3171"/>
                      <a:pt x="13059" y="3171"/>
                    </a:cubicBezTo>
                    <a:cubicBezTo>
                      <a:pt x="13051" y="3171"/>
                      <a:pt x="13029" y="3175"/>
                      <a:pt x="12985" y="3188"/>
                    </a:cubicBezTo>
                    <a:cubicBezTo>
                      <a:pt x="12806" y="3237"/>
                      <a:pt x="12825" y="3269"/>
                      <a:pt x="12700" y="3295"/>
                    </a:cubicBezTo>
                    <a:cubicBezTo>
                      <a:pt x="12727" y="3295"/>
                      <a:pt x="12758" y="3290"/>
                      <a:pt x="12783" y="3281"/>
                    </a:cubicBezTo>
                    <a:lnTo>
                      <a:pt x="12783" y="3281"/>
                    </a:lnTo>
                    <a:cubicBezTo>
                      <a:pt x="12746" y="3302"/>
                      <a:pt x="12820" y="3293"/>
                      <a:pt x="12753" y="3318"/>
                    </a:cubicBezTo>
                    <a:cubicBezTo>
                      <a:pt x="12744" y="3318"/>
                      <a:pt x="12734" y="3317"/>
                      <a:pt x="12725" y="3317"/>
                    </a:cubicBezTo>
                    <a:cubicBezTo>
                      <a:pt x="12695" y="3317"/>
                      <a:pt x="12665" y="3320"/>
                      <a:pt x="12635" y="3327"/>
                    </a:cubicBezTo>
                    <a:cubicBezTo>
                      <a:pt x="12584" y="3337"/>
                      <a:pt x="12526" y="3351"/>
                      <a:pt x="12473" y="3360"/>
                    </a:cubicBezTo>
                    <a:cubicBezTo>
                      <a:pt x="12498" y="3344"/>
                      <a:pt x="12429" y="3346"/>
                      <a:pt x="12461" y="3332"/>
                    </a:cubicBezTo>
                    <a:lnTo>
                      <a:pt x="12461" y="3332"/>
                    </a:lnTo>
                    <a:cubicBezTo>
                      <a:pt x="12419" y="3341"/>
                      <a:pt x="12380" y="3353"/>
                      <a:pt x="12341" y="3371"/>
                    </a:cubicBezTo>
                    <a:cubicBezTo>
                      <a:pt x="12368" y="3368"/>
                      <a:pt x="12386" y="3367"/>
                      <a:pt x="12395" y="3367"/>
                    </a:cubicBezTo>
                    <a:cubicBezTo>
                      <a:pt x="12421" y="3367"/>
                      <a:pt x="12383" y="3377"/>
                      <a:pt x="12341" y="3388"/>
                    </a:cubicBezTo>
                    <a:cubicBezTo>
                      <a:pt x="12283" y="3402"/>
                      <a:pt x="12220" y="3418"/>
                      <a:pt x="12306" y="3418"/>
                    </a:cubicBezTo>
                    <a:cubicBezTo>
                      <a:pt x="12230" y="3429"/>
                      <a:pt x="12181" y="3432"/>
                      <a:pt x="12140" y="3432"/>
                    </a:cubicBezTo>
                    <a:cubicBezTo>
                      <a:pt x="12098" y="3432"/>
                      <a:pt x="12064" y="3429"/>
                      <a:pt x="12019" y="3429"/>
                    </a:cubicBezTo>
                    <a:cubicBezTo>
                      <a:pt x="12012" y="3429"/>
                      <a:pt x="12005" y="3429"/>
                      <a:pt x="11998" y="3429"/>
                    </a:cubicBezTo>
                    <a:cubicBezTo>
                      <a:pt x="12004" y="3423"/>
                      <a:pt x="12147" y="3398"/>
                      <a:pt x="12081" y="3398"/>
                    </a:cubicBezTo>
                    <a:cubicBezTo>
                      <a:pt x="12072" y="3398"/>
                      <a:pt x="12058" y="3398"/>
                      <a:pt x="12039" y="3399"/>
                    </a:cubicBezTo>
                    <a:cubicBezTo>
                      <a:pt x="11870" y="3443"/>
                      <a:pt x="12074" y="3427"/>
                      <a:pt x="11944" y="3469"/>
                    </a:cubicBezTo>
                    <a:lnTo>
                      <a:pt x="12053" y="3464"/>
                    </a:lnTo>
                    <a:lnTo>
                      <a:pt x="12053" y="3464"/>
                    </a:lnTo>
                    <a:cubicBezTo>
                      <a:pt x="12070" y="3490"/>
                      <a:pt x="11866" y="3492"/>
                      <a:pt x="11838" y="3503"/>
                    </a:cubicBezTo>
                    <a:cubicBezTo>
                      <a:pt x="11771" y="3503"/>
                      <a:pt x="11931" y="3485"/>
                      <a:pt x="11863" y="3473"/>
                    </a:cubicBezTo>
                    <a:lnTo>
                      <a:pt x="11863" y="3473"/>
                    </a:lnTo>
                    <a:cubicBezTo>
                      <a:pt x="11769" y="3478"/>
                      <a:pt x="11720" y="3499"/>
                      <a:pt x="11657" y="3499"/>
                    </a:cubicBezTo>
                    <a:cubicBezTo>
                      <a:pt x="11654" y="3499"/>
                      <a:pt x="11651" y="3499"/>
                      <a:pt x="11648" y="3499"/>
                    </a:cubicBezTo>
                    <a:cubicBezTo>
                      <a:pt x="11678" y="3483"/>
                      <a:pt x="11708" y="3471"/>
                      <a:pt x="11741" y="3459"/>
                    </a:cubicBezTo>
                    <a:lnTo>
                      <a:pt x="11741" y="3459"/>
                    </a:lnTo>
                    <a:cubicBezTo>
                      <a:pt x="11689" y="3465"/>
                      <a:pt x="11660" y="3467"/>
                      <a:pt x="11645" y="3467"/>
                    </a:cubicBezTo>
                    <a:cubicBezTo>
                      <a:pt x="11596" y="3467"/>
                      <a:pt x="11690" y="3445"/>
                      <a:pt x="11600" y="3445"/>
                    </a:cubicBezTo>
                    <a:cubicBezTo>
                      <a:pt x="11591" y="3445"/>
                      <a:pt x="11580" y="3445"/>
                      <a:pt x="11567" y="3446"/>
                    </a:cubicBezTo>
                    <a:cubicBezTo>
                      <a:pt x="11509" y="3455"/>
                      <a:pt x="11548" y="3466"/>
                      <a:pt x="11456" y="3473"/>
                    </a:cubicBezTo>
                    <a:cubicBezTo>
                      <a:pt x="11489" y="3482"/>
                      <a:pt x="11500" y="3487"/>
                      <a:pt x="11535" y="3487"/>
                    </a:cubicBezTo>
                    <a:cubicBezTo>
                      <a:pt x="11559" y="3487"/>
                      <a:pt x="11594" y="3485"/>
                      <a:pt x="11655" y="3478"/>
                    </a:cubicBezTo>
                    <a:lnTo>
                      <a:pt x="11655" y="3478"/>
                    </a:lnTo>
                    <a:cubicBezTo>
                      <a:pt x="11606" y="3513"/>
                      <a:pt x="11458" y="3492"/>
                      <a:pt x="11354" y="3520"/>
                    </a:cubicBezTo>
                    <a:cubicBezTo>
                      <a:pt x="11393" y="3520"/>
                      <a:pt x="11433" y="3517"/>
                      <a:pt x="11472" y="3510"/>
                    </a:cubicBezTo>
                    <a:lnTo>
                      <a:pt x="11472" y="3510"/>
                    </a:lnTo>
                    <a:cubicBezTo>
                      <a:pt x="11486" y="3531"/>
                      <a:pt x="11521" y="3531"/>
                      <a:pt x="11440" y="3564"/>
                    </a:cubicBezTo>
                    <a:cubicBezTo>
                      <a:pt x="11537" y="3547"/>
                      <a:pt x="11576" y="3517"/>
                      <a:pt x="11717" y="3508"/>
                    </a:cubicBezTo>
                    <a:lnTo>
                      <a:pt x="11717" y="3508"/>
                    </a:lnTo>
                    <a:cubicBezTo>
                      <a:pt x="11757" y="3529"/>
                      <a:pt x="11548" y="3545"/>
                      <a:pt x="11548" y="3578"/>
                    </a:cubicBezTo>
                    <a:cubicBezTo>
                      <a:pt x="11499" y="3595"/>
                      <a:pt x="11393" y="3600"/>
                      <a:pt x="11309" y="3600"/>
                    </a:cubicBezTo>
                    <a:cubicBezTo>
                      <a:pt x="11279" y="3600"/>
                      <a:pt x="11252" y="3600"/>
                      <a:pt x="11231" y="3598"/>
                    </a:cubicBezTo>
                    <a:cubicBezTo>
                      <a:pt x="11097" y="3633"/>
                      <a:pt x="10930" y="3647"/>
                      <a:pt x="10828" y="3686"/>
                    </a:cubicBezTo>
                    <a:cubicBezTo>
                      <a:pt x="10752" y="3691"/>
                      <a:pt x="10673" y="3698"/>
                      <a:pt x="10596" y="3712"/>
                    </a:cubicBezTo>
                    <a:cubicBezTo>
                      <a:pt x="10499" y="3726"/>
                      <a:pt x="10399" y="3735"/>
                      <a:pt x="10300" y="3740"/>
                    </a:cubicBezTo>
                    <a:cubicBezTo>
                      <a:pt x="10292" y="3737"/>
                      <a:pt x="10272" y="3736"/>
                      <a:pt x="10250" y="3736"/>
                    </a:cubicBezTo>
                    <a:cubicBezTo>
                      <a:pt x="10224" y="3736"/>
                      <a:pt x="10195" y="3737"/>
                      <a:pt x="10174" y="3737"/>
                    </a:cubicBezTo>
                    <a:cubicBezTo>
                      <a:pt x="10148" y="3737"/>
                      <a:pt x="10137" y="3735"/>
                      <a:pt x="10170" y="3727"/>
                    </a:cubicBezTo>
                    <a:lnTo>
                      <a:pt x="10170" y="3727"/>
                    </a:lnTo>
                    <a:cubicBezTo>
                      <a:pt x="10128" y="3734"/>
                      <a:pt x="10020" y="3746"/>
                      <a:pt x="10054" y="3754"/>
                    </a:cubicBezTo>
                    <a:cubicBezTo>
                      <a:pt x="10077" y="3749"/>
                      <a:pt x="10101" y="3747"/>
                      <a:pt x="10121" y="3747"/>
                    </a:cubicBezTo>
                    <a:lnTo>
                      <a:pt x="10094" y="3768"/>
                    </a:lnTo>
                    <a:cubicBezTo>
                      <a:pt x="10090" y="3767"/>
                      <a:pt x="10086" y="3767"/>
                      <a:pt x="10083" y="3767"/>
                    </a:cubicBezTo>
                    <a:cubicBezTo>
                      <a:pt x="10002" y="3767"/>
                      <a:pt x="9915" y="3789"/>
                      <a:pt x="9838" y="3789"/>
                    </a:cubicBezTo>
                    <a:cubicBezTo>
                      <a:pt x="9831" y="3789"/>
                      <a:pt x="9825" y="3789"/>
                      <a:pt x="9818" y="3788"/>
                    </a:cubicBezTo>
                    <a:cubicBezTo>
                      <a:pt x="9788" y="3777"/>
                      <a:pt x="9978" y="3770"/>
                      <a:pt x="9920" y="3756"/>
                    </a:cubicBezTo>
                    <a:lnTo>
                      <a:pt x="9920" y="3756"/>
                    </a:lnTo>
                    <a:cubicBezTo>
                      <a:pt x="9847" y="3785"/>
                      <a:pt x="9571" y="3810"/>
                      <a:pt x="9435" y="3810"/>
                    </a:cubicBezTo>
                    <a:cubicBezTo>
                      <a:pt x="9419" y="3810"/>
                      <a:pt x="9405" y="3810"/>
                      <a:pt x="9394" y="3809"/>
                    </a:cubicBezTo>
                    <a:cubicBezTo>
                      <a:pt x="9322" y="3807"/>
                      <a:pt x="9313" y="3786"/>
                      <a:pt x="9283" y="3784"/>
                    </a:cubicBezTo>
                    <a:lnTo>
                      <a:pt x="9162" y="3788"/>
                    </a:lnTo>
                    <a:cubicBezTo>
                      <a:pt x="9149" y="3781"/>
                      <a:pt x="9146" y="3774"/>
                      <a:pt x="9123" y="3765"/>
                    </a:cubicBezTo>
                    <a:cubicBezTo>
                      <a:pt x="9115" y="3765"/>
                      <a:pt x="9106" y="3765"/>
                      <a:pt x="9098" y="3765"/>
                    </a:cubicBezTo>
                    <a:cubicBezTo>
                      <a:pt x="9060" y="3765"/>
                      <a:pt x="9024" y="3768"/>
                      <a:pt x="8986" y="3772"/>
                    </a:cubicBezTo>
                    <a:cubicBezTo>
                      <a:pt x="8829" y="3761"/>
                      <a:pt x="8915" y="3742"/>
                      <a:pt x="8993" y="3726"/>
                    </a:cubicBezTo>
                    <a:lnTo>
                      <a:pt x="9081" y="3735"/>
                    </a:lnTo>
                    <a:cubicBezTo>
                      <a:pt x="9146" y="3723"/>
                      <a:pt x="9239" y="3723"/>
                      <a:pt x="9186" y="3705"/>
                    </a:cubicBezTo>
                    <a:cubicBezTo>
                      <a:pt x="9165" y="3705"/>
                      <a:pt x="9144" y="3712"/>
                      <a:pt x="9128" y="3721"/>
                    </a:cubicBezTo>
                    <a:cubicBezTo>
                      <a:pt x="9109" y="3719"/>
                      <a:pt x="9093" y="3714"/>
                      <a:pt x="9074" y="3712"/>
                    </a:cubicBezTo>
                    <a:cubicBezTo>
                      <a:pt x="9023" y="3721"/>
                      <a:pt x="8878" y="3726"/>
                      <a:pt x="8894" y="3740"/>
                    </a:cubicBezTo>
                    <a:cubicBezTo>
                      <a:pt x="8840" y="3735"/>
                      <a:pt x="8783" y="3737"/>
                      <a:pt x="8727" y="3735"/>
                    </a:cubicBezTo>
                    <a:cubicBezTo>
                      <a:pt x="8718" y="3735"/>
                      <a:pt x="8709" y="3736"/>
                      <a:pt x="8700" y="3736"/>
                    </a:cubicBezTo>
                    <a:cubicBezTo>
                      <a:pt x="8657" y="3736"/>
                      <a:pt x="8614" y="3732"/>
                      <a:pt x="8572" y="3726"/>
                    </a:cubicBezTo>
                    <a:lnTo>
                      <a:pt x="8572" y="3726"/>
                    </a:lnTo>
                    <a:cubicBezTo>
                      <a:pt x="8637" y="3737"/>
                      <a:pt x="8553" y="3742"/>
                      <a:pt x="8572" y="3756"/>
                    </a:cubicBezTo>
                    <a:lnTo>
                      <a:pt x="8685" y="3763"/>
                    </a:lnTo>
                    <a:cubicBezTo>
                      <a:pt x="8631" y="3763"/>
                      <a:pt x="8563" y="3767"/>
                      <a:pt x="8500" y="3767"/>
                    </a:cubicBezTo>
                    <a:cubicBezTo>
                      <a:pt x="8455" y="3767"/>
                      <a:pt x="8412" y="3765"/>
                      <a:pt x="8377" y="3758"/>
                    </a:cubicBezTo>
                    <a:cubicBezTo>
                      <a:pt x="8389" y="3751"/>
                      <a:pt x="8391" y="3747"/>
                      <a:pt x="8347" y="3735"/>
                    </a:cubicBezTo>
                    <a:lnTo>
                      <a:pt x="8347" y="3735"/>
                    </a:lnTo>
                    <a:cubicBezTo>
                      <a:pt x="8407" y="3751"/>
                      <a:pt x="8190" y="3744"/>
                      <a:pt x="8319" y="3768"/>
                    </a:cubicBezTo>
                    <a:cubicBezTo>
                      <a:pt x="8344" y="3766"/>
                      <a:pt x="8367" y="3766"/>
                      <a:pt x="8393" y="3766"/>
                    </a:cubicBezTo>
                    <a:cubicBezTo>
                      <a:pt x="8418" y="3766"/>
                      <a:pt x="8445" y="3766"/>
                      <a:pt x="8477" y="3768"/>
                    </a:cubicBezTo>
                    <a:cubicBezTo>
                      <a:pt x="8518" y="3788"/>
                      <a:pt x="8419" y="3791"/>
                      <a:pt x="8361" y="3800"/>
                    </a:cubicBezTo>
                    <a:lnTo>
                      <a:pt x="8057" y="3800"/>
                    </a:lnTo>
                    <a:cubicBezTo>
                      <a:pt x="8004" y="3791"/>
                      <a:pt x="7986" y="3769"/>
                      <a:pt x="7905" y="3769"/>
                    </a:cubicBezTo>
                    <a:cubicBezTo>
                      <a:pt x="7898" y="3769"/>
                      <a:pt x="7890" y="3769"/>
                      <a:pt x="7881" y="3770"/>
                    </a:cubicBezTo>
                    <a:cubicBezTo>
                      <a:pt x="8009" y="3802"/>
                      <a:pt x="7756" y="3793"/>
                      <a:pt x="7719" y="3809"/>
                    </a:cubicBezTo>
                    <a:cubicBezTo>
                      <a:pt x="7624" y="3788"/>
                      <a:pt x="7559" y="3807"/>
                      <a:pt x="7483" y="3781"/>
                    </a:cubicBezTo>
                    <a:cubicBezTo>
                      <a:pt x="7485" y="3781"/>
                      <a:pt x="7488" y="3781"/>
                      <a:pt x="7492" y="3781"/>
                    </a:cubicBezTo>
                    <a:cubicBezTo>
                      <a:pt x="7531" y="3781"/>
                      <a:pt x="7622" y="3791"/>
                      <a:pt x="7678" y="3791"/>
                    </a:cubicBezTo>
                    <a:cubicBezTo>
                      <a:pt x="7693" y="3791"/>
                      <a:pt x="7706" y="3790"/>
                      <a:pt x="7715" y="3788"/>
                    </a:cubicBezTo>
                    <a:cubicBezTo>
                      <a:pt x="7717" y="3781"/>
                      <a:pt x="7710" y="3770"/>
                      <a:pt x="7722" y="3763"/>
                    </a:cubicBezTo>
                    <a:cubicBezTo>
                      <a:pt x="7729" y="3755"/>
                      <a:pt x="7750" y="3751"/>
                      <a:pt x="7800" y="3751"/>
                    </a:cubicBezTo>
                    <a:cubicBezTo>
                      <a:pt x="7810" y="3751"/>
                      <a:pt x="7822" y="3751"/>
                      <a:pt x="7835" y="3751"/>
                    </a:cubicBezTo>
                    <a:cubicBezTo>
                      <a:pt x="7791" y="3747"/>
                      <a:pt x="7761" y="3744"/>
                      <a:pt x="7742" y="3742"/>
                    </a:cubicBezTo>
                    <a:cubicBezTo>
                      <a:pt x="7736" y="3741"/>
                      <a:pt x="7729" y="3740"/>
                      <a:pt x="7723" y="3740"/>
                    </a:cubicBezTo>
                    <a:cubicBezTo>
                      <a:pt x="7717" y="3740"/>
                      <a:pt x="7711" y="3741"/>
                      <a:pt x="7705" y="3742"/>
                    </a:cubicBezTo>
                    <a:cubicBezTo>
                      <a:pt x="7691" y="3747"/>
                      <a:pt x="7676" y="3750"/>
                      <a:pt x="7662" y="3750"/>
                    </a:cubicBezTo>
                    <a:cubicBezTo>
                      <a:pt x="7658" y="3750"/>
                      <a:pt x="7654" y="3750"/>
                      <a:pt x="7650" y="3749"/>
                    </a:cubicBezTo>
                    <a:lnTo>
                      <a:pt x="7650" y="3749"/>
                    </a:lnTo>
                    <a:lnTo>
                      <a:pt x="7708" y="3756"/>
                    </a:lnTo>
                    <a:cubicBezTo>
                      <a:pt x="7683" y="3758"/>
                      <a:pt x="7719" y="3771"/>
                      <a:pt x="7693" y="3771"/>
                    </a:cubicBezTo>
                    <a:cubicBezTo>
                      <a:pt x="7689" y="3771"/>
                      <a:pt x="7684" y="3770"/>
                      <a:pt x="7678" y="3770"/>
                    </a:cubicBezTo>
                    <a:cubicBezTo>
                      <a:pt x="7548" y="3751"/>
                      <a:pt x="7420" y="3721"/>
                      <a:pt x="7298" y="3675"/>
                    </a:cubicBezTo>
                    <a:lnTo>
                      <a:pt x="7298" y="3675"/>
                    </a:lnTo>
                    <a:cubicBezTo>
                      <a:pt x="7316" y="3685"/>
                      <a:pt x="7295" y="3689"/>
                      <a:pt x="7269" y="3689"/>
                    </a:cubicBezTo>
                    <a:cubicBezTo>
                      <a:pt x="7255" y="3689"/>
                      <a:pt x="7239" y="3688"/>
                      <a:pt x="7228" y="3686"/>
                    </a:cubicBezTo>
                    <a:cubicBezTo>
                      <a:pt x="7096" y="3649"/>
                      <a:pt x="7235" y="3654"/>
                      <a:pt x="7156" y="3619"/>
                    </a:cubicBezTo>
                    <a:lnTo>
                      <a:pt x="7156" y="3619"/>
                    </a:lnTo>
                    <a:cubicBezTo>
                      <a:pt x="7150" y="3620"/>
                      <a:pt x="7143" y="3620"/>
                      <a:pt x="7136" y="3620"/>
                    </a:cubicBezTo>
                    <a:cubicBezTo>
                      <a:pt x="7103" y="3620"/>
                      <a:pt x="7061" y="3612"/>
                      <a:pt x="7047" y="3612"/>
                    </a:cubicBezTo>
                    <a:cubicBezTo>
                      <a:pt x="7040" y="3612"/>
                      <a:pt x="7039" y="3614"/>
                      <a:pt x="7048" y="3619"/>
                    </a:cubicBezTo>
                    <a:cubicBezTo>
                      <a:pt x="6994" y="3608"/>
                      <a:pt x="7022" y="3608"/>
                      <a:pt x="6985" y="3596"/>
                    </a:cubicBezTo>
                    <a:cubicBezTo>
                      <a:pt x="6973" y="3597"/>
                      <a:pt x="6961" y="3598"/>
                      <a:pt x="6948" y="3598"/>
                    </a:cubicBezTo>
                    <a:cubicBezTo>
                      <a:pt x="6911" y="3598"/>
                      <a:pt x="6873" y="3593"/>
                      <a:pt x="6834" y="3582"/>
                    </a:cubicBezTo>
                    <a:cubicBezTo>
                      <a:pt x="6839" y="3580"/>
                      <a:pt x="6844" y="3577"/>
                      <a:pt x="6857" y="3577"/>
                    </a:cubicBezTo>
                    <a:cubicBezTo>
                      <a:pt x="6870" y="3577"/>
                      <a:pt x="6890" y="3580"/>
                      <a:pt x="6925" y="3589"/>
                    </a:cubicBezTo>
                    <a:cubicBezTo>
                      <a:pt x="6848" y="3566"/>
                      <a:pt x="6825" y="3538"/>
                      <a:pt x="6860" y="3534"/>
                    </a:cubicBezTo>
                    <a:lnTo>
                      <a:pt x="6860" y="3534"/>
                    </a:lnTo>
                    <a:lnTo>
                      <a:pt x="6985" y="3571"/>
                    </a:lnTo>
                    <a:cubicBezTo>
                      <a:pt x="7048" y="3568"/>
                      <a:pt x="6869" y="3538"/>
                      <a:pt x="6876" y="3524"/>
                    </a:cubicBezTo>
                    <a:lnTo>
                      <a:pt x="6876" y="3524"/>
                    </a:lnTo>
                    <a:cubicBezTo>
                      <a:pt x="6934" y="3534"/>
                      <a:pt x="6973" y="3552"/>
                      <a:pt x="7010" y="3554"/>
                    </a:cubicBezTo>
                    <a:cubicBezTo>
                      <a:pt x="6978" y="3531"/>
                      <a:pt x="6865" y="3524"/>
                      <a:pt x="6800" y="3510"/>
                    </a:cubicBezTo>
                    <a:cubicBezTo>
                      <a:pt x="6700" y="3483"/>
                      <a:pt x="6742" y="3478"/>
                      <a:pt x="6742" y="3469"/>
                    </a:cubicBezTo>
                    <a:cubicBezTo>
                      <a:pt x="6726" y="3467"/>
                      <a:pt x="6715" y="3466"/>
                      <a:pt x="6707" y="3466"/>
                    </a:cubicBezTo>
                    <a:cubicBezTo>
                      <a:pt x="6673" y="3466"/>
                      <a:pt x="6711" y="3482"/>
                      <a:pt x="6751" y="3499"/>
                    </a:cubicBezTo>
                    <a:cubicBezTo>
                      <a:pt x="6774" y="3508"/>
                      <a:pt x="6800" y="3517"/>
                      <a:pt x="6809" y="3524"/>
                    </a:cubicBezTo>
                    <a:cubicBezTo>
                      <a:pt x="6814" y="3528"/>
                      <a:pt x="6812" y="3531"/>
                      <a:pt x="6795" y="3531"/>
                    </a:cubicBezTo>
                    <a:cubicBezTo>
                      <a:pt x="6789" y="3531"/>
                      <a:pt x="6779" y="3530"/>
                      <a:pt x="6767" y="3529"/>
                    </a:cubicBezTo>
                    <a:cubicBezTo>
                      <a:pt x="6766" y="3529"/>
                      <a:pt x="6764" y="3529"/>
                      <a:pt x="6762" y="3529"/>
                    </a:cubicBezTo>
                    <a:cubicBezTo>
                      <a:pt x="6695" y="3529"/>
                      <a:pt x="6547" y="3487"/>
                      <a:pt x="6443" y="3462"/>
                    </a:cubicBezTo>
                    <a:lnTo>
                      <a:pt x="6443" y="3462"/>
                    </a:lnTo>
                    <a:cubicBezTo>
                      <a:pt x="6480" y="3482"/>
                      <a:pt x="6480" y="3490"/>
                      <a:pt x="6461" y="3490"/>
                    </a:cubicBezTo>
                    <a:cubicBezTo>
                      <a:pt x="6459" y="3490"/>
                      <a:pt x="6456" y="3490"/>
                      <a:pt x="6452" y="3490"/>
                    </a:cubicBezTo>
                    <a:cubicBezTo>
                      <a:pt x="6404" y="3483"/>
                      <a:pt x="6357" y="3473"/>
                      <a:pt x="6311" y="3459"/>
                    </a:cubicBezTo>
                    <a:lnTo>
                      <a:pt x="6311" y="3459"/>
                    </a:lnTo>
                    <a:cubicBezTo>
                      <a:pt x="6383" y="3483"/>
                      <a:pt x="6390" y="3492"/>
                      <a:pt x="6401" y="3501"/>
                    </a:cubicBezTo>
                    <a:cubicBezTo>
                      <a:pt x="6413" y="3508"/>
                      <a:pt x="6427" y="3517"/>
                      <a:pt x="6515" y="3531"/>
                    </a:cubicBezTo>
                    <a:lnTo>
                      <a:pt x="6515" y="3550"/>
                    </a:lnTo>
                    <a:cubicBezTo>
                      <a:pt x="6441" y="3531"/>
                      <a:pt x="6360" y="3496"/>
                      <a:pt x="6288" y="3473"/>
                    </a:cubicBezTo>
                    <a:cubicBezTo>
                      <a:pt x="6301" y="3473"/>
                      <a:pt x="6293" y="3467"/>
                      <a:pt x="6302" y="3467"/>
                    </a:cubicBezTo>
                    <a:cubicBezTo>
                      <a:pt x="6305" y="3467"/>
                      <a:pt x="6308" y="3468"/>
                      <a:pt x="6313" y="3469"/>
                    </a:cubicBezTo>
                    <a:cubicBezTo>
                      <a:pt x="6241" y="3448"/>
                      <a:pt x="6167" y="3429"/>
                      <a:pt x="6098" y="3406"/>
                    </a:cubicBezTo>
                    <a:lnTo>
                      <a:pt x="6121" y="3404"/>
                    </a:lnTo>
                    <a:cubicBezTo>
                      <a:pt x="6058" y="3378"/>
                      <a:pt x="5987" y="3351"/>
                      <a:pt x="5922" y="3323"/>
                    </a:cubicBezTo>
                    <a:cubicBezTo>
                      <a:pt x="5859" y="3293"/>
                      <a:pt x="5801" y="3269"/>
                      <a:pt x="5762" y="3256"/>
                    </a:cubicBezTo>
                    <a:lnTo>
                      <a:pt x="5762" y="3256"/>
                    </a:lnTo>
                    <a:cubicBezTo>
                      <a:pt x="5809" y="3276"/>
                      <a:pt x="5849" y="3301"/>
                      <a:pt x="5832" y="3301"/>
                    </a:cubicBezTo>
                    <a:cubicBezTo>
                      <a:pt x="5827" y="3301"/>
                      <a:pt x="5818" y="3299"/>
                      <a:pt x="5804" y="3295"/>
                    </a:cubicBezTo>
                    <a:cubicBezTo>
                      <a:pt x="5746" y="3281"/>
                      <a:pt x="5690" y="3263"/>
                      <a:pt x="5637" y="3237"/>
                    </a:cubicBezTo>
                    <a:cubicBezTo>
                      <a:pt x="5616" y="3212"/>
                      <a:pt x="5466" y="3140"/>
                      <a:pt x="5495" y="3140"/>
                    </a:cubicBezTo>
                    <a:cubicBezTo>
                      <a:pt x="5502" y="3140"/>
                      <a:pt x="5516" y="3144"/>
                      <a:pt x="5542" y="3151"/>
                    </a:cubicBezTo>
                    <a:cubicBezTo>
                      <a:pt x="5451" y="3117"/>
                      <a:pt x="5421" y="3105"/>
                      <a:pt x="5394" y="3096"/>
                    </a:cubicBezTo>
                    <a:cubicBezTo>
                      <a:pt x="5366" y="3086"/>
                      <a:pt x="5338" y="3077"/>
                      <a:pt x="5252" y="3042"/>
                    </a:cubicBezTo>
                    <a:lnTo>
                      <a:pt x="5252" y="3042"/>
                    </a:lnTo>
                    <a:cubicBezTo>
                      <a:pt x="5289" y="3059"/>
                      <a:pt x="5329" y="3075"/>
                      <a:pt x="5366" y="3091"/>
                    </a:cubicBezTo>
                    <a:cubicBezTo>
                      <a:pt x="5373" y="3112"/>
                      <a:pt x="5268" y="3091"/>
                      <a:pt x="5373" y="3151"/>
                    </a:cubicBezTo>
                    <a:cubicBezTo>
                      <a:pt x="5241" y="3098"/>
                      <a:pt x="5310" y="3163"/>
                      <a:pt x="5139" y="3080"/>
                    </a:cubicBezTo>
                    <a:cubicBezTo>
                      <a:pt x="5116" y="3065"/>
                      <a:pt x="5114" y="3058"/>
                      <a:pt x="5126" y="3058"/>
                    </a:cubicBezTo>
                    <a:cubicBezTo>
                      <a:pt x="5146" y="3058"/>
                      <a:pt x="5208" y="3079"/>
                      <a:pt x="5271" y="3107"/>
                    </a:cubicBezTo>
                    <a:cubicBezTo>
                      <a:pt x="5227" y="3080"/>
                      <a:pt x="5178" y="3056"/>
                      <a:pt x="5129" y="3038"/>
                    </a:cubicBezTo>
                    <a:cubicBezTo>
                      <a:pt x="5123" y="3031"/>
                      <a:pt x="5125" y="3029"/>
                      <a:pt x="5130" y="3029"/>
                    </a:cubicBezTo>
                    <a:cubicBezTo>
                      <a:pt x="5138" y="3029"/>
                      <a:pt x="5153" y="3033"/>
                      <a:pt x="5169" y="3038"/>
                    </a:cubicBezTo>
                    <a:lnTo>
                      <a:pt x="5169" y="3038"/>
                    </a:lnTo>
                    <a:cubicBezTo>
                      <a:pt x="5163" y="3036"/>
                      <a:pt x="5154" y="3032"/>
                      <a:pt x="5141" y="3026"/>
                    </a:cubicBezTo>
                    <a:cubicBezTo>
                      <a:pt x="4991" y="2968"/>
                      <a:pt x="5062" y="2957"/>
                      <a:pt x="4921" y="2894"/>
                    </a:cubicBezTo>
                    <a:lnTo>
                      <a:pt x="4921" y="2894"/>
                    </a:lnTo>
                    <a:cubicBezTo>
                      <a:pt x="4946" y="2908"/>
                      <a:pt x="4985" y="2932"/>
                      <a:pt x="4975" y="2932"/>
                    </a:cubicBezTo>
                    <a:cubicBezTo>
                      <a:pt x="4973" y="2932"/>
                      <a:pt x="4969" y="2931"/>
                      <a:pt x="4963" y="2929"/>
                    </a:cubicBezTo>
                    <a:cubicBezTo>
                      <a:pt x="4782" y="2829"/>
                      <a:pt x="4854" y="2887"/>
                      <a:pt x="4719" y="2820"/>
                    </a:cubicBezTo>
                    <a:cubicBezTo>
                      <a:pt x="4659" y="2760"/>
                      <a:pt x="4701" y="2758"/>
                      <a:pt x="4587" y="2683"/>
                    </a:cubicBezTo>
                    <a:lnTo>
                      <a:pt x="4587" y="2683"/>
                    </a:lnTo>
                    <a:lnTo>
                      <a:pt x="4652" y="2723"/>
                    </a:lnTo>
                    <a:cubicBezTo>
                      <a:pt x="4611" y="2686"/>
                      <a:pt x="4567" y="2653"/>
                      <a:pt x="4518" y="2623"/>
                    </a:cubicBezTo>
                    <a:cubicBezTo>
                      <a:pt x="4265" y="2496"/>
                      <a:pt x="4052" y="2401"/>
                      <a:pt x="3798" y="2260"/>
                    </a:cubicBezTo>
                    <a:lnTo>
                      <a:pt x="3798" y="2260"/>
                    </a:lnTo>
                    <a:lnTo>
                      <a:pt x="3888" y="2310"/>
                    </a:lnTo>
                    <a:cubicBezTo>
                      <a:pt x="3892" y="2315"/>
                      <a:pt x="3893" y="2316"/>
                      <a:pt x="3891" y="2316"/>
                    </a:cubicBezTo>
                    <a:cubicBezTo>
                      <a:pt x="3882" y="2316"/>
                      <a:pt x="3817" y="2278"/>
                      <a:pt x="3808" y="2278"/>
                    </a:cubicBezTo>
                    <a:cubicBezTo>
                      <a:pt x="3807" y="2278"/>
                      <a:pt x="3807" y="2278"/>
                      <a:pt x="3807" y="2278"/>
                    </a:cubicBezTo>
                    <a:lnTo>
                      <a:pt x="3758" y="2236"/>
                    </a:lnTo>
                    <a:lnTo>
                      <a:pt x="3758" y="2236"/>
                    </a:lnTo>
                    <a:cubicBezTo>
                      <a:pt x="3736" y="2239"/>
                      <a:pt x="3864" y="2320"/>
                      <a:pt x="3836" y="2320"/>
                    </a:cubicBezTo>
                    <a:cubicBezTo>
                      <a:pt x="3835" y="2320"/>
                      <a:pt x="3834" y="2320"/>
                      <a:pt x="3832" y="2320"/>
                    </a:cubicBezTo>
                    <a:cubicBezTo>
                      <a:pt x="3821" y="2310"/>
                      <a:pt x="3809" y="2304"/>
                      <a:pt x="3795" y="2297"/>
                    </a:cubicBezTo>
                    <a:lnTo>
                      <a:pt x="3795" y="2297"/>
                    </a:lnTo>
                    <a:lnTo>
                      <a:pt x="3844" y="2331"/>
                    </a:lnTo>
                    <a:cubicBezTo>
                      <a:pt x="3733" y="2255"/>
                      <a:pt x="3626" y="2220"/>
                      <a:pt x="3554" y="2144"/>
                    </a:cubicBezTo>
                    <a:lnTo>
                      <a:pt x="3554" y="2144"/>
                    </a:lnTo>
                    <a:cubicBezTo>
                      <a:pt x="3637" y="2196"/>
                      <a:pt x="3667" y="2207"/>
                      <a:pt x="3683" y="2207"/>
                    </a:cubicBezTo>
                    <a:cubicBezTo>
                      <a:pt x="3695" y="2207"/>
                      <a:pt x="3699" y="2201"/>
                      <a:pt x="3711" y="2201"/>
                    </a:cubicBezTo>
                    <a:cubicBezTo>
                      <a:pt x="3726" y="2201"/>
                      <a:pt x="3753" y="2210"/>
                      <a:pt x="3822" y="2251"/>
                    </a:cubicBezTo>
                    <a:lnTo>
                      <a:pt x="3822" y="2251"/>
                    </a:lnTo>
                    <a:cubicBezTo>
                      <a:pt x="3776" y="2223"/>
                      <a:pt x="3776" y="2217"/>
                      <a:pt x="3787" y="2217"/>
                    </a:cubicBezTo>
                    <a:cubicBezTo>
                      <a:pt x="3795" y="2217"/>
                      <a:pt x="3809" y="2220"/>
                      <a:pt x="3815" y="2220"/>
                    </a:cubicBezTo>
                    <a:cubicBezTo>
                      <a:pt x="3818" y="2220"/>
                      <a:pt x="3819" y="2220"/>
                      <a:pt x="3818" y="2218"/>
                    </a:cubicBezTo>
                    <a:cubicBezTo>
                      <a:pt x="3760" y="2176"/>
                      <a:pt x="3781" y="2209"/>
                      <a:pt x="3716" y="2160"/>
                    </a:cubicBezTo>
                    <a:cubicBezTo>
                      <a:pt x="3717" y="2159"/>
                      <a:pt x="3718" y="2159"/>
                      <a:pt x="3719" y="2159"/>
                    </a:cubicBezTo>
                    <a:cubicBezTo>
                      <a:pt x="3734" y="2159"/>
                      <a:pt x="3816" y="2203"/>
                      <a:pt x="3829" y="2203"/>
                    </a:cubicBezTo>
                    <a:cubicBezTo>
                      <a:pt x="3832" y="2203"/>
                      <a:pt x="3830" y="2199"/>
                      <a:pt x="3816" y="2188"/>
                    </a:cubicBezTo>
                    <a:cubicBezTo>
                      <a:pt x="3814" y="2189"/>
                      <a:pt x="3812" y="2189"/>
                      <a:pt x="3809" y="2189"/>
                    </a:cubicBezTo>
                    <a:cubicBezTo>
                      <a:pt x="3786" y="2189"/>
                      <a:pt x="3736" y="2154"/>
                      <a:pt x="3703" y="2146"/>
                    </a:cubicBezTo>
                    <a:cubicBezTo>
                      <a:pt x="3678" y="2129"/>
                      <a:pt x="3680" y="2127"/>
                      <a:pt x="3685" y="2127"/>
                    </a:cubicBezTo>
                    <a:cubicBezTo>
                      <a:pt x="3687" y="2127"/>
                      <a:pt x="3688" y="2127"/>
                      <a:pt x="3690" y="2127"/>
                    </a:cubicBezTo>
                    <a:cubicBezTo>
                      <a:pt x="3694" y="2127"/>
                      <a:pt x="3698" y="2126"/>
                      <a:pt x="3691" y="2118"/>
                    </a:cubicBezTo>
                    <a:cubicBezTo>
                      <a:pt x="3666" y="2107"/>
                      <a:pt x="3642" y="2093"/>
                      <a:pt x="3619" y="2079"/>
                    </a:cubicBezTo>
                    <a:lnTo>
                      <a:pt x="3619" y="2079"/>
                    </a:lnTo>
                    <a:lnTo>
                      <a:pt x="3642" y="2081"/>
                    </a:lnTo>
                    <a:cubicBezTo>
                      <a:pt x="3513" y="1977"/>
                      <a:pt x="3591" y="2067"/>
                      <a:pt x="3434" y="1961"/>
                    </a:cubicBezTo>
                    <a:lnTo>
                      <a:pt x="3434" y="1961"/>
                    </a:lnTo>
                    <a:cubicBezTo>
                      <a:pt x="3422" y="1970"/>
                      <a:pt x="3473" y="1998"/>
                      <a:pt x="3540" y="2039"/>
                    </a:cubicBezTo>
                    <a:cubicBezTo>
                      <a:pt x="3543" y="2046"/>
                      <a:pt x="3540" y="2049"/>
                      <a:pt x="3533" y="2049"/>
                    </a:cubicBezTo>
                    <a:cubicBezTo>
                      <a:pt x="3499" y="2049"/>
                      <a:pt x="3361" y="1968"/>
                      <a:pt x="3320" y="1968"/>
                    </a:cubicBezTo>
                    <a:cubicBezTo>
                      <a:pt x="3314" y="1968"/>
                      <a:pt x="3310" y="1970"/>
                      <a:pt x="3309" y="1975"/>
                    </a:cubicBezTo>
                    <a:cubicBezTo>
                      <a:pt x="3253" y="1941"/>
                      <a:pt x="3244" y="1933"/>
                      <a:pt x="3250" y="1933"/>
                    </a:cubicBezTo>
                    <a:cubicBezTo>
                      <a:pt x="3254" y="1933"/>
                      <a:pt x="3266" y="1938"/>
                      <a:pt x="3272" y="1938"/>
                    </a:cubicBezTo>
                    <a:cubicBezTo>
                      <a:pt x="3280" y="1938"/>
                      <a:pt x="3277" y="1931"/>
                      <a:pt x="3232" y="1898"/>
                    </a:cubicBezTo>
                    <a:cubicBezTo>
                      <a:pt x="3219" y="1883"/>
                      <a:pt x="3218" y="1877"/>
                      <a:pt x="3224" y="1877"/>
                    </a:cubicBezTo>
                    <a:cubicBezTo>
                      <a:pt x="3245" y="1877"/>
                      <a:pt x="3350" y="1941"/>
                      <a:pt x="3381" y="1947"/>
                    </a:cubicBezTo>
                    <a:lnTo>
                      <a:pt x="3255" y="1849"/>
                    </a:lnTo>
                    <a:lnTo>
                      <a:pt x="3255" y="1849"/>
                    </a:lnTo>
                    <a:cubicBezTo>
                      <a:pt x="3313" y="1854"/>
                      <a:pt x="3389" y="1910"/>
                      <a:pt x="3427" y="1910"/>
                    </a:cubicBezTo>
                    <a:cubicBezTo>
                      <a:pt x="3429" y="1910"/>
                      <a:pt x="3430" y="1910"/>
                      <a:pt x="3432" y="1910"/>
                    </a:cubicBezTo>
                    <a:cubicBezTo>
                      <a:pt x="3332" y="1843"/>
                      <a:pt x="3341" y="1856"/>
                      <a:pt x="3235" y="1801"/>
                    </a:cubicBezTo>
                    <a:lnTo>
                      <a:pt x="3235" y="1801"/>
                    </a:lnTo>
                    <a:cubicBezTo>
                      <a:pt x="3282" y="1839"/>
                      <a:pt x="3291" y="1850"/>
                      <a:pt x="3285" y="1850"/>
                    </a:cubicBezTo>
                    <a:cubicBezTo>
                      <a:pt x="3276" y="1850"/>
                      <a:pt x="3233" y="1827"/>
                      <a:pt x="3220" y="1827"/>
                    </a:cubicBezTo>
                    <a:cubicBezTo>
                      <a:pt x="3212" y="1827"/>
                      <a:pt x="3213" y="1834"/>
                      <a:pt x="3232" y="1854"/>
                    </a:cubicBezTo>
                    <a:cubicBezTo>
                      <a:pt x="3184" y="1810"/>
                      <a:pt x="3133" y="1771"/>
                      <a:pt x="3079" y="1738"/>
                    </a:cubicBezTo>
                    <a:lnTo>
                      <a:pt x="3079" y="1738"/>
                    </a:lnTo>
                    <a:cubicBezTo>
                      <a:pt x="3101" y="1750"/>
                      <a:pt x="3111" y="1753"/>
                      <a:pt x="3117" y="1753"/>
                    </a:cubicBezTo>
                    <a:cubicBezTo>
                      <a:pt x="3123" y="1753"/>
                      <a:pt x="3124" y="1750"/>
                      <a:pt x="3130" y="1750"/>
                    </a:cubicBezTo>
                    <a:cubicBezTo>
                      <a:pt x="3137" y="1750"/>
                      <a:pt x="3150" y="1755"/>
                      <a:pt x="3186" y="1778"/>
                    </a:cubicBezTo>
                    <a:cubicBezTo>
                      <a:pt x="3038" y="1685"/>
                      <a:pt x="3072" y="1715"/>
                      <a:pt x="2927" y="1622"/>
                    </a:cubicBezTo>
                    <a:cubicBezTo>
                      <a:pt x="2924" y="1622"/>
                      <a:pt x="2921" y="1621"/>
                      <a:pt x="2920" y="1621"/>
                    </a:cubicBezTo>
                    <a:cubicBezTo>
                      <a:pt x="2897" y="1621"/>
                      <a:pt x="2971" y="1678"/>
                      <a:pt x="2956" y="1678"/>
                    </a:cubicBezTo>
                    <a:cubicBezTo>
                      <a:pt x="2950" y="1678"/>
                      <a:pt x="2928" y="1668"/>
                      <a:pt x="2876" y="1639"/>
                    </a:cubicBezTo>
                    <a:cubicBezTo>
                      <a:pt x="2853" y="1624"/>
                      <a:pt x="2847" y="1617"/>
                      <a:pt x="2851" y="1617"/>
                    </a:cubicBezTo>
                    <a:cubicBezTo>
                      <a:pt x="2854" y="1617"/>
                      <a:pt x="2861" y="1620"/>
                      <a:pt x="2871" y="1627"/>
                    </a:cubicBezTo>
                    <a:cubicBezTo>
                      <a:pt x="2837" y="1602"/>
                      <a:pt x="2823" y="1594"/>
                      <a:pt x="2818" y="1594"/>
                    </a:cubicBezTo>
                    <a:cubicBezTo>
                      <a:pt x="2808" y="1594"/>
                      <a:pt x="2839" y="1630"/>
                      <a:pt x="2823" y="1630"/>
                    </a:cubicBezTo>
                    <a:cubicBezTo>
                      <a:pt x="2818" y="1630"/>
                      <a:pt x="2810" y="1627"/>
                      <a:pt x="2797" y="1620"/>
                    </a:cubicBezTo>
                    <a:cubicBezTo>
                      <a:pt x="2750" y="1594"/>
                      <a:pt x="2732" y="1575"/>
                      <a:pt x="2740" y="1575"/>
                    </a:cubicBezTo>
                    <a:cubicBezTo>
                      <a:pt x="2742" y="1575"/>
                      <a:pt x="2746" y="1576"/>
                      <a:pt x="2751" y="1578"/>
                    </a:cubicBezTo>
                    <a:cubicBezTo>
                      <a:pt x="2712" y="1560"/>
                      <a:pt x="2697" y="1557"/>
                      <a:pt x="2688" y="1557"/>
                    </a:cubicBezTo>
                    <a:cubicBezTo>
                      <a:pt x="2683" y="1557"/>
                      <a:pt x="2680" y="1557"/>
                      <a:pt x="2677" y="1557"/>
                    </a:cubicBezTo>
                    <a:cubicBezTo>
                      <a:pt x="2670" y="1557"/>
                      <a:pt x="2662" y="1555"/>
                      <a:pt x="2642" y="1544"/>
                    </a:cubicBezTo>
                    <a:lnTo>
                      <a:pt x="2642" y="1544"/>
                    </a:lnTo>
                    <a:lnTo>
                      <a:pt x="2667" y="1562"/>
                    </a:lnTo>
                    <a:cubicBezTo>
                      <a:pt x="2665" y="1561"/>
                      <a:pt x="2663" y="1561"/>
                      <a:pt x="2662" y="1561"/>
                    </a:cubicBezTo>
                    <a:cubicBezTo>
                      <a:pt x="2653" y="1561"/>
                      <a:pt x="2660" y="1579"/>
                      <a:pt x="2645" y="1579"/>
                    </a:cubicBezTo>
                    <a:cubicBezTo>
                      <a:pt x="2634" y="1579"/>
                      <a:pt x="2613" y="1570"/>
                      <a:pt x="2568" y="1541"/>
                    </a:cubicBezTo>
                    <a:cubicBezTo>
                      <a:pt x="2482" y="1483"/>
                      <a:pt x="2514" y="1493"/>
                      <a:pt x="2517" y="1486"/>
                    </a:cubicBezTo>
                    <a:cubicBezTo>
                      <a:pt x="2456" y="1453"/>
                      <a:pt x="2403" y="1416"/>
                      <a:pt x="2352" y="1372"/>
                    </a:cubicBezTo>
                    <a:lnTo>
                      <a:pt x="2352" y="1372"/>
                    </a:lnTo>
                    <a:cubicBezTo>
                      <a:pt x="2353" y="1375"/>
                      <a:pt x="2352" y="1377"/>
                      <a:pt x="2350" y="1377"/>
                    </a:cubicBezTo>
                    <a:cubicBezTo>
                      <a:pt x="2346" y="1377"/>
                      <a:pt x="2339" y="1373"/>
                      <a:pt x="2327" y="1365"/>
                    </a:cubicBezTo>
                    <a:cubicBezTo>
                      <a:pt x="2208" y="1296"/>
                      <a:pt x="2269" y="1307"/>
                      <a:pt x="2227" y="1280"/>
                    </a:cubicBezTo>
                    <a:cubicBezTo>
                      <a:pt x="2180" y="1245"/>
                      <a:pt x="2161" y="1235"/>
                      <a:pt x="2152" y="1235"/>
                    </a:cubicBezTo>
                    <a:cubicBezTo>
                      <a:pt x="2142" y="1235"/>
                      <a:pt x="2149" y="1252"/>
                      <a:pt x="2135" y="1252"/>
                    </a:cubicBezTo>
                    <a:cubicBezTo>
                      <a:pt x="2124" y="1252"/>
                      <a:pt x="2100" y="1242"/>
                      <a:pt x="2044" y="1206"/>
                    </a:cubicBezTo>
                    <a:lnTo>
                      <a:pt x="2044" y="1206"/>
                    </a:lnTo>
                    <a:lnTo>
                      <a:pt x="2255" y="1349"/>
                    </a:lnTo>
                    <a:cubicBezTo>
                      <a:pt x="2241" y="1351"/>
                      <a:pt x="2227" y="1363"/>
                      <a:pt x="2273" y="1391"/>
                    </a:cubicBezTo>
                    <a:cubicBezTo>
                      <a:pt x="2274" y="1390"/>
                      <a:pt x="2276" y="1389"/>
                      <a:pt x="2279" y="1389"/>
                    </a:cubicBezTo>
                    <a:cubicBezTo>
                      <a:pt x="2301" y="1389"/>
                      <a:pt x="2375" y="1426"/>
                      <a:pt x="2438" y="1467"/>
                    </a:cubicBezTo>
                    <a:cubicBezTo>
                      <a:pt x="2439" y="1470"/>
                      <a:pt x="2438" y="1472"/>
                      <a:pt x="2435" y="1472"/>
                    </a:cubicBezTo>
                    <a:cubicBezTo>
                      <a:pt x="2416" y="1472"/>
                      <a:pt x="2330" y="1421"/>
                      <a:pt x="2317" y="1421"/>
                    </a:cubicBezTo>
                    <a:cubicBezTo>
                      <a:pt x="2312" y="1421"/>
                      <a:pt x="2318" y="1429"/>
                      <a:pt x="2347" y="1453"/>
                    </a:cubicBezTo>
                    <a:cubicBezTo>
                      <a:pt x="2306" y="1426"/>
                      <a:pt x="2243" y="1389"/>
                      <a:pt x="2190" y="1354"/>
                    </a:cubicBezTo>
                    <a:lnTo>
                      <a:pt x="2190" y="1354"/>
                    </a:lnTo>
                    <a:cubicBezTo>
                      <a:pt x="2194" y="1355"/>
                      <a:pt x="2197" y="1356"/>
                      <a:pt x="2199" y="1356"/>
                    </a:cubicBezTo>
                    <a:cubicBezTo>
                      <a:pt x="2222" y="1356"/>
                      <a:pt x="2083" y="1274"/>
                      <a:pt x="2100" y="1274"/>
                    </a:cubicBezTo>
                    <a:cubicBezTo>
                      <a:pt x="2103" y="1274"/>
                      <a:pt x="2111" y="1276"/>
                      <a:pt x="2125" y="1282"/>
                    </a:cubicBezTo>
                    <a:cubicBezTo>
                      <a:pt x="1891" y="1136"/>
                      <a:pt x="1866" y="1104"/>
                      <a:pt x="1643" y="976"/>
                    </a:cubicBezTo>
                    <a:lnTo>
                      <a:pt x="1643" y="976"/>
                    </a:lnTo>
                    <a:cubicBezTo>
                      <a:pt x="1745" y="1011"/>
                      <a:pt x="1840" y="1060"/>
                      <a:pt x="1926" y="1122"/>
                    </a:cubicBezTo>
                    <a:lnTo>
                      <a:pt x="1930" y="1136"/>
                    </a:lnTo>
                    <a:cubicBezTo>
                      <a:pt x="1959" y="1152"/>
                      <a:pt x="1972" y="1158"/>
                      <a:pt x="1975" y="1158"/>
                    </a:cubicBezTo>
                    <a:cubicBezTo>
                      <a:pt x="1987" y="1158"/>
                      <a:pt x="1836" y="1057"/>
                      <a:pt x="1863" y="1057"/>
                    </a:cubicBezTo>
                    <a:cubicBezTo>
                      <a:pt x="1676" y="972"/>
                      <a:pt x="1490" y="800"/>
                      <a:pt x="1275" y="673"/>
                    </a:cubicBezTo>
                    <a:lnTo>
                      <a:pt x="1275" y="673"/>
                    </a:lnTo>
                    <a:cubicBezTo>
                      <a:pt x="1289" y="686"/>
                      <a:pt x="1288" y="690"/>
                      <a:pt x="1282" y="690"/>
                    </a:cubicBezTo>
                    <a:cubicBezTo>
                      <a:pt x="1275" y="690"/>
                      <a:pt x="1258" y="684"/>
                      <a:pt x="1249" y="684"/>
                    </a:cubicBezTo>
                    <a:cubicBezTo>
                      <a:pt x="1249" y="684"/>
                      <a:pt x="1248" y="684"/>
                      <a:pt x="1247" y="684"/>
                    </a:cubicBezTo>
                    <a:cubicBezTo>
                      <a:pt x="1335" y="738"/>
                      <a:pt x="1321" y="726"/>
                      <a:pt x="1377" y="775"/>
                    </a:cubicBezTo>
                    <a:cubicBezTo>
                      <a:pt x="1376" y="775"/>
                      <a:pt x="1375" y="775"/>
                      <a:pt x="1373" y="775"/>
                    </a:cubicBezTo>
                    <a:cubicBezTo>
                      <a:pt x="1353" y="775"/>
                      <a:pt x="1308" y="742"/>
                      <a:pt x="1277" y="733"/>
                    </a:cubicBezTo>
                    <a:cubicBezTo>
                      <a:pt x="1277" y="733"/>
                      <a:pt x="1276" y="733"/>
                      <a:pt x="1275" y="733"/>
                    </a:cubicBezTo>
                    <a:cubicBezTo>
                      <a:pt x="1254" y="733"/>
                      <a:pt x="1343" y="775"/>
                      <a:pt x="1368" y="800"/>
                    </a:cubicBezTo>
                    <a:cubicBezTo>
                      <a:pt x="1326" y="775"/>
                      <a:pt x="1282" y="754"/>
                      <a:pt x="1236" y="740"/>
                    </a:cubicBezTo>
                    <a:cubicBezTo>
                      <a:pt x="1215" y="717"/>
                      <a:pt x="1196" y="694"/>
                      <a:pt x="1180" y="668"/>
                    </a:cubicBezTo>
                    <a:cubicBezTo>
                      <a:pt x="992" y="542"/>
                      <a:pt x="992" y="570"/>
                      <a:pt x="854" y="477"/>
                    </a:cubicBezTo>
                    <a:lnTo>
                      <a:pt x="854" y="477"/>
                    </a:lnTo>
                    <a:cubicBezTo>
                      <a:pt x="862" y="483"/>
                      <a:pt x="866" y="485"/>
                      <a:pt x="867" y="485"/>
                    </a:cubicBezTo>
                    <a:cubicBezTo>
                      <a:pt x="871" y="485"/>
                      <a:pt x="853" y="468"/>
                      <a:pt x="857" y="468"/>
                    </a:cubicBezTo>
                    <a:cubicBezTo>
                      <a:pt x="858" y="468"/>
                      <a:pt x="864" y="471"/>
                      <a:pt x="878" y="480"/>
                    </a:cubicBezTo>
                    <a:lnTo>
                      <a:pt x="878" y="480"/>
                    </a:lnTo>
                    <a:lnTo>
                      <a:pt x="842" y="455"/>
                    </a:lnTo>
                    <a:lnTo>
                      <a:pt x="842" y="455"/>
                    </a:lnTo>
                    <a:cubicBezTo>
                      <a:pt x="972" y="518"/>
                      <a:pt x="1170" y="646"/>
                      <a:pt x="1213" y="646"/>
                    </a:cubicBezTo>
                    <a:cubicBezTo>
                      <a:pt x="1219" y="646"/>
                      <a:pt x="1222" y="643"/>
                      <a:pt x="1222" y="638"/>
                    </a:cubicBezTo>
                    <a:cubicBezTo>
                      <a:pt x="1108" y="566"/>
                      <a:pt x="1015" y="531"/>
                      <a:pt x="879" y="443"/>
                    </a:cubicBezTo>
                    <a:lnTo>
                      <a:pt x="888" y="441"/>
                    </a:lnTo>
                    <a:cubicBezTo>
                      <a:pt x="856" y="420"/>
                      <a:pt x="844" y="414"/>
                      <a:pt x="842" y="414"/>
                    </a:cubicBezTo>
                    <a:cubicBezTo>
                      <a:pt x="837" y="414"/>
                      <a:pt x="869" y="440"/>
                      <a:pt x="861" y="440"/>
                    </a:cubicBezTo>
                    <a:cubicBezTo>
                      <a:pt x="861" y="440"/>
                      <a:pt x="860" y="439"/>
                      <a:pt x="858" y="439"/>
                    </a:cubicBezTo>
                    <a:cubicBezTo>
                      <a:pt x="740" y="376"/>
                      <a:pt x="733" y="318"/>
                      <a:pt x="643" y="288"/>
                    </a:cubicBezTo>
                    <a:lnTo>
                      <a:pt x="643" y="288"/>
                    </a:lnTo>
                    <a:lnTo>
                      <a:pt x="754" y="367"/>
                    </a:lnTo>
                    <a:cubicBezTo>
                      <a:pt x="730" y="356"/>
                      <a:pt x="720" y="351"/>
                      <a:pt x="718" y="351"/>
                    </a:cubicBezTo>
                    <a:cubicBezTo>
                      <a:pt x="711" y="351"/>
                      <a:pt x="769" y="387"/>
                      <a:pt x="744" y="390"/>
                    </a:cubicBezTo>
                    <a:cubicBezTo>
                      <a:pt x="582" y="307"/>
                      <a:pt x="325" y="126"/>
                      <a:pt x="100" y="1"/>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grpSp>
        <p:nvGrpSpPr>
          <p:cNvPr id="190" name="Google Shape;190;p11"/>
          <p:cNvGrpSpPr/>
          <p:nvPr/>
        </p:nvGrpSpPr>
        <p:grpSpPr>
          <a:xfrm flipH="1">
            <a:off x="156968" y="3528654"/>
            <a:ext cx="2290183" cy="1579980"/>
            <a:chOff x="6608125" y="3473975"/>
            <a:chExt cx="2290183" cy="1579980"/>
          </a:xfrm>
        </p:grpSpPr>
        <p:sp>
          <p:nvSpPr>
            <p:cNvPr id="191" name="Google Shape;191;p11"/>
            <p:cNvSpPr/>
            <p:nvPr/>
          </p:nvSpPr>
          <p:spPr>
            <a:xfrm>
              <a:off x="6643630" y="3519898"/>
              <a:ext cx="2254679" cy="1534057"/>
            </a:xfrm>
            <a:custGeom>
              <a:avLst/>
              <a:gdLst/>
              <a:ahLst/>
              <a:cxnLst/>
              <a:rect l="l" t="t" r="r" b="b"/>
              <a:pathLst>
                <a:path w="37658" h="25621" extrusionOk="0">
                  <a:moveTo>
                    <a:pt x="28351" y="0"/>
                  </a:moveTo>
                  <a:cubicBezTo>
                    <a:pt x="27793" y="0"/>
                    <a:pt x="27259" y="73"/>
                    <a:pt x="27259" y="387"/>
                  </a:cubicBezTo>
                  <a:lnTo>
                    <a:pt x="27259" y="6968"/>
                  </a:lnTo>
                  <a:cubicBezTo>
                    <a:pt x="27259" y="7486"/>
                    <a:pt x="26957" y="7658"/>
                    <a:pt x="26460" y="7658"/>
                  </a:cubicBezTo>
                  <a:cubicBezTo>
                    <a:pt x="26457" y="7658"/>
                    <a:pt x="26453" y="7658"/>
                    <a:pt x="26450" y="7658"/>
                  </a:cubicBezTo>
                  <a:cubicBezTo>
                    <a:pt x="24634" y="7651"/>
                    <a:pt x="22816" y="7582"/>
                    <a:pt x="21000" y="7582"/>
                  </a:cubicBezTo>
                  <a:cubicBezTo>
                    <a:pt x="20952" y="7581"/>
                    <a:pt x="20904" y="7580"/>
                    <a:pt x="20857" y="7580"/>
                  </a:cubicBezTo>
                  <a:cubicBezTo>
                    <a:pt x="20636" y="7580"/>
                    <a:pt x="20415" y="7596"/>
                    <a:pt x="20221" y="7695"/>
                  </a:cubicBezTo>
                  <a:cubicBezTo>
                    <a:pt x="19730" y="7946"/>
                    <a:pt x="19883" y="8624"/>
                    <a:pt x="19892" y="9067"/>
                  </a:cubicBezTo>
                  <a:cubicBezTo>
                    <a:pt x="19906" y="9755"/>
                    <a:pt x="19915" y="10440"/>
                    <a:pt x="19920" y="11126"/>
                  </a:cubicBezTo>
                  <a:cubicBezTo>
                    <a:pt x="19929" y="12423"/>
                    <a:pt x="19925" y="13765"/>
                    <a:pt x="19913" y="15036"/>
                  </a:cubicBezTo>
                  <a:cubicBezTo>
                    <a:pt x="19910" y="15434"/>
                    <a:pt x="19699" y="15569"/>
                    <a:pt x="19420" y="15569"/>
                  </a:cubicBezTo>
                  <a:cubicBezTo>
                    <a:pt x="19265" y="15569"/>
                    <a:pt x="19089" y="15527"/>
                    <a:pt x="18917" y="15465"/>
                  </a:cubicBezTo>
                  <a:cubicBezTo>
                    <a:pt x="18197" y="15210"/>
                    <a:pt x="17502" y="14888"/>
                    <a:pt x="16823" y="14541"/>
                  </a:cubicBezTo>
                  <a:cubicBezTo>
                    <a:pt x="16314" y="14282"/>
                    <a:pt x="15639" y="13731"/>
                    <a:pt x="15037" y="13731"/>
                  </a:cubicBezTo>
                  <a:cubicBezTo>
                    <a:pt x="15024" y="13731"/>
                    <a:pt x="15012" y="13732"/>
                    <a:pt x="15000" y="13732"/>
                  </a:cubicBezTo>
                  <a:cubicBezTo>
                    <a:pt x="14752" y="13744"/>
                    <a:pt x="14534" y="13885"/>
                    <a:pt x="14326" y="14019"/>
                  </a:cubicBezTo>
                  <a:cubicBezTo>
                    <a:pt x="13480" y="14568"/>
                    <a:pt x="12535" y="15379"/>
                    <a:pt x="11653" y="15870"/>
                  </a:cubicBezTo>
                  <a:cubicBezTo>
                    <a:pt x="10293" y="16018"/>
                    <a:pt x="8625" y="15968"/>
                    <a:pt x="7184" y="15991"/>
                  </a:cubicBezTo>
                  <a:cubicBezTo>
                    <a:pt x="7041" y="15993"/>
                    <a:pt x="6876" y="16005"/>
                    <a:pt x="6788" y="16118"/>
                  </a:cubicBezTo>
                  <a:cubicBezTo>
                    <a:pt x="6584" y="16387"/>
                    <a:pt x="6723" y="17075"/>
                    <a:pt x="6723" y="17387"/>
                  </a:cubicBezTo>
                  <a:cubicBezTo>
                    <a:pt x="6726" y="17888"/>
                    <a:pt x="6726" y="18388"/>
                    <a:pt x="6726" y="18891"/>
                  </a:cubicBezTo>
                  <a:cubicBezTo>
                    <a:pt x="6726" y="19305"/>
                    <a:pt x="6388" y="19376"/>
                    <a:pt x="6027" y="19376"/>
                  </a:cubicBezTo>
                  <a:cubicBezTo>
                    <a:pt x="5837" y="19376"/>
                    <a:pt x="5641" y="19356"/>
                    <a:pt x="5484" y="19356"/>
                  </a:cubicBezTo>
                  <a:lnTo>
                    <a:pt x="603" y="19352"/>
                  </a:lnTo>
                  <a:cubicBezTo>
                    <a:pt x="555" y="19352"/>
                    <a:pt x="506" y="19356"/>
                    <a:pt x="460" y="19366"/>
                  </a:cubicBezTo>
                  <a:cubicBezTo>
                    <a:pt x="1" y="19463"/>
                    <a:pt x="128" y="20054"/>
                    <a:pt x="128" y="20459"/>
                  </a:cubicBezTo>
                  <a:lnTo>
                    <a:pt x="128" y="25291"/>
                  </a:lnTo>
                  <a:cubicBezTo>
                    <a:pt x="126" y="25472"/>
                    <a:pt x="274" y="25620"/>
                    <a:pt x="457" y="25620"/>
                  </a:cubicBezTo>
                  <a:lnTo>
                    <a:pt x="37317" y="25620"/>
                  </a:lnTo>
                  <a:cubicBezTo>
                    <a:pt x="37500" y="25620"/>
                    <a:pt x="37648" y="25472"/>
                    <a:pt x="37648" y="25291"/>
                  </a:cubicBezTo>
                  <a:lnTo>
                    <a:pt x="37648" y="25250"/>
                  </a:lnTo>
                  <a:cubicBezTo>
                    <a:pt x="37657" y="18912"/>
                    <a:pt x="37657" y="12576"/>
                    <a:pt x="37648" y="6241"/>
                  </a:cubicBezTo>
                  <a:cubicBezTo>
                    <a:pt x="37648" y="6060"/>
                    <a:pt x="37500" y="5912"/>
                    <a:pt x="37317" y="5912"/>
                  </a:cubicBezTo>
                  <a:cubicBezTo>
                    <a:pt x="36276" y="5912"/>
                    <a:pt x="35236" y="5912"/>
                    <a:pt x="34196" y="5914"/>
                  </a:cubicBezTo>
                  <a:cubicBezTo>
                    <a:pt x="34081" y="5914"/>
                    <a:pt x="33960" y="5914"/>
                    <a:pt x="33858" y="5863"/>
                  </a:cubicBezTo>
                  <a:cubicBezTo>
                    <a:pt x="33300" y="5592"/>
                    <a:pt x="33733" y="3102"/>
                    <a:pt x="33742" y="2613"/>
                  </a:cubicBezTo>
                  <a:cubicBezTo>
                    <a:pt x="33752" y="2034"/>
                    <a:pt x="34034" y="466"/>
                    <a:pt x="33437" y="148"/>
                  </a:cubicBezTo>
                  <a:cubicBezTo>
                    <a:pt x="33237" y="44"/>
                    <a:pt x="33003" y="44"/>
                    <a:pt x="32779" y="44"/>
                  </a:cubicBezTo>
                  <a:lnTo>
                    <a:pt x="29531" y="56"/>
                  </a:lnTo>
                  <a:cubicBezTo>
                    <a:pt x="29529" y="56"/>
                    <a:pt x="29528" y="56"/>
                    <a:pt x="29526" y="56"/>
                  </a:cubicBezTo>
                  <a:cubicBezTo>
                    <a:pt x="29343" y="56"/>
                    <a:pt x="28838" y="0"/>
                    <a:pt x="28351"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2" name="Google Shape;192;p11"/>
            <p:cNvSpPr/>
            <p:nvPr/>
          </p:nvSpPr>
          <p:spPr>
            <a:xfrm>
              <a:off x="6608125" y="3473975"/>
              <a:ext cx="2254679" cy="1546092"/>
            </a:xfrm>
            <a:custGeom>
              <a:avLst/>
              <a:gdLst/>
              <a:ahLst/>
              <a:cxnLst/>
              <a:rect l="l" t="t" r="r" b="b"/>
              <a:pathLst>
                <a:path w="37658" h="25822" fill="none" extrusionOk="0">
                  <a:moveTo>
                    <a:pt x="460" y="19568"/>
                  </a:moveTo>
                  <a:cubicBezTo>
                    <a:pt x="508" y="19558"/>
                    <a:pt x="557" y="19554"/>
                    <a:pt x="606" y="19554"/>
                  </a:cubicBezTo>
                  <a:lnTo>
                    <a:pt x="5484" y="19558"/>
                  </a:lnTo>
                  <a:cubicBezTo>
                    <a:pt x="5938" y="19558"/>
                    <a:pt x="6726" y="19727"/>
                    <a:pt x="6726" y="19093"/>
                  </a:cubicBezTo>
                  <a:lnTo>
                    <a:pt x="6723" y="17589"/>
                  </a:lnTo>
                  <a:cubicBezTo>
                    <a:pt x="6723" y="17277"/>
                    <a:pt x="6584" y="16589"/>
                    <a:pt x="6788" y="16322"/>
                  </a:cubicBezTo>
                  <a:cubicBezTo>
                    <a:pt x="6876" y="16206"/>
                    <a:pt x="7041" y="16195"/>
                    <a:pt x="7184" y="16192"/>
                  </a:cubicBezTo>
                  <a:cubicBezTo>
                    <a:pt x="8625" y="16169"/>
                    <a:pt x="10293" y="16223"/>
                    <a:pt x="11653" y="16072"/>
                  </a:cubicBezTo>
                  <a:cubicBezTo>
                    <a:pt x="12535" y="15583"/>
                    <a:pt x="13480" y="14772"/>
                    <a:pt x="14326" y="14221"/>
                  </a:cubicBezTo>
                  <a:cubicBezTo>
                    <a:pt x="14534" y="14087"/>
                    <a:pt x="14752" y="13946"/>
                    <a:pt x="15000" y="13936"/>
                  </a:cubicBezTo>
                  <a:cubicBezTo>
                    <a:pt x="15611" y="13911"/>
                    <a:pt x="16304" y="14478"/>
                    <a:pt x="16825" y="14745"/>
                  </a:cubicBezTo>
                  <a:cubicBezTo>
                    <a:pt x="17504" y="15092"/>
                    <a:pt x="18199" y="15412"/>
                    <a:pt x="18917" y="15669"/>
                  </a:cubicBezTo>
                  <a:cubicBezTo>
                    <a:pt x="19401" y="15840"/>
                    <a:pt x="19911" y="15857"/>
                    <a:pt x="19915" y="15238"/>
                  </a:cubicBezTo>
                  <a:cubicBezTo>
                    <a:pt x="19927" y="13966"/>
                    <a:pt x="19932" y="12627"/>
                    <a:pt x="19922" y="11330"/>
                  </a:cubicBezTo>
                  <a:cubicBezTo>
                    <a:pt x="19918" y="10642"/>
                    <a:pt x="19908" y="9957"/>
                    <a:pt x="19895" y="9271"/>
                  </a:cubicBezTo>
                  <a:cubicBezTo>
                    <a:pt x="19885" y="8828"/>
                    <a:pt x="19732" y="8150"/>
                    <a:pt x="20221" y="7900"/>
                  </a:cubicBezTo>
                  <a:cubicBezTo>
                    <a:pt x="20457" y="7779"/>
                    <a:pt x="20735" y="7781"/>
                    <a:pt x="21000" y="7786"/>
                  </a:cubicBezTo>
                  <a:cubicBezTo>
                    <a:pt x="22818" y="7786"/>
                    <a:pt x="24636" y="7856"/>
                    <a:pt x="26452" y="7863"/>
                  </a:cubicBezTo>
                  <a:cubicBezTo>
                    <a:pt x="26955" y="7865"/>
                    <a:pt x="27259" y="7693"/>
                    <a:pt x="27259" y="7172"/>
                  </a:cubicBezTo>
                  <a:cubicBezTo>
                    <a:pt x="27259" y="4979"/>
                    <a:pt x="27259" y="2785"/>
                    <a:pt x="27259" y="591"/>
                  </a:cubicBezTo>
                  <a:cubicBezTo>
                    <a:pt x="27259" y="1"/>
                    <a:pt x="29151" y="262"/>
                    <a:pt x="29531" y="260"/>
                  </a:cubicBezTo>
                  <a:lnTo>
                    <a:pt x="32779" y="248"/>
                  </a:lnTo>
                  <a:cubicBezTo>
                    <a:pt x="33003" y="248"/>
                    <a:pt x="33237" y="248"/>
                    <a:pt x="33437" y="353"/>
                  </a:cubicBezTo>
                  <a:cubicBezTo>
                    <a:pt x="34034" y="670"/>
                    <a:pt x="33754" y="2238"/>
                    <a:pt x="33742" y="2815"/>
                  </a:cubicBezTo>
                  <a:cubicBezTo>
                    <a:pt x="33733" y="3306"/>
                    <a:pt x="33300" y="5794"/>
                    <a:pt x="33858" y="6067"/>
                  </a:cubicBezTo>
                  <a:cubicBezTo>
                    <a:pt x="33960" y="6118"/>
                    <a:pt x="34080" y="6118"/>
                    <a:pt x="34196" y="6118"/>
                  </a:cubicBezTo>
                  <a:cubicBezTo>
                    <a:pt x="35236" y="6116"/>
                    <a:pt x="36276" y="6116"/>
                    <a:pt x="37317" y="6116"/>
                  </a:cubicBezTo>
                  <a:cubicBezTo>
                    <a:pt x="37500" y="6116"/>
                    <a:pt x="37648" y="6264"/>
                    <a:pt x="37648" y="6445"/>
                  </a:cubicBezTo>
                  <a:cubicBezTo>
                    <a:pt x="37657" y="12780"/>
                    <a:pt x="37657" y="19116"/>
                    <a:pt x="37648" y="25454"/>
                  </a:cubicBezTo>
                  <a:lnTo>
                    <a:pt x="37648" y="25493"/>
                  </a:lnTo>
                  <a:cubicBezTo>
                    <a:pt x="37646" y="25676"/>
                    <a:pt x="37500" y="25822"/>
                    <a:pt x="37319" y="25822"/>
                  </a:cubicBezTo>
                  <a:lnTo>
                    <a:pt x="457" y="25822"/>
                  </a:lnTo>
                  <a:cubicBezTo>
                    <a:pt x="274" y="25822"/>
                    <a:pt x="126" y="25674"/>
                    <a:pt x="128" y="25493"/>
                  </a:cubicBezTo>
                  <a:lnTo>
                    <a:pt x="128" y="20661"/>
                  </a:lnTo>
                  <a:cubicBezTo>
                    <a:pt x="128" y="20256"/>
                    <a:pt x="1" y="19665"/>
                    <a:pt x="460" y="19568"/>
                  </a:cubicBezTo>
                  <a:close/>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93" name="Google Shape;193;p11"/>
          <p:cNvGrpSpPr/>
          <p:nvPr/>
        </p:nvGrpSpPr>
        <p:grpSpPr>
          <a:xfrm flipH="1">
            <a:off x="4989775" y="95912"/>
            <a:ext cx="4399717" cy="484800"/>
            <a:chOff x="-592500" y="158462"/>
            <a:chExt cx="4399717" cy="484800"/>
          </a:xfrm>
        </p:grpSpPr>
        <p:sp>
          <p:nvSpPr>
            <p:cNvPr id="194" name="Google Shape;194;p11"/>
            <p:cNvSpPr/>
            <p:nvPr/>
          </p:nvSpPr>
          <p:spPr>
            <a:xfrm>
              <a:off x="-551002" y="158462"/>
              <a:ext cx="3994860" cy="310874"/>
            </a:xfrm>
            <a:custGeom>
              <a:avLst/>
              <a:gdLst/>
              <a:ahLst/>
              <a:cxnLst/>
              <a:rect l="l" t="t" r="r" b="b"/>
              <a:pathLst>
                <a:path w="32730" h="2547" extrusionOk="0">
                  <a:moveTo>
                    <a:pt x="31889" y="124"/>
                  </a:moveTo>
                  <a:cubicBezTo>
                    <a:pt x="31859" y="129"/>
                    <a:pt x="31837" y="133"/>
                    <a:pt x="31821" y="136"/>
                  </a:cubicBezTo>
                  <a:lnTo>
                    <a:pt x="31821" y="136"/>
                  </a:lnTo>
                  <a:cubicBezTo>
                    <a:pt x="31839" y="133"/>
                    <a:pt x="31861" y="129"/>
                    <a:pt x="31889" y="124"/>
                  </a:cubicBezTo>
                  <a:close/>
                  <a:moveTo>
                    <a:pt x="31015" y="361"/>
                  </a:moveTo>
                  <a:lnTo>
                    <a:pt x="31004" y="362"/>
                  </a:lnTo>
                  <a:cubicBezTo>
                    <a:pt x="31008" y="362"/>
                    <a:pt x="31012" y="361"/>
                    <a:pt x="31015" y="361"/>
                  </a:cubicBezTo>
                  <a:close/>
                  <a:moveTo>
                    <a:pt x="26379" y="1057"/>
                  </a:moveTo>
                  <a:cubicBezTo>
                    <a:pt x="26361" y="1059"/>
                    <a:pt x="26341" y="1062"/>
                    <a:pt x="26320" y="1064"/>
                  </a:cubicBezTo>
                  <a:cubicBezTo>
                    <a:pt x="26345" y="1062"/>
                    <a:pt x="26364" y="1059"/>
                    <a:pt x="26379" y="1057"/>
                  </a:cubicBezTo>
                  <a:close/>
                  <a:moveTo>
                    <a:pt x="24924" y="1157"/>
                  </a:moveTo>
                  <a:cubicBezTo>
                    <a:pt x="24909" y="1159"/>
                    <a:pt x="24891" y="1161"/>
                    <a:pt x="24870" y="1164"/>
                  </a:cubicBezTo>
                  <a:cubicBezTo>
                    <a:pt x="24890" y="1161"/>
                    <a:pt x="24908" y="1159"/>
                    <a:pt x="24924" y="1157"/>
                  </a:cubicBezTo>
                  <a:close/>
                  <a:moveTo>
                    <a:pt x="22108" y="1425"/>
                  </a:moveTo>
                  <a:cubicBezTo>
                    <a:pt x="22102" y="1426"/>
                    <a:pt x="22097" y="1427"/>
                    <a:pt x="22093" y="1428"/>
                  </a:cubicBezTo>
                  <a:lnTo>
                    <a:pt x="22093" y="1428"/>
                  </a:lnTo>
                  <a:cubicBezTo>
                    <a:pt x="22098" y="1427"/>
                    <a:pt x="22103" y="1426"/>
                    <a:pt x="22108" y="1425"/>
                  </a:cubicBezTo>
                  <a:close/>
                  <a:moveTo>
                    <a:pt x="22093" y="1428"/>
                  </a:moveTo>
                  <a:cubicBezTo>
                    <a:pt x="22044" y="1436"/>
                    <a:pt x="21992" y="1444"/>
                    <a:pt x="21998" y="1446"/>
                  </a:cubicBezTo>
                  <a:cubicBezTo>
                    <a:pt x="22135" y="1435"/>
                    <a:pt x="22053" y="1436"/>
                    <a:pt x="22093" y="1428"/>
                  </a:cubicBezTo>
                  <a:close/>
                  <a:moveTo>
                    <a:pt x="16100" y="1690"/>
                  </a:moveTo>
                  <a:cubicBezTo>
                    <a:pt x="16086" y="1690"/>
                    <a:pt x="16070" y="1690"/>
                    <a:pt x="16055" y="1692"/>
                  </a:cubicBezTo>
                  <a:lnTo>
                    <a:pt x="16055" y="1692"/>
                  </a:lnTo>
                  <a:cubicBezTo>
                    <a:pt x="16070" y="1691"/>
                    <a:pt x="16085" y="1690"/>
                    <a:pt x="16100" y="1690"/>
                  </a:cubicBezTo>
                  <a:close/>
                  <a:moveTo>
                    <a:pt x="12868" y="2144"/>
                  </a:moveTo>
                  <a:cubicBezTo>
                    <a:pt x="12853" y="2146"/>
                    <a:pt x="12843" y="2147"/>
                    <a:pt x="12839" y="2148"/>
                  </a:cubicBezTo>
                  <a:cubicBezTo>
                    <a:pt x="12850" y="2147"/>
                    <a:pt x="12859" y="2146"/>
                    <a:pt x="12868" y="2144"/>
                  </a:cubicBezTo>
                  <a:close/>
                  <a:moveTo>
                    <a:pt x="667" y="2448"/>
                  </a:moveTo>
                  <a:cubicBezTo>
                    <a:pt x="679" y="2449"/>
                    <a:pt x="693" y="2449"/>
                    <a:pt x="712" y="2449"/>
                  </a:cubicBezTo>
                  <a:cubicBezTo>
                    <a:pt x="699" y="2449"/>
                    <a:pt x="684" y="2449"/>
                    <a:pt x="667" y="2448"/>
                  </a:cubicBezTo>
                  <a:close/>
                  <a:moveTo>
                    <a:pt x="7075" y="2437"/>
                  </a:moveTo>
                  <a:cubicBezTo>
                    <a:pt x="7010" y="2440"/>
                    <a:pt x="6955" y="2444"/>
                    <a:pt x="6939" y="2449"/>
                  </a:cubicBezTo>
                  <a:lnTo>
                    <a:pt x="7035" y="2448"/>
                  </a:lnTo>
                  <a:lnTo>
                    <a:pt x="7035" y="2448"/>
                  </a:lnTo>
                  <a:cubicBezTo>
                    <a:pt x="7046" y="2444"/>
                    <a:pt x="7060" y="2441"/>
                    <a:pt x="7075" y="2437"/>
                  </a:cubicBezTo>
                  <a:close/>
                  <a:moveTo>
                    <a:pt x="7104" y="2472"/>
                  </a:moveTo>
                  <a:lnTo>
                    <a:pt x="7022" y="2484"/>
                  </a:lnTo>
                  <a:lnTo>
                    <a:pt x="7045" y="2486"/>
                  </a:lnTo>
                  <a:lnTo>
                    <a:pt x="7045" y="2486"/>
                  </a:lnTo>
                  <a:cubicBezTo>
                    <a:pt x="7064" y="2483"/>
                    <a:pt x="7088" y="2477"/>
                    <a:pt x="7104" y="2472"/>
                  </a:cubicBezTo>
                  <a:close/>
                  <a:moveTo>
                    <a:pt x="7045" y="2486"/>
                  </a:moveTo>
                  <a:cubicBezTo>
                    <a:pt x="7028" y="2490"/>
                    <a:pt x="7017" y="2492"/>
                    <a:pt x="7025" y="2492"/>
                  </a:cubicBezTo>
                  <a:cubicBezTo>
                    <a:pt x="7030" y="2492"/>
                    <a:pt x="7044" y="2491"/>
                    <a:pt x="7071" y="2489"/>
                  </a:cubicBezTo>
                  <a:lnTo>
                    <a:pt x="7045" y="2486"/>
                  </a:lnTo>
                  <a:close/>
                  <a:moveTo>
                    <a:pt x="2667" y="2503"/>
                  </a:moveTo>
                  <a:lnTo>
                    <a:pt x="2667" y="2507"/>
                  </a:lnTo>
                  <a:cubicBezTo>
                    <a:pt x="2668" y="2506"/>
                    <a:pt x="2668" y="2504"/>
                    <a:pt x="2667" y="2503"/>
                  </a:cubicBezTo>
                  <a:close/>
                  <a:moveTo>
                    <a:pt x="4057" y="2509"/>
                  </a:moveTo>
                  <a:cubicBezTo>
                    <a:pt x="4057" y="2509"/>
                    <a:pt x="4057" y="2509"/>
                    <a:pt x="4057" y="2510"/>
                  </a:cubicBezTo>
                  <a:cubicBezTo>
                    <a:pt x="4057" y="2509"/>
                    <a:pt x="4057" y="2509"/>
                    <a:pt x="4057" y="2509"/>
                  </a:cubicBezTo>
                  <a:close/>
                  <a:moveTo>
                    <a:pt x="1594" y="2526"/>
                  </a:moveTo>
                  <a:cubicBezTo>
                    <a:pt x="1593" y="2526"/>
                    <a:pt x="1593" y="2526"/>
                    <a:pt x="1592" y="2526"/>
                  </a:cubicBezTo>
                  <a:cubicBezTo>
                    <a:pt x="1593" y="2526"/>
                    <a:pt x="1593" y="2526"/>
                    <a:pt x="1594" y="2526"/>
                  </a:cubicBezTo>
                  <a:close/>
                  <a:moveTo>
                    <a:pt x="32722" y="1"/>
                  </a:moveTo>
                  <a:cubicBezTo>
                    <a:pt x="32596" y="1"/>
                    <a:pt x="32335" y="53"/>
                    <a:pt x="32086" y="87"/>
                  </a:cubicBezTo>
                  <a:cubicBezTo>
                    <a:pt x="32100" y="92"/>
                    <a:pt x="31950" y="126"/>
                    <a:pt x="32003" y="126"/>
                  </a:cubicBezTo>
                  <a:cubicBezTo>
                    <a:pt x="32018" y="126"/>
                    <a:pt x="32048" y="123"/>
                    <a:pt x="32102" y="117"/>
                  </a:cubicBezTo>
                  <a:lnTo>
                    <a:pt x="32102" y="117"/>
                  </a:lnTo>
                  <a:cubicBezTo>
                    <a:pt x="32100" y="128"/>
                    <a:pt x="31954" y="154"/>
                    <a:pt x="31854" y="168"/>
                  </a:cubicBezTo>
                  <a:cubicBezTo>
                    <a:pt x="31898" y="156"/>
                    <a:pt x="31719" y="159"/>
                    <a:pt x="31821" y="136"/>
                  </a:cubicBezTo>
                  <a:lnTo>
                    <a:pt x="31821" y="136"/>
                  </a:lnTo>
                  <a:cubicBezTo>
                    <a:pt x="31694" y="159"/>
                    <a:pt x="31761" y="140"/>
                    <a:pt x="31546" y="175"/>
                  </a:cubicBezTo>
                  <a:cubicBezTo>
                    <a:pt x="31549" y="173"/>
                    <a:pt x="31548" y="173"/>
                    <a:pt x="31543" y="173"/>
                  </a:cubicBezTo>
                  <a:cubicBezTo>
                    <a:pt x="31504" y="173"/>
                    <a:pt x="31253" y="207"/>
                    <a:pt x="31169" y="207"/>
                  </a:cubicBezTo>
                  <a:cubicBezTo>
                    <a:pt x="31149" y="207"/>
                    <a:pt x="31139" y="205"/>
                    <a:pt x="31143" y="200"/>
                  </a:cubicBezTo>
                  <a:lnTo>
                    <a:pt x="31143" y="200"/>
                  </a:lnTo>
                  <a:cubicBezTo>
                    <a:pt x="31067" y="221"/>
                    <a:pt x="31152" y="237"/>
                    <a:pt x="30867" y="274"/>
                  </a:cubicBezTo>
                  <a:cubicBezTo>
                    <a:pt x="30874" y="275"/>
                    <a:pt x="30882" y="275"/>
                    <a:pt x="30892" y="275"/>
                  </a:cubicBezTo>
                  <a:cubicBezTo>
                    <a:pt x="30950" y="275"/>
                    <a:pt x="31055" y="266"/>
                    <a:pt x="31098" y="266"/>
                  </a:cubicBezTo>
                  <a:cubicBezTo>
                    <a:pt x="31130" y="266"/>
                    <a:pt x="31127" y="271"/>
                    <a:pt x="31046" y="288"/>
                  </a:cubicBezTo>
                  <a:lnTo>
                    <a:pt x="31182" y="260"/>
                  </a:lnTo>
                  <a:cubicBezTo>
                    <a:pt x="31221" y="257"/>
                    <a:pt x="31243" y="255"/>
                    <a:pt x="31255" y="255"/>
                  </a:cubicBezTo>
                  <a:cubicBezTo>
                    <a:pt x="31289" y="255"/>
                    <a:pt x="31241" y="266"/>
                    <a:pt x="31277" y="266"/>
                  </a:cubicBezTo>
                  <a:cubicBezTo>
                    <a:pt x="31294" y="266"/>
                    <a:pt x="31327" y="264"/>
                    <a:pt x="31391" y="258"/>
                  </a:cubicBezTo>
                  <a:lnTo>
                    <a:pt x="31391" y="258"/>
                  </a:lnTo>
                  <a:cubicBezTo>
                    <a:pt x="31323" y="266"/>
                    <a:pt x="31194" y="289"/>
                    <a:pt x="31141" y="289"/>
                  </a:cubicBezTo>
                  <a:cubicBezTo>
                    <a:pt x="31134" y="289"/>
                    <a:pt x="31129" y="289"/>
                    <a:pt x="31125" y="288"/>
                  </a:cubicBezTo>
                  <a:lnTo>
                    <a:pt x="31125" y="288"/>
                  </a:lnTo>
                  <a:cubicBezTo>
                    <a:pt x="31196" y="314"/>
                    <a:pt x="30742" y="353"/>
                    <a:pt x="30733" y="381"/>
                  </a:cubicBezTo>
                  <a:cubicBezTo>
                    <a:pt x="30726" y="380"/>
                    <a:pt x="30719" y="380"/>
                    <a:pt x="30711" y="380"/>
                  </a:cubicBezTo>
                  <a:cubicBezTo>
                    <a:pt x="30656" y="380"/>
                    <a:pt x="30584" y="388"/>
                    <a:pt x="30457" y="406"/>
                  </a:cubicBezTo>
                  <a:cubicBezTo>
                    <a:pt x="30476" y="395"/>
                    <a:pt x="30397" y="395"/>
                    <a:pt x="30506" y="374"/>
                  </a:cubicBezTo>
                  <a:cubicBezTo>
                    <a:pt x="30596" y="365"/>
                    <a:pt x="30664" y="355"/>
                    <a:pt x="30766" y="351"/>
                  </a:cubicBezTo>
                  <a:cubicBezTo>
                    <a:pt x="30754" y="345"/>
                    <a:pt x="30734" y="343"/>
                    <a:pt x="30707" y="343"/>
                  </a:cubicBezTo>
                  <a:cubicBezTo>
                    <a:pt x="30591" y="343"/>
                    <a:pt x="30350" y="387"/>
                    <a:pt x="30156" y="404"/>
                  </a:cubicBezTo>
                  <a:cubicBezTo>
                    <a:pt x="30191" y="404"/>
                    <a:pt x="30200" y="404"/>
                    <a:pt x="30135" y="418"/>
                  </a:cubicBezTo>
                  <a:cubicBezTo>
                    <a:pt x="30033" y="426"/>
                    <a:pt x="29840" y="445"/>
                    <a:pt x="29771" y="445"/>
                  </a:cubicBezTo>
                  <a:cubicBezTo>
                    <a:pt x="29743" y="445"/>
                    <a:pt x="29735" y="442"/>
                    <a:pt x="29760" y="434"/>
                  </a:cubicBezTo>
                  <a:lnTo>
                    <a:pt x="29760" y="434"/>
                  </a:lnTo>
                  <a:lnTo>
                    <a:pt x="29033" y="524"/>
                  </a:lnTo>
                  <a:cubicBezTo>
                    <a:pt x="29028" y="517"/>
                    <a:pt x="29135" y="508"/>
                    <a:pt x="29179" y="501"/>
                  </a:cubicBezTo>
                  <a:lnTo>
                    <a:pt x="29179" y="501"/>
                  </a:lnTo>
                  <a:lnTo>
                    <a:pt x="28773" y="548"/>
                  </a:lnTo>
                  <a:cubicBezTo>
                    <a:pt x="28678" y="548"/>
                    <a:pt x="28910" y="520"/>
                    <a:pt x="28949" y="506"/>
                  </a:cubicBezTo>
                  <a:lnTo>
                    <a:pt x="28949" y="506"/>
                  </a:lnTo>
                  <a:lnTo>
                    <a:pt x="28658" y="541"/>
                  </a:lnTo>
                  <a:lnTo>
                    <a:pt x="28697" y="524"/>
                  </a:lnTo>
                  <a:lnTo>
                    <a:pt x="28697" y="524"/>
                  </a:lnTo>
                  <a:cubicBezTo>
                    <a:pt x="28631" y="539"/>
                    <a:pt x="28341" y="574"/>
                    <a:pt x="28230" y="574"/>
                  </a:cubicBezTo>
                  <a:cubicBezTo>
                    <a:pt x="28221" y="574"/>
                    <a:pt x="28212" y="574"/>
                    <a:pt x="28206" y="573"/>
                  </a:cubicBezTo>
                  <a:cubicBezTo>
                    <a:pt x="27884" y="612"/>
                    <a:pt x="27893" y="649"/>
                    <a:pt x="27458" y="682"/>
                  </a:cubicBezTo>
                  <a:cubicBezTo>
                    <a:pt x="27472" y="661"/>
                    <a:pt x="27703" y="647"/>
                    <a:pt x="27803" y="624"/>
                  </a:cubicBezTo>
                  <a:lnTo>
                    <a:pt x="27803" y="624"/>
                  </a:lnTo>
                  <a:cubicBezTo>
                    <a:pt x="27725" y="626"/>
                    <a:pt x="27519" y="658"/>
                    <a:pt x="27439" y="658"/>
                  </a:cubicBezTo>
                  <a:cubicBezTo>
                    <a:pt x="27428" y="658"/>
                    <a:pt x="27419" y="658"/>
                    <a:pt x="27414" y="656"/>
                  </a:cubicBezTo>
                  <a:cubicBezTo>
                    <a:pt x="27101" y="700"/>
                    <a:pt x="27140" y="728"/>
                    <a:pt x="26990" y="763"/>
                  </a:cubicBezTo>
                  <a:cubicBezTo>
                    <a:pt x="26924" y="770"/>
                    <a:pt x="26891" y="773"/>
                    <a:pt x="26876" y="773"/>
                  </a:cubicBezTo>
                  <a:cubicBezTo>
                    <a:pt x="26836" y="773"/>
                    <a:pt x="26959" y="750"/>
                    <a:pt x="26950" y="747"/>
                  </a:cubicBezTo>
                  <a:lnTo>
                    <a:pt x="26950" y="747"/>
                  </a:lnTo>
                  <a:cubicBezTo>
                    <a:pt x="26885" y="753"/>
                    <a:pt x="26790" y="787"/>
                    <a:pt x="26718" y="787"/>
                  </a:cubicBezTo>
                  <a:cubicBezTo>
                    <a:pt x="26706" y="787"/>
                    <a:pt x="26695" y="786"/>
                    <a:pt x="26684" y="784"/>
                  </a:cubicBezTo>
                  <a:cubicBezTo>
                    <a:pt x="26587" y="804"/>
                    <a:pt x="26524" y="823"/>
                    <a:pt x="26594" y="823"/>
                  </a:cubicBezTo>
                  <a:cubicBezTo>
                    <a:pt x="26612" y="823"/>
                    <a:pt x="26639" y="821"/>
                    <a:pt x="26677" y="819"/>
                  </a:cubicBezTo>
                  <a:lnTo>
                    <a:pt x="26677" y="819"/>
                  </a:lnTo>
                  <a:cubicBezTo>
                    <a:pt x="26557" y="830"/>
                    <a:pt x="26436" y="849"/>
                    <a:pt x="26316" y="874"/>
                  </a:cubicBezTo>
                  <a:cubicBezTo>
                    <a:pt x="26352" y="861"/>
                    <a:pt x="26346" y="857"/>
                    <a:pt x="26321" y="857"/>
                  </a:cubicBezTo>
                  <a:cubicBezTo>
                    <a:pt x="26289" y="857"/>
                    <a:pt x="26223" y="864"/>
                    <a:pt x="26181" y="864"/>
                  </a:cubicBezTo>
                  <a:cubicBezTo>
                    <a:pt x="26161" y="864"/>
                    <a:pt x="26146" y="862"/>
                    <a:pt x="26142" y="858"/>
                  </a:cubicBezTo>
                  <a:cubicBezTo>
                    <a:pt x="25936" y="874"/>
                    <a:pt x="25482" y="916"/>
                    <a:pt x="25292" y="962"/>
                  </a:cubicBezTo>
                  <a:lnTo>
                    <a:pt x="25345" y="927"/>
                  </a:lnTo>
                  <a:lnTo>
                    <a:pt x="25106" y="958"/>
                  </a:lnTo>
                  <a:cubicBezTo>
                    <a:pt x="24923" y="958"/>
                    <a:pt x="25315" y="916"/>
                    <a:pt x="25435" y="904"/>
                  </a:cubicBezTo>
                  <a:lnTo>
                    <a:pt x="25435" y="904"/>
                  </a:lnTo>
                  <a:cubicBezTo>
                    <a:pt x="25109" y="932"/>
                    <a:pt x="24891" y="958"/>
                    <a:pt x="24599" y="988"/>
                  </a:cubicBezTo>
                  <a:cubicBezTo>
                    <a:pt x="24607" y="987"/>
                    <a:pt x="24613" y="987"/>
                    <a:pt x="24619" y="987"/>
                  </a:cubicBezTo>
                  <a:cubicBezTo>
                    <a:pt x="24676" y="987"/>
                    <a:pt x="24638" y="997"/>
                    <a:pt x="24676" y="1002"/>
                  </a:cubicBezTo>
                  <a:cubicBezTo>
                    <a:pt x="24576" y="1025"/>
                    <a:pt x="24437" y="1027"/>
                    <a:pt x="24333" y="1041"/>
                  </a:cubicBezTo>
                  <a:cubicBezTo>
                    <a:pt x="24305" y="1036"/>
                    <a:pt x="24319" y="1029"/>
                    <a:pt x="24400" y="1020"/>
                  </a:cubicBezTo>
                  <a:lnTo>
                    <a:pt x="24400" y="1020"/>
                  </a:lnTo>
                  <a:lnTo>
                    <a:pt x="24198" y="1041"/>
                  </a:lnTo>
                  <a:cubicBezTo>
                    <a:pt x="24212" y="1022"/>
                    <a:pt x="24113" y="1032"/>
                    <a:pt x="24312" y="1002"/>
                  </a:cubicBezTo>
                  <a:lnTo>
                    <a:pt x="24312" y="1002"/>
                  </a:lnTo>
                  <a:lnTo>
                    <a:pt x="24127" y="1025"/>
                  </a:lnTo>
                  <a:cubicBezTo>
                    <a:pt x="24089" y="1027"/>
                    <a:pt x="24066" y="1028"/>
                    <a:pt x="24052" y="1028"/>
                  </a:cubicBezTo>
                  <a:cubicBezTo>
                    <a:pt x="23992" y="1028"/>
                    <a:pt x="24143" y="1006"/>
                    <a:pt x="24184" y="997"/>
                  </a:cubicBezTo>
                  <a:lnTo>
                    <a:pt x="24184" y="997"/>
                  </a:lnTo>
                  <a:lnTo>
                    <a:pt x="23858" y="1025"/>
                  </a:lnTo>
                  <a:cubicBezTo>
                    <a:pt x="23742" y="1046"/>
                    <a:pt x="23925" y="1034"/>
                    <a:pt x="23703" y="1062"/>
                  </a:cubicBezTo>
                  <a:cubicBezTo>
                    <a:pt x="23402" y="1073"/>
                    <a:pt x="23019" y="1115"/>
                    <a:pt x="22676" y="1143"/>
                  </a:cubicBezTo>
                  <a:lnTo>
                    <a:pt x="22917" y="1136"/>
                  </a:lnTo>
                  <a:lnTo>
                    <a:pt x="22917" y="1136"/>
                  </a:lnTo>
                  <a:cubicBezTo>
                    <a:pt x="22714" y="1152"/>
                    <a:pt x="22755" y="1175"/>
                    <a:pt x="22695" y="1194"/>
                  </a:cubicBezTo>
                  <a:cubicBezTo>
                    <a:pt x="22505" y="1210"/>
                    <a:pt x="22248" y="1233"/>
                    <a:pt x="22086" y="1238"/>
                  </a:cubicBezTo>
                  <a:cubicBezTo>
                    <a:pt x="22257" y="1212"/>
                    <a:pt x="22199" y="1196"/>
                    <a:pt x="22050" y="1196"/>
                  </a:cubicBezTo>
                  <a:cubicBezTo>
                    <a:pt x="22040" y="1196"/>
                    <a:pt x="22029" y="1196"/>
                    <a:pt x="22019" y="1196"/>
                  </a:cubicBezTo>
                  <a:cubicBezTo>
                    <a:pt x="21632" y="1229"/>
                    <a:pt x="21729" y="1252"/>
                    <a:pt x="21516" y="1280"/>
                  </a:cubicBezTo>
                  <a:cubicBezTo>
                    <a:pt x="21566" y="1264"/>
                    <a:pt x="21560" y="1259"/>
                    <a:pt x="21529" y="1259"/>
                  </a:cubicBezTo>
                  <a:cubicBezTo>
                    <a:pt x="21475" y="1259"/>
                    <a:pt x="21346" y="1273"/>
                    <a:pt x="21298" y="1273"/>
                  </a:cubicBezTo>
                  <a:cubicBezTo>
                    <a:pt x="21283" y="1273"/>
                    <a:pt x="21276" y="1272"/>
                    <a:pt x="21282" y="1268"/>
                  </a:cubicBezTo>
                  <a:lnTo>
                    <a:pt x="21282" y="1268"/>
                  </a:lnTo>
                  <a:cubicBezTo>
                    <a:pt x="21036" y="1289"/>
                    <a:pt x="20791" y="1314"/>
                    <a:pt x="20543" y="1337"/>
                  </a:cubicBezTo>
                  <a:cubicBezTo>
                    <a:pt x="20297" y="1363"/>
                    <a:pt x="20047" y="1384"/>
                    <a:pt x="19792" y="1402"/>
                  </a:cubicBezTo>
                  <a:cubicBezTo>
                    <a:pt x="19804" y="1407"/>
                    <a:pt x="19950" y="1400"/>
                    <a:pt x="19862" y="1414"/>
                  </a:cubicBezTo>
                  <a:cubicBezTo>
                    <a:pt x="19768" y="1423"/>
                    <a:pt x="19699" y="1426"/>
                    <a:pt x="19650" y="1426"/>
                  </a:cubicBezTo>
                  <a:cubicBezTo>
                    <a:pt x="19601" y="1426"/>
                    <a:pt x="19572" y="1423"/>
                    <a:pt x="19559" y="1421"/>
                  </a:cubicBezTo>
                  <a:cubicBezTo>
                    <a:pt x="19406" y="1432"/>
                    <a:pt x="19253" y="1451"/>
                    <a:pt x="19102" y="1481"/>
                  </a:cubicBezTo>
                  <a:cubicBezTo>
                    <a:pt x="19146" y="1476"/>
                    <a:pt x="19173" y="1474"/>
                    <a:pt x="19188" y="1474"/>
                  </a:cubicBezTo>
                  <a:cubicBezTo>
                    <a:pt x="19209" y="1474"/>
                    <a:pt x="19208" y="1478"/>
                    <a:pt x="19197" y="1483"/>
                  </a:cubicBezTo>
                  <a:cubicBezTo>
                    <a:pt x="19110" y="1492"/>
                    <a:pt x="19063" y="1493"/>
                    <a:pt x="19028" y="1493"/>
                  </a:cubicBezTo>
                  <a:cubicBezTo>
                    <a:pt x="19012" y="1493"/>
                    <a:pt x="18998" y="1493"/>
                    <a:pt x="18983" y="1493"/>
                  </a:cubicBezTo>
                  <a:cubicBezTo>
                    <a:pt x="18944" y="1493"/>
                    <a:pt x="18902" y="1495"/>
                    <a:pt x="18796" y="1511"/>
                  </a:cubicBezTo>
                  <a:cubicBezTo>
                    <a:pt x="18734" y="1497"/>
                    <a:pt x="19049" y="1483"/>
                    <a:pt x="19026" y="1465"/>
                  </a:cubicBezTo>
                  <a:lnTo>
                    <a:pt x="19026" y="1465"/>
                  </a:lnTo>
                  <a:cubicBezTo>
                    <a:pt x="18813" y="1481"/>
                    <a:pt x="18681" y="1500"/>
                    <a:pt x="18525" y="1520"/>
                  </a:cubicBezTo>
                  <a:cubicBezTo>
                    <a:pt x="18491" y="1511"/>
                    <a:pt x="18669" y="1507"/>
                    <a:pt x="18551" y="1504"/>
                  </a:cubicBezTo>
                  <a:lnTo>
                    <a:pt x="18551" y="1504"/>
                  </a:lnTo>
                  <a:lnTo>
                    <a:pt x="17580" y="1599"/>
                  </a:lnTo>
                  <a:lnTo>
                    <a:pt x="17513" y="1588"/>
                  </a:lnTo>
                  <a:cubicBezTo>
                    <a:pt x="17356" y="1599"/>
                    <a:pt x="17251" y="1611"/>
                    <a:pt x="17177" y="1622"/>
                  </a:cubicBezTo>
                  <a:cubicBezTo>
                    <a:pt x="17092" y="1622"/>
                    <a:pt x="17159" y="1613"/>
                    <a:pt x="17240" y="1606"/>
                  </a:cubicBezTo>
                  <a:lnTo>
                    <a:pt x="17240" y="1606"/>
                  </a:lnTo>
                  <a:cubicBezTo>
                    <a:pt x="17029" y="1620"/>
                    <a:pt x="16770" y="1650"/>
                    <a:pt x="16649" y="1659"/>
                  </a:cubicBezTo>
                  <a:cubicBezTo>
                    <a:pt x="16668" y="1650"/>
                    <a:pt x="16770" y="1650"/>
                    <a:pt x="16804" y="1641"/>
                  </a:cubicBezTo>
                  <a:lnTo>
                    <a:pt x="16804" y="1641"/>
                  </a:lnTo>
                  <a:cubicBezTo>
                    <a:pt x="16560" y="1654"/>
                    <a:pt x="16259" y="1698"/>
                    <a:pt x="16075" y="1698"/>
                  </a:cubicBezTo>
                  <a:cubicBezTo>
                    <a:pt x="16058" y="1698"/>
                    <a:pt x="16043" y="1697"/>
                    <a:pt x="16028" y="1696"/>
                  </a:cubicBezTo>
                  <a:cubicBezTo>
                    <a:pt x="16037" y="1695"/>
                    <a:pt x="16046" y="1693"/>
                    <a:pt x="16055" y="1692"/>
                  </a:cubicBezTo>
                  <a:lnTo>
                    <a:pt x="16055" y="1692"/>
                  </a:lnTo>
                  <a:cubicBezTo>
                    <a:pt x="15680" y="1715"/>
                    <a:pt x="15347" y="1746"/>
                    <a:pt x="14935" y="1773"/>
                  </a:cubicBezTo>
                  <a:cubicBezTo>
                    <a:pt x="14541" y="1778"/>
                    <a:pt x="14810" y="1805"/>
                    <a:pt x="14423" y="1826"/>
                  </a:cubicBezTo>
                  <a:cubicBezTo>
                    <a:pt x="14422" y="1815"/>
                    <a:pt x="14389" y="1811"/>
                    <a:pt x="14338" y="1811"/>
                  </a:cubicBezTo>
                  <a:cubicBezTo>
                    <a:pt x="14183" y="1811"/>
                    <a:pt x="13857" y="1849"/>
                    <a:pt x="13735" y="1849"/>
                  </a:cubicBezTo>
                  <a:lnTo>
                    <a:pt x="13786" y="1854"/>
                  </a:lnTo>
                  <a:cubicBezTo>
                    <a:pt x="13640" y="1870"/>
                    <a:pt x="13493" y="1877"/>
                    <a:pt x="13346" y="1877"/>
                  </a:cubicBezTo>
                  <a:cubicBezTo>
                    <a:pt x="13297" y="1877"/>
                    <a:pt x="13249" y="1877"/>
                    <a:pt x="13200" y="1875"/>
                  </a:cubicBezTo>
                  <a:cubicBezTo>
                    <a:pt x="13054" y="1882"/>
                    <a:pt x="12876" y="1889"/>
                    <a:pt x="12695" y="1900"/>
                  </a:cubicBezTo>
                  <a:cubicBezTo>
                    <a:pt x="12605" y="1907"/>
                    <a:pt x="12517" y="1912"/>
                    <a:pt x="12431" y="1919"/>
                  </a:cubicBezTo>
                  <a:cubicBezTo>
                    <a:pt x="12345" y="1926"/>
                    <a:pt x="12264" y="1933"/>
                    <a:pt x="12192" y="1940"/>
                  </a:cubicBezTo>
                  <a:lnTo>
                    <a:pt x="12250" y="1928"/>
                  </a:lnTo>
                  <a:lnTo>
                    <a:pt x="12250" y="1928"/>
                  </a:lnTo>
                  <a:cubicBezTo>
                    <a:pt x="12012" y="1951"/>
                    <a:pt x="11863" y="1944"/>
                    <a:pt x="11625" y="1965"/>
                  </a:cubicBezTo>
                  <a:cubicBezTo>
                    <a:pt x="11632" y="1963"/>
                    <a:pt x="11720" y="1954"/>
                    <a:pt x="11627" y="1954"/>
                  </a:cubicBezTo>
                  <a:cubicBezTo>
                    <a:pt x="10480" y="1993"/>
                    <a:pt x="9311" y="2062"/>
                    <a:pt x="8164" y="2095"/>
                  </a:cubicBezTo>
                  <a:lnTo>
                    <a:pt x="6436" y="2134"/>
                  </a:lnTo>
                  <a:lnTo>
                    <a:pt x="4611" y="2169"/>
                  </a:lnTo>
                  <a:lnTo>
                    <a:pt x="1083" y="2222"/>
                  </a:lnTo>
                  <a:cubicBezTo>
                    <a:pt x="1083" y="2222"/>
                    <a:pt x="59" y="2405"/>
                    <a:pt x="212" y="2479"/>
                  </a:cubicBezTo>
                  <a:cubicBezTo>
                    <a:pt x="300" y="2489"/>
                    <a:pt x="1" y="2503"/>
                    <a:pt x="179" y="2507"/>
                  </a:cubicBezTo>
                  <a:lnTo>
                    <a:pt x="355" y="2486"/>
                  </a:lnTo>
                  <a:lnTo>
                    <a:pt x="355" y="2486"/>
                  </a:lnTo>
                  <a:cubicBezTo>
                    <a:pt x="325" y="2496"/>
                    <a:pt x="425" y="2507"/>
                    <a:pt x="446" y="2514"/>
                  </a:cubicBezTo>
                  <a:cubicBezTo>
                    <a:pt x="515" y="2496"/>
                    <a:pt x="219" y="2484"/>
                    <a:pt x="427" y="2456"/>
                  </a:cubicBezTo>
                  <a:cubicBezTo>
                    <a:pt x="456" y="2449"/>
                    <a:pt x="523" y="2447"/>
                    <a:pt x="589" y="2447"/>
                  </a:cubicBezTo>
                  <a:cubicBezTo>
                    <a:pt x="616" y="2447"/>
                    <a:pt x="643" y="2448"/>
                    <a:pt x="667" y="2448"/>
                  </a:cubicBezTo>
                  <a:lnTo>
                    <a:pt x="667" y="2448"/>
                  </a:lnTo>
                  <a:cubicBezTo>
                    <a:pt x="571" y="2444"/>
                    <a:pt x="724" y="2432"/>
                    <a:pt x="788" y="2426"/>
                  </a:cubicBezTo>
                  <a:cubicBezTo>
                    <a:pt x="897" y="2433"/>
                    <a:pt x="1071" y="2428"/>
                    <a:pt x="1122" y="2442"/>
                  </a:cubicBezTo>
                  <a:cubicBezTo>
                    <a:pt x="1162" y="2437"/>
                    <a:pt x="1202" y="2435"/>
                    <a:pt x="1242" y="2435"/>
                  </a:cubicBezTo>
                  <a:cubicBezTo>
                    <a:pt x="1255" y="2435"/>
                    <a:pt x="1268" y="2435"/>
                    <a:pt x="1282" y="2435"/>
                  </a:cubicBezTo>
                  <a:lnTo>
                    <a:pt x="1289" y="2442"/>
                  </a:lnTo>
                  <a:cubicBezTo>
                    <a:pt x="1418" y="2435"/>
                    <a:pt x="1242" y="2435"/>
                    <a:pt x="1277" y="2428"/>
                  </a:cubicBezTo>
                  <a:cubicBezTo>
                    <a:pt x="1284" y="2428"/>
                    <a:pt x="1292" y="2428"/>
                    <a:pt x="1300" y="2428"/>
                  </a:cubicBezTo>
                  <a:cubicBezTo>
                    <a:pt x="1395" y="2428"/>
                    <a:pt x="1530" y="2440"/>
                    <a:pt x="1673" y="2440"/>
                  </a:cubicBezTo>
                  <a:cubicBezTo>
                    <a:pt x="1518" y="2440"/>
                    <a:pt x="1391" y="2449"/>
                    <a:pt x="1282" y="2456"/>
                  </a:cubicBezTo>
                  <a:cubicBezTo>
                    <a:pt x="1562" y="2468"/>
                    <a:pt x="1231" y="2491"/>
                    <a:pt x="1168" y="2507"/>
                  </a:cubicBezTo>
                  <a:cubicBezTo>
                    <a:pt x="1395" y="2500"/>
                    <a:pt x="1481" y="2486"/>
                    <a:pt x="1666" y="2475"/>
                  </a:cubicBezTo>
                  <a:lnTo>
                    <a:pt x="1666" y="2475"/>
                  </a:lnTo>
                  <a:cubicBezTo>
                    <a:pt x="1887" y="2489"/>
                    <a:pt x="1652" y="2523"/>
                    <a:pt x="1594" y="2526"/>
                  </a:cubicBezTo>
                  <a:lnTo>
                    <a:pt x="1594" y="2526"/>
                  </a:lnTo>
                  <a:cubicBezTo>
                    <a:pt x="1797" y="2516"/>
                    <a:pt x="2012" y="2493"/>
                    <a:pt x="2120" y="2486"/>
                  </a:cubicBezTo>
                  <a:lnTo>
                    <a:pt x="2120" y="2486"/>
                  </a:lnTo>
                  <a:cubicBezTo>
                    <a:pt x="1967" y="2512"/>
                    <a:pt x="1995" y="2521"/>
                    <a:pt x="1856" y="2542"/>
                  </a:cubicBezTo>
                  <a:cubicBezTo>
                    <a:pt x="1899" y="2546"/>
                    <a:pt x="1933" y="2547"/>
                    <a:pt x="1961" y="2547"/>
                  </a:cubicBezTo>
                  <a:cubicBezTo>
                    <a:pt x="2043" y="2547"/>
                    <a:pt x="2076" y="2535"/>
                    <a:pt x="2134" y="2528"/>
                  </a:cubicBezTo>
                  <a:lnTo>
                    <a:pt x="2134" y="2528"/>
                  </a:lnTo>
                  <a:cubicBezTo>
                    <a:pt x="2112" y="2530"/>
                    <a:pt x="2090" y="2532"/>
                    <a:pt x="2068" y="2532"/>
                  </a:cubicBezTo>
                  <a:cubicBezTo>
                    <a:pt x="2046" y="2532"/>
                    <a:pt x="2023" y="2530"/>
                    <a:pt x="2000" y="2528"/>
                  </a:cubicBezTo>
                  <a:lnTo>
                    <a:pt x="2000" y="2528"/>
                  </a:lnTo>
                  <a:cubicBezTo>
                    <a:pt x="2005" y="2528"/>
                    <a:pt x="2011" y="2528"/>
                    <a:pt x="2016" y="2528"/>
                  </a:cubicBezTo>
                  <a:cubicBezTo>
                    <a:pt x="2195" y="2528"/>
                    <a:pt x="2165" y="2490"/>
                    <a:pt x="2264" y="2472"/>
                  </a:cubicBezTo>
                  <a:cubicBezTo>
                    <a:pt x="2400" y="2481"/>
                    <a:pt x="2648" y="2484"/>
                    <a:pt x="2667" y="2503"/>
                  </a:cubicBezTo>
                  <a:lnTo>
                    <a:pt x="2667" y="2503"/>
                  </a:lnTo>
                  <a:lnTo>
                    <a:pt x="2665" y="2482"/>
                  </a:lnTo>
                  <a:cubicBezTo>
                    <a:pt x="2688" y="2481"/>
                    <a:pt x="2707" y="2480"/>
                    <a:pt x="2722" y="2480"/>
                  </a:cubicBezTo>
                  <a:cubicBezTo>
                    <a:pt x="2813" y="2480"/>
                    <a:pt x="2754" y="2497"/>
                    <a:pt x="2778" y="2503"/>
                  </a:cubicBezTo>
                  <a:cubicBezTo>
                    <a:pt x="2841" y="2484"/>
                    <a:pt x="2762" y="2461"/>
                    <a:pt x="3047" y="2452"/>
                  </a:cubicBezTo>
                  <a:lnTo>
                    <a:pt x="3047" y="2452"/>
                  </a:lnTo>
                  <a:cubicBezTo>
                    <a:pt x="3029" y="2469"/>
                    <a:pt x="3073" y="2472"/>
                    <a:pt x="3129" y="2472"/>
                  </a:cubicBezTo>
                  <a:cubicBezTo>
                    <a:pt x="3151" y="2472"/>
                    <a:pt x="3176" y="2472"/>
                    <a:pt x="3199" y="2472"/>
                  </a:cubicBezTo>
                  <a:cubicBezTo>
                    <a:pt x="3252" y="2472"/>
                    <a:pt x="3298" y="2474"/>
                    <a:pt x="3295" y="2489"/>
                  </a:cubicBezTo>
                  <a:cubicBezTo>
                    <a:pt x="3422" y="2486"/>
                    <a:pt x="3483" y="2468"/>
                    <a:pt x="3607" y="2468"/>
                  </a:cubicBezTo>
                  <a:cubicBezTo>
                    <a:pt x="3614" y="2468"/>
                    <a:pt x="3621" y="2468"/>
                    <a:pt x="3628" y="2468"/>
                  </a:cubicBezTo>
                  <a:cubicBezTo>
                    <a:pt x="3771" y="2485"/>
                    <a:pt x="3463" y="2515"/>
                    <a:pt x="3354" y="2515"/>
                  </a:cubicBezTo>
                  <a:cubicBezTo>
                    <a:pt x="3346" y="2515"/>
                    <a:pt x="3340" y="2514"/>
                    <a:pt x="3334" y="2514"/>
                  </a:cubicBezTo>
                  <a:cubicBezTo>
                    <a:pt x="3324" y="2514"/>
                    <a:pt x="3315" y="2514"/>
                    <a:pt x="3307" y="2514"/>
                  </a:cubicBezTo>
                  <a:cubicBezTo>
                    <a:pt x="3172" y="2514"/>
                    <a:pt x="3335" y="2498"/>
                    <a:pt x="3293" y="2498"/>
                  </a:cubicBezTo>
                  <a:cubicBezTo>
                    <a:pt x="3290" y="2498"/>
                    <a:pt x="3287" y="2498"/>
                    <a:pt x="3283" y="2498"/>
                  </a:cubicBezTo>
                  <a:lnTo>
                    <a:pt x="3098" y="2510"/>
                  </a:lnTo>
                  <a:cubicBezTo>
                    <a:pt x="3202" y="2516"/>
                    <a:pt x="3404" y="2523"/>
                    <a:pt x="3378" y="2540"/>
                  </a:cubicBezTo>
                  <a:cubicBezTo>
                    <a:pt x="3566" y="2530"/>
                    <a:pt x="3228" y="2523"/>
                    <a:pt x="3434" y="2512"/>
                  </a:cubicBezTo>
                  <a:lnTo>
                    <a:pt x="3434" y="2512"/>
                  </a:lnTo>
                  <a:lnTo>
                    <a:pt x="3557" y="2519"/>
                  </a:lnTo>
                  <a:cubicBezTo>
                    <a:pt x="3763" y="2507"/>
                    <a:pt x="3515" y="2493"/>
                    <a:pt x="3781" y="2484"/>
                  </a:cubicBezTo>
                  <a:lnTo>
                    <a:pt x="3781" y="2484"/>
                  </a:lnTo>
                  <a:cubicBezTo>
                    <a:pt x="3605" y="2505"/>
                    <a:pt x="4062" y="2482"/>
                    <a:pt x="4057" y="2509"/>
                  </a:cubicBezTo>
                  <a:lnTo>
                    <a:pt x="4057" y="2509"/>
                  </a:lnTo>
                  <a:cubicBezTo>
                    <a:pt x="4065" y="2491"/>
                    <a:pt x="4184" y="2491"/>
                    <a:pt x="4307" y="2489"/>
                  </a:cubicBezTo>
                  <a:cubicBezTo>
                    <a:pt x="4432" y="2486"/>
                    <a:pt x="4564" y="2484"/>
                    <a:pt x="4590" y="2470"/>
                  </a:cubicBezTo>
                  <a:lnTo>
                    <a:pt x="4448" y="2466"/>
                  </a:lnTo>
                  <a:lnTo>
                    <a:pt x="4481" y="2479"/>
                  </a:lnTo>
                  <a:cubicBezTo>
                    <a:pt x="4351" y="2481"/>
                    <a:pt x="4241" y="2490"/>
                    <a:pt x="4115" y="2490"/>
                  </a:cubicBezTo>
                  <a:cubicBezTo>
                    <a:pt x="4090" y="2490"/>
                    <a:pt x="4065" y="2489"/>
                    <a:pt x="4038" y="2489"/>
                  </a:cubicBezTo>
                  <a:cubicBezTo>
                    <a:pt x="4163" y="2475"/>
                    <a:pt x="3997" y="2461"/>
                    <a:pt x="4140" y="2449"/>
                  </a:cubicBezTo>
                  <a:cubicBezTo>
                    <a:pt x="4202" y="2444"/>
                    <a:pt x="4240" y="2442"/>
                    <a:pt x="4262" y="2442"/>
                  </a:cubicBezTo>
                  <a:cubicBezTo>
                    <a:pt x="4335" y="2442"/>
                    <a:pt x="4223" y="2466"/>
                    <a:pt x="4254" y="2466"/>
                  </a:cubicBezTo>
                  <a:lnTo>
                    <a:pt x="4472" y="2445"/>
                  </a:lnTo>
                  <a:lnTo>
                    <a:pt x="4323" y="2433"/>
                  </a:lnTo>
                  <a:cubicBezTo>
                    <a:pt x="4492" y="2424"/>
                    <a:pt x="4724" y="2419"/>
                    <a:pt x="4958" y="2417"/>
                  </a:cubicBezTo>
                  <a:lnTo>
                    <a:pt x="4958" y="2417"/>
                  </a:lnTo>
                  <a:cubicBezTo>
                    <a:pt x="5305" y="2428"/>
                    <a:pt x="4916" y="2435"/>
                    <a:pt x="5164" y="2449"/>
                  </a:cubicBezTo>
                  <a:cubicBezTo>
                    <a:pt x="5273" y="2440"/>
                    <a:pt x="5248" y="2431"/>
                    <a:pt x="5403" y="2431"/>
                  </a:cubicBezTo>
                  <a:cubicBezTo>
                    <a:pt x="5386" y="2429"/>
                    <a:pt x="5370" y="2429"/>
                    <a:pt x="5355" y="2429"/>
                  </a:cubicBezTo>
                  <a:cubicBezTo>
                    <a:pt x="5293" y="2429"/>
                    <a:pt x="5241" y="2438"/>
                    <a:pt x="5194" y="2438"/>
                  </a:cubicBezTo>
                  <a:cubicBezTo>
                    <a:pt x="5118" y="2419"/>
                    <a:pt x="5475" y="2424"/>
                    <a:pt x="5458" y="2403"/>
                  </a:cubicBezTo>
                  <a:lnTo>
                    <a:pt x="5458" y="2403"/>
                  </a:lnTo>
                  <a:cubicBezTo>
                    <a:pt x="5523" y="2410"/>
                    <a:pt x="5512" y="2419"/>
                    <a:pt x="5461" y="2428"/>
                  </a:cubicBezTo>
                  <a:cubicBezTo>
                    <a:pt x="5576" y="2422"/>
                    <a:pt x="5689" y="2419"/>
                    <a:pt x="5789" y="2419"/>
                  </a:cubicBezTo>
                  <a:cubicBezTo>
                    <a:pt x="5918" y="2419"/>
                    <a:pt x="6023" y="2425"/>
                    <a:pt x="6079" y="2438"/>
                  </a:cubicBezTo>
                  <a:lnTo>
                    <a:pt x="6193" y="2410"/>
                  </a:lnTo>
                  <a:cubicBezTo>
                    <a:pt x="6647" y="2410"/>
                    <a:pt x="5885" y="2440"/>
                    <a:pt x="6264" y="2447"/>
                  </a:cubicBezTo>
                  <a:cubicBezTo>
                    <a:pt x="6281" y="2447"/>
                    <a:pt x="6297" y="2447"/>
                    <a:pt x="6313" y="2447"/>
                  </a:cubicBezTo>
                  <a:cubicBezTo>
                    <a:pt x="6424" y="2447"/>
                    <a:pt x="6535" y="2441"/>
                    <a:pt x="6647" y="2428"/>
                  </a:cubicBezTo>
                  <a:lnTo>
                    <a:pt x="6647" y="2428"/>
                  </a:lnTo>
                  <a:lnTo>
                    <a:pt x="6510" y="2433"/>
                  </a:lnTo>
                  <a:cubicBezTo>
                    <a:pt x="6614" y="2415"/>
                    <a:pt x="6605" y="2405"/>
                    <a:pt x="6772" y="2391"/>
                  </a:cubicBezTo>
                  <a:cubicBezTo>
                    <a:pt x="6851" y="2391"/>
                    <a:pt x="6849" y="2400"/>
                    <a:pt x="6881" y="2400"/>
                  </a:cubicBezTo>
                  <a:cubicBezTo>
                    <a:pt x="6897" y="2400"/>
                    <a:pt x="6922" y="2398"/>
                    <a:pt x="6969" y="2391"/>
                  </a:cubicBezTo>
                  <a:cubicBezTo>
                    <a:pt x="7257" y="2395"/>
                    <a:pt x="7156" y="2417"/>
                    <a:pt x="7075" y="2437"/>
                  </a:cubicBezTo>
                  <a:lnTo>
                    <a:pt x="7075" y="2437"/>
                  </a:lnTo>
                  <a:cubicBezTo>
                    <a:pt x="7195" y="2431"/>
                    <a:pt x="7350" y="2427"/>
                    <a:pt x="7369" y="2417"/>
                  </a:cubicBezTo>
                  <a:lnTo>
                    <a:pt x="7369" y="2417"/>
                  </a:lnTo>
                  <a:cubicBezTo>
                    <a:pt x="7373" y="2423"/>
                    <a:pt x="7355" y="2436"/>
                    <a:pt x="7287" y="2444"/>
                  </a:cubicBezTo>
                  <a:lnTo>
                    <a:pt x="7287" y="2444"/>
                  </a:lnTo>
                  <a:cubicBezTo>
                    <a:pt x="7240" y="2440"/>
                    <a:pt x="7208" y="2438"/>
                    <a:pt x="7185" y="2438"/>
                  </a:cubicBezTo>
                  <a:cubicBezTo>
                    <a:pt x="7113" y="2438"/>
                    <a:pt x="7141" y="2454"/>
                    <a:pt x="7128" y="2454"/>
                  </a:cubicBezTo>
                  <a:cubicBezTo>
                    <a:pt x="7123" y="2454"/>
                    <a:pt x="7113" y="2452"/>
                    <a:pt x="7091" y="2447"/>
                  </a:cubicBezTo>
                  <a:lnTo>
                    <a:pt x="7035" y="2448"/>
                  </a:lnTo>
                  <a:lnTo>
                    <a:pt x="7035" y="2448"/>
                  </a:lnTo>
                  <a:cubicBezTo>
                    <a:pt x="7031" y="2449"/>
                    <a:pt x="7027" y="2450"/>
                    <a:pt x="7024" y="2452"/>
                  </a:cubicBezTo>
                  <a:cubicBezTo>
                    <a:pt x="7129" y="2454"/>
                    <a:pt x="7130" y="2463"/>
                    <a:pt x="7104" y="2472"/>
                  </a:cubicBezTo>
                  <a:lnTo>
                    <a:pt x="7104" y="2472"/>
                  </a:lnTo>
                  <a:lnTo>
                    <a:pt x="7200" y="2458"/>
                  </a:lnTo>
                  <a:lnTo>
                    <a:pt x="7200" y="2458"/>
                  </a:lnTo>
                  <a:lnTo>
                    <a:pt x="7272" y="2479"/>
                  </a:lnTo>
                  <a:cubicBezTo>
                    <a:pt x="7345" y="2479"/>
                    <a:pt x="7397" y="2467"/>
                    <a:pt x="7441" y="2467"/>
                  </a:cubicBezTo>
                  <a:cubicBezTo>
                    <a:pt x="7453" y="2467"/>
                    <a:pt x="7465" y="2468"/>
                    <a:pt x="7476" y="2470"/>
                  </a:cubicBezTo>
                  <a:cubicBezTo>
                    <a:pt x="7613" y="2486"/>
                    <a:pt x="7277" y="2507"/>
                    <a:pt x="7613" y="2507"/>
                  </a:cubicBezTo>
                  <a:cubicBezTo>
                    <a:pt x="7974" y="2505"/>
                    <a:pt x="7951" y="2466"/>
                    <a:pt x="8194" y="2466"/>
                  </a:cubicBezTo>
                  <a:cubicBezTo>
                    <a:pt x="8165" y="2462"/>
                    <a:pt x="8135" y="2460"/>
                    <a:pt x="8105" y="2460"/>
                  </a:cubicBezTo>
                  <a:cubicBezTo>
                    <a:pt x="8080" y="2460"/>
                    <a:pt x="8056" y="2461"/>
                    <a:pt x="8032" y="2463"/>
                  </a:cubicBezTo>
                  <a:cubicBezTo>
                    <a:pt x="8111" y="2449"/>
                    <a:pt x="7972" y="2445"/>
                    <a:pt x="8104" y="2433"/>
                  </a:cubicBezTo>
                  <a:lnTo>
                    <a:pt x="8104" y="2433"/>
                  </a:lnTo>
                  <a:cubicBezTo>
                    <a:pt x="8161" y="2442"/>
                    <a:pt x="8219" y="2445"/>
                    <a:pt x="8276" y="2445"/>
                  </a:cubicBezTo>
                  <a:cubicBezTo>
                    <a:pt x="8293" y="2445"/>
                    <a:pt x="8309" y="2445"/>
                    <a:pt x="8326" y="2445"/>
                  </a:cubicBezTo>
                  <a:cubicBezTo>
                    <a:pt x="8423" y="2445"/>
                    <a:pt x="8537" y="2440"/>
                    <a:pt x="8636" y="2435"/>
                  </a:cubicBezTo>
                  <a:lnTo>
                    <a:pt x="8636" y="2435"/>
                  </a:lnTo>
                  <a:cubicBezTo>
                    <a:pt x="8586" y="2449"/>
                    <a:pt x="8711" y="2456"/>
                    <a:pt x="8650" y="2466"/>
                  </a:cubicBezTo>
                  <a:cubicBezTo>
                    <a:pt x="8729" y="2461"/>
                    <a:pt x="8806" y="2454"/>
                    <a:pt x="8884" y="2440"/>
                  </a:cubicBezTo>
                  <a:cubicBezTo>
                    <a:pt x="8484" y="2440"/>
                    <a:pt x="9271" y="2410"/>
                    <a:pt x="8958" y="2398"/>
                  </a:cubicBezTo>
                  <a:cubicBezTo>
                    <a:pt x="9026" y="2396"/>
                    <a:pt x="9082" y="2396"/>
                    <a:pt x="9129" y="2396"/>
                  </a:cubicBezTo>
                  <a:cubicBezTo>
                    <a:pt x="9303" y="2396"/>
                    <a:pt x="9373" y="2406"/>
                    <a:pt x="9526" y="2410"/>
                  </a:cubicBezTo>
                  <a:cubicBezTo>
                    <a:pt x="9512" y="2417"/>
                    <a:pt x="9167" y="2435"/>
                    <a:pt x="9445" y="2435"/>
                  </a:cubicBezTo>
                  <a:cubicBezTo>
                    <a:pt x="9760" y="2403"/>
                    <a:pt x="9387" y="2408"/>
                    <a:pt x="9633" y="2373"/>
                  </a:cubicBezTo>
                  <a:lnTo>
                    <a:pt x="9431" y="2373"/>
                  </a:lnTo>
                  <a:cubicBezTo>
                    <a:pt x="9406" y="2345"/>
                    <a:pt x="9778" y="2352"/>
                    <a:pt x="9829" y="2345"/>
                  </a:cubicBezTo>
                  <a:lnTo>
                    <a:pt x="9829" y="2345"/>
                  </a:lnTo>
                  <a:cubicBezTo>
                    <a:pt x="9952" y="2347"/>
                    <a:pt x="9658" y="2359"/>
                    <a:pt x="9778" y="2375"/>
                  </a:cubicBezTo>
                  <a:cubicBezTo>
                    <a:pt x="9945" y="2375"/>
                    <a:pt x="10035" y="2358"/>
                    <a:pt x="10138" y="2358"/>
                  </a:cubicBezTo>
                  <a:cubicBezTo>
                    <a:pt x="10149" y="2358"/>
                    <a:pt x="10160" y="2359"/>
                    <a:pt x="10172" y="2359"/>
                  </a:cubicBezTo>
                  <a:cubicBezTo>
                    <a:pt x="10059" y="2382"/>
                    <a:pt x="10133" y="2371"/>
                    <a:pt x="10003" y="2394"/>
                  </a:cubicBezTo>
                  <a:cubicBezTo>
                    <a:pt x="10081" y="2391"/>
                    <a:pt x="10129" y="2390"/>
                    <a:pt x="10159" y="2390"/>
                  </a:cubicBezTo>
                  <a:cubicBezTo>
                    <a:pt x="10296" y="2390"/>
                    <a:pt x="10039" y="2415"/>
                    <a:pt x="10311" y="2415"/>
                  </a:cubicBezTo>
                  <a:cubicBezTo>
                    <a:pt x="10416" y="2408"/>
                    <a:pt x="10348" y="2394"/>
                    <a:pt x="10517" y="2391"/>
                  </a:cubicBezTo>
                  <a:cubicBezTo>
                    <a:pt x="10448" y="2380"/>
                    <a:pt x="10434" y="2373"/>
                    <a:pt x="10340" y="2373"/>
                  </a:cubicBezTo>
                  <a:cubicBezTo>
                    <a:pt x="10299" y="2373"/>
                    <a:pt x="10242" y="2375"/>
                    <a:pt x="10158" y="2378"/>
                  </a:cubicBezTo>
                  <a:cubicBezTo>
                    <a:pt x="10205" y="2361"/>
                    <a:pt x="10295" y="2361"/>
                    <a:pt x="10397" y="2359"/>
                  </a:cubicBezTo>
                  <a:cubicBezTo>
                    <a:pt x="10414" y="2359"/>
                    <a:pt x="10431" y="2360"/>
                    <a:pt x="10448" y="2360"/>
                  </a:cubicBezTo>
                  <a:cubicBezTo>
                    <a:pt x="10534" y="2360"/>
                    <a:pt x="10621" y="2355"/>
                    <a:pt x="10707" y="2345"/>
                  </a:cubicBezTo>
                  <a:lnTo>
                    <a:pt x="10707" y="2345"/>
                  </a:lnTo>
                  <a:cubicBezTo>
                    <a:pt x="10555" y="2350"/>
                    <a:pt x="10659" y="2343"/>
                    <a:pt x="10494" y="2354"/>
                  </a:cubicBezTo>
                  <a:cubicBezTo>
                    <a:pt x="10471" y="2331"/>
                    <a:pt x="10409" y="2329"/>
                    <a:pt x="10559" y="2301"/>
                  </a:cubicBezTo>
                  <a:lnTo>
                    <a:pt x="10559" y="2301"/>
                  </a:lnTo>
                  <a:cubicBezTo>
                    <a:pt x="10381" y="2315"/>
                    <a:pt x="10307" y="2343"/>
                    <a:pt x="10052" y="2345"/>
                  </a:cubicBezTo>
                  <a:cubicBezTo>
                    <a:pt x="9980" y="2324"/>
                    <a:pt x="10362" y="2317"/>
                    <a:pt x="10365" y="2285"/>
                  </a:cubicBezTo>
                  <a:cubicBezTo>
                    <a:pt x="10449" y="2271"/>
                    <a:pt x="10618" y="2265"/>
                    <a:pt x="10762" y="2265"/>
                  </a:cubicBezTo>
                  <a:cubicBezTo>
                    <a:pt x="10830" y="2265"/>
                    <a:pt x="10893" y="2266"/>
                    <a:pt x="10939" y="2269"/>
                  </a:cubicBezTo>
                  <a:cubicBezTo>
                    <a:pt x="11185" y="2239"/>
                    <a:pt x="11486" y="2225"/>
                    <a:pt x="11673" y="2188"/>
                  </a:cubicBezTo>
                  <a:cubicBezTo>
                    <a:pt x="11852" y="2188"/>
                    <a:pt x="12294" y="2144"/>
                    <a:pt x="12632" y="2134"/>
                  </a:cubicBezTo>
                  <a:cubicBezTo>
                    <a:pt x="12644" y="2137"/>
                    <a:pt x="12672" y="2138"/>
                    <a:pt x="12706" y="2138"/>
                  </a:cubicBezTo>
                  <a:cubicBezTo>
                    <a:pt x="12761" y="2138"/>
                    <a:pt x="12831" y="2136"/>
                    <a:pt x="12871" y="2136"/>
                  </a:cubicBezTo>
                  <a:cubicBezTo>
                    <a:pt x="12907" y="2136"/>
                    <a:pt x="12918" y="2137"/>
                    <a:pt x="12868" y="2144"/>
                  </a:cubicBezTo>
                  <a:lnTo>
                    <a:pt x="12868" y="2144"/>
                  </a:lnTo>
                  <a:cubicBezTo>
                    <a:pt x="12945" y="2136"/>
                    <a:pt x="13135" y="2124"/>
                    <a:pt x="13072" y="2116"/>
                  </a:cubicBezTo>
                  <a:lnTo>
                    <a:pt x="13072" y="2116"/>
                  </a:lnTo>
                  <a:cubicBezTo>
                    <a:pt x="13033" y="2120"/>
                    <a:pt x="12994" y="2123"/>
                    <a:pt x="12952" y="2125"/>
                  </a:cubicBezTo>
                  <a:lnTo>
                    <a:pt x="13005" y="2104"/>
                  </a:lnTo>
                  <a:cubicBezTo>
                    <a:pt x="13161" y="2102"/>
                    <a:pt x="13335" y="2074"/>
                    <a:pt x="13486" y="2074"/>
                  </a:cubicBezTo>
                  <a:cubicBezTo>
                    <a:pt x="13492" y="2074"/>
                    <a:pt x="13498" y="2074"/>
                    <a:pt x="13503" y="2074"/>
                  </a:cubicBezTo>
                  <a:cubicBezTo>
                    <a:pt x="13554" y="2086"/>
                    <a:pt x="13211" y="2097"/>
                    <a:pt x="13318" y="2109"/>
                  </a:cubicBezTo>
                  <a:cubicBezTo>
                    <a:pt x="13466" y="2074"/>
                    <a:pt x="14073" y="2032"/>
                    <a:pt x="14268" y="2032"/>
                  </a:cubicBezTo>
                  <a:cubicBezTo>
                    <a:pt x="14275" y="2032"/>
                    <a:pt x="14281" y="2032"/>
                    <a:pt x="14288" y="2032"/>
                  </a:cubicBezTo>
                  <a:cubicBezTo>
                    <a:pt x="14402" y="2032"/>
                    <a:pt x="14419" y="2051"/>
                    <a:pt x="14469" y="2051"/>
                  </a:cubicBezTo>
                  <a:lnTo>
                    <a:pt x="14687" y="2035"/>
                  </a:lnTo>
                  <a:cubicBezTo>
                    <a:pt x="14713" y="2044"/>
                    <a:pt x="14736" y="2051"/>
                    <a:pt x="14759" y="2056"/>
                  </a:cubicBezTo>
                  <a:cubicBezTo>
                    <a:pt x="14842" y="2053"/>
                    <a:pt x="14926" y="2046"/>
                    <a:pt x="15007" y="2035"/>
                  </a:cubicBezTo>
                  <a:cubicBezTo>
                    <a:pt x="15028" y="2034"/>
                    <a:pt x="15047" y="2034"/>
                    <a:pt x="15063" y="2034"/>
                  </a:cubicBezTo>
                  <a:cubicBezTo>
                    <a:pt x="15269" y="2034"/>
                    <a:pt x="15130" y="2060"/>
                    <a:pt x="14995" y="2081"/>
                  </a:cubicBezTo>
                  <a:lnTo>
                    <a:pt x="14835" y="2083"/>
                  </a:lnTo>
                  <a:cubicBezTo>
                    <a:pt x="14719" y="2100"/>
                    <a:pt x="14548" y="2106"/>
                    <a:pt x="14648" y="2120"/>
                  </a:cubicBezTo>
                  <a:cubicBezTo>
                    <a:pt x="14685" y="2118"/>
                    <a:pt x="14722" y="2111"/>
                    <a:pt x="14757" y="2100"/>
                  </a:cubicBezTo>
                  <a:lnTo>
                    <a:pt x="14852" y="2104"/>
                  </a:lnTo>
                  <a:cubicBezTo>
                    <a:pt x="14946" y="2090"/>
                    <a:pt x="15208" y="2069"/>
                    <a:pt x="15180" y="2056"/>
                  </a:cubicBezTo>
                  <a:cubicBezTo>
                    <a:pt x="15365" y="2056"/>
                    <a:pt x="15577" y="2030"/>
                    <a:pt x="15746" y="2030"/>
                  </a:cubicBezTo>
                  <a:cubicBezTo>
                    <a:pt x="15753" y="2030"/>
                    <a:pt x="15760" y="2030"/>
                    <a:pt x="15767" y="2030"/>
                  </a:cubicBezTo>
                  <a:cubicBezTo>
                    <a:pt x="15648" y="2028"/>
                    <a:pt x="15797" y="2012"/>
                    <a:pt x="15762" y="2002"/>
                  </a:cubicBezTo>
                  <a:lnTo>
                    <a:pt x="15762" y="2002"/>
                  </a:lnTo>
                  <a:lnTo>
                    <a:pt x="15556" y="2009"/>
                  </a:lnTo>
                  <a:cubicBezTo>
                    <a:pt x="15720" y="1995"/>
                    <a:pt x="15956" y="1970"/>
                    <a:pt x="16114" y="1970"/>
                  </a:cubicBezTo>
                  <a:cubicBezTo>
                    <a:pt x="16095" y="1981"/>
                    <a:pt x="16088" y="1986"/>
                    <a:pt x="16170" y="1991"/>
                  </a:cubicBezTo>
                  <a:cubicBezTo>
                    <a:pt x="16056" y="1984"/>
                    <a:pt x="16457" y="1956"/>
                    <a:pt x="16214" y="1954"/>
                  </a:cubicBezTo>
                  <a:lnTo>
                    <a:pt x="16214" y="1954"/>
                  </a:lnTo>
                  <a:cubicBezTo>
                    <a:pt x="16128" y="1963"/>
                    <a:pt x="16044" y="1970"/>
                    <a:pt x="15929" y="1977"/>
                  </a:cubicBezTo>
                  <a:cubicBezTo>
                    <a:pt x="15852" y="1958"/>
                    <a:pt x="16033" y="1947"/>
                    <a:pt x="16133" y="1928"/>
                  </a:cubicBezTo>
                  <a:cubicBezTo>
                    <a:pt x="16260" y="1917"/>
                    <a:pt x="16508" y="1896"/>
                    <a:pt x="16677" y="1875"/>
                  </a:cubicBezTo>
                  <a:cubicBezTo>
                    <a:pt x="16683" y="1875"/>
                    <a:pt x="16689" y="1875"/>
                    <a:pt x="16694" y="1875"/>
                  </a:cubicBezTo>
                  <a:cubicBezTo>
                    <a:pt x="16750" y="1875"/>
                    <a:pt x="16787" y="1881"/>
                    <a:pt x="16843" y="1881"/>
                  </a:cubicBezTo>
                  <a:cubicBezTo>
                    <a:pt x="16882" y="1881"/>
                    <a:pt x="16930" y="1878"/>
                    <a:pt x="17001" y="1868"/>
                  </a:cubicBezTo>
                  <a:cubicBezTo>
                    <a:pt x="16765" y="1863"/>
                    <a:pt x="17221" y="1819"/>
                    <a:pt x="17281" y="1794"/>
                  </a:cubicBezTo>
                  <a:cubicBezTo>
                    <a:pt x="17439" y="1792"/>
                    <a:pt x="17542" y="1764"/>
                    <a:pt x="17662" y="1764"/>
                  </a:cubicBezTo>
                  <a:cubicBezTo>
                    <a:pt x="17677" y="1764"/>
                    <a:pt x="17693" y="1765"/>
                    <a:pt x="17710" y="1766"/>
                  </a:cubicBezTo>
                  <a:cubicBezTo>
                    <a:pt x="17638" y="1778"/>
                    <a:pt x="17367" y="1794"/>
                    <a:pt x="17298" y="1817"/>
                  </a:cubicBezTo>
                  <a:cubicBezTo>
                    <a:pt x="17288" y="1831"/>
                    <a:pt x="17360" y="1852"/>
                    <a:pt x="17092" y="1877"/>
                  </a:cubicBezTo>
                  <a:cubicBezTo>
                    <a:pt x="17416" y="1863"/>
                    <a:pt x="17281" y="1852"/>
                    <a:pt x="17430" y="1835"/>
                  </a:cubicBezTo>
                  <a:lnTo>
                    <a:pt x="17430" y="1835"/>
                  </a:lnTo>
                  <a:lnTo>
                    <a:pt x="17319" y="1845"/>
                  </a:lnTo>
                  <a:cubicBezTo>
                    <a:pt x="17369" y="1835"/>
                    <a:pt x="17272" y="1831"/>
                    <a:pt x="17372" y="1824"/>
                  </a:cubicBezTo>
                  <a:cubicBezTo>
                    <a:pt x="17552" y="1814"/>
                    <a:pt x="17662" y="1811"/>
                    <a:pt x="17755" y="1811"/>
                  </a:cubicBezTo>
                  <a:cubicBezTo>
                    <a:pt x="17858" y="1811"/>
                    <a:pt x="17942" y="1815"/>
                    <a:pt x="18078" y="1815"/>
                  </a:cubicBezTo>
                  <a:cubicBezTo>
                    <a:pt x="18020" y="1808"/>
                    <a:pt x="18136" y="1789"/>
                    <a:pt x="18196" y="1787"/>
                  </a:cubicBezTo>
                  <a:cubicBezTo>
                    <a:pt x="18212" y="1787"/>
                    <a:pt x="18225" y="1786"/>
                    <a:pt x="18237" y="1786"/>
                  </a:cubicBezTo>
                  <a:cubicBezTo>
                    <a:pt x="18415" y="1786"/>
                    <a:pt x="18206" y="1818"/>
                    <a:pt x="18349" y="1829"/>
                  </a:cubicBezTo>
                  <a:cubicBezTo>
                    <a:pt x="18433" y="1810"/>
                    <a:pt x="18602" y="1803"/>
                    <a:pt x="18544" y="1796"/>
                  </a:cubicBezTo>
                  <a:cubicBezTo>
                    <a:pt x="18573" y="1793"/>
                    <a:pt x="18590" y="1792"/>
                    <a:pt x="18600" y="1792"/>
                  </a:cubicBezTo>
                  <a:cubicBezTo>
                    <a:pt x="18621" y="1792"/>
                    <a:pt x="18615" y="1796"/>
                    <a:pt x="18645" y="1796"/>
                  </a:cubicBezTo>
                  <a:cubicBezTo>
                    <a:pt x="18650" y="1796"/>
                    <a:pt x="18656" y="1796"/>
                    <a:pt x="18662" y="1796"/>
                  </a:cubicBezTo>
                  <a:cubicBezTo>
                    <a:pt x="18750" y="1773"/>
                    <a:pt x="18843" y="1759"/>
                    <a:pt x="18933" y="1754"/>
                  </a:cubicBezTo>
                  <a:lnTo>
                    <a:pt x="18933" y="1754"/>
                  </a:lnTo>
                  <a:cubicBezTo>
                    <a:pt x="18922" y="1764"/>
                    <a:pt x="18903" y="1773"/>
                    <a:pt x="18773" y="1780"/>
                  </a:cubicBezTo>
                  <a:cubicBezTo>
                    <a:pt x="18789" y="1779"/>
                    <a:pt x="18803" y="1779"/>
                    <a:pt x="18816" y="1779"/>
                  </a:cubicBezTo>
                  <a:cubicBezTo>
                    <a:pt x="18928" y="1779"/>
                    <a:pt x="18968" y="1795"/>
                    <a:pt x="18912" y="1810"/>
                  </a:cubicBezTo>
                  <a:lnTo>
                    <a:pt x="18674" y="1819"/>
                  </a:lnTo>
                  <a:cubicBezTo>
                    <a:pt x="18645" y="1825"/>
                    <a:pt x="18648" y="1827"/>
                    <a:pt x="18667" y="1827"/>
                  </a:cubicBezTo>
                  <a:cubicBezTo>
                    <a:pt x="18704" y="1827"/>
                    <a:pt x="18806" y="1819"/>
                    <a:pt x="18857" y="1819"/>
                  </a:cubicBezTo>
                  <a:cubicBezTo>
                    <a:pt x="18877" y="1819"/>
                    <a:pt x="18889" y="1821"/>
                    <a:pt x="18887" y="1824"/>
                  </a:cubicBezTo>
                  <a:cubicBezTo>
                    <a:pt x="18783" y="1835"/>
                    <a:pt x="18704" y="1833"/>
                    <a:pt x="18637" y="1842"/>
                  </a:cubicBezTo>
                  <a:cubicBezTo>
                    <a:pt x="18645" y="1844"/>
                    <a:pt x="18656" y="1844"/>
                    <a:pt x="18669" y="1844"/>
                  </a:cubicBezTo>
                  <a:cubicBezTo>
                    <a:pt x="18756" y="1844"/>
                    <a:pt x="18926" y="1820"/>
                    <a:pt x="19030" y="1810"/>
                  </a:cubicBezTo>
                  <a:cubicBezTo>
                    <a:pt x="19070" y="1808"/>
                    <a:pt x="19098" y="1807"/>
                    <a:pt x="19118" y="1807"/>
                  </a:cubicBezTo>
                  <a:cubicBezTo>
                    <a:pt x="19195" y="1807"/>
                    <a:pt x="19152" y="1821"/>
                    <a:pt x="19155" y="1829"/>
                  </a:cubicBezTo>
                  <a:cubicBezTo>
                    <a:pt x="19301" y="1805"/>
                    <a:pt x="19238" y="1803"/>
                    <a:pt x="19153" y="1803"/>
                  </a:cubicBezTo>
                  <a:cubicBezTo>
                    <a:pt x="19133" y="1803"/>
                    <a:pt x="19111" y="1803"/>
                    <a:pt x="19091" y="1803"/>
                  </a:cubicBezTo>
                  <a:cubicBezTo>
                    <a:pt x="19008" y="1803"/>
                    <a:pt x="18946" y="1801"/>
                    <a:pt x="19079" y="1780"/>
                  </a:cubicBezTo>
                  <a:cubicBezTo>
                    <a:pt x="19190" y="1754"/>
                    <a:pt x="19480" y="1734"/>
                    <a:pt x="19681" y="1715"/>
                  </a:cubicBezTo>
                  <a:cubicBezTo>
                    <a:pt x="19508" y="1708"/>
                    <a:pt x="19700" y="1683"/>
                    <a:pt x="19908" y="1659"/>
                  </a:cubicBezTo>
                  <a:lnTo>
                    <a:pt x="19908" y="1659"/>
                  </a:lnTo>
                  <a:cubicBezTo>
                    <a:pt x="19843" y="1664"/>
                    <a:pt x="19805" y="1666"/>
                    <a:pt x="19780" y="1666"/>
                  </a:cubicBezTo>
                  <a:cubicBezTo>
                    <a:pt x="19740" y="1666"/>
                    <a:pt x="19736" y="1662"/>
                    <a:pt x="19709" y="1662"/>
                  </a:cubicBezTo>
                  <a:cubicBezTo>
                    <a:pt x="19683" y="1662"/>
                    <a:pt x="19636" y="1666"/>
                    <a:pt x="19517" y="1680"/>
                  </a:cubicBezTo>
                  <a:lnTo>
                    <a:pt x="19510" y="1664"/>
                  </a:lnTo>
                  <a:cubicBezTo>
                    <a:pt x="19647" y="1652"/>
                    <a:pt x="19809" y="1648"/>
                    <a:pt x="19943" y="1639"/>
                  </a:cubicBezTo>
                  <a:lnTo>
                    <a:pt x="19943" y="1639"/>
                  </a:lnTo>
                  <a:cubicBezTo>
                    <a:pt x="19915" y="1646"/>
                    <a:pt x="19948" y="1646"/>
                    <a:pt x="19904" y="1652"/>
                  </a:cubicBezTo>
                  <a:lnTo>
                    <a:pt x="20309" y="1613"/>
                  </a:lnTo>
                  <a:lnTo>
                    <a:pt x="20267" y="1627"/>
                  </a:lnTo>
                  <a:cubicBezTo>
                    <a:pt x="20520" y="1611"/>
                    <a:pt x="20828" y="1599"/>
                    <a:pt x="20976" y="1578"/>
                  </a:cubicBezTo>
                  <a:lnTo>
                    <a:pt x="20976" y="1578"/>
                  </a:lnTo>
                  <a:cubicBezTo>
                    <a:pt x="20935" y="1582"/>
                    <a:pt x="20896" y="1584"/>
                    <a:pt x="20866" y="1584"/>
                  </a:cubicBezTo>
                  <a:cubicBezTo>
                    <a:pt x="20810" y="1584"/>
                    <a:pt x="20792" y="1577"/>
                    <a:pt x="20874" y="1567"/>
                  </a:cubicBezTo>
                  <a:cubicBezTo>
                    <a:pt x="20948" y="1553"/>
                    <a:pt x="21080" y="1534"/>
                    <a:pt x="21194" y="1527"/>
                  </a:cubicBezTo>
                  <a:cubicBezTo>
                    <a:pt x="21204" y="1530"/>
                    <a:pt x="21225" y="1531"/>
                    <a:pt x="21250" y="1531"/>
                  </a:cubicBezTo>
                  <a:cubicBezTo>
                    <a:pt x="21320" y="1531"/>
                    <a:pt x="21427" y="1524"/>
                    <a:pt x="21477" y="1524"/>
                  </a:cubicBezTo>
                  <a:cubicBezTo>
                    <a:pt x="21520" y="1524"/>
                    <a:pt x="21520" y="1529"/>
                    <a:pt x="21416" y="1546"/>
                  </a:cubicBezTo>
                  <a:cubicBezTo>
                    <a:pt x="21766" y="1507"/>
                    <a:pt x="21636" y="1513"/>
                    <a:pt x="21970" y="1472"/>
                  </a:cubicBezTo>
                  <a:lnTo>
                    <a:pt x="21970" y="1472"/>
                  </a:lnTo>
                  <a:lnTo>
                    <a:pt x="21745" y="1497"/>
                  </a:lnTo>
                  <a:cubicBezTo>
                    <a:pt x="21720" y="1485"/>
                    <a:pt x="21866" y="1450"/>
                    <a:pt x="21738" y="1450"/>
                  </a:cubicBezTo>
                  <a:cubicBezTo>
                    <a:pt x="21724" y="1450"/>
                    <a:pt x="21706" y="1450"/>
                    <a:pt x="21685" y="1451"/>
                  </a:cubicBezTo>
                  <a:cubicBezTo>
                    <a:pt x="21938" y="1421"/>
                    <a:pt x="21773" y="1407"/>
                    <a:pt x="22111" y="1374"/>
                  </a:cubicBezTo>
                  <a:cubicBezTo>
                    <a:pt x="22115" y="1374"/>
                    <a:pt x="22119" y="1374"/>
                    <a:pt x="22123" y="1374"/>
                  </a:cubicBezTo>
                  <a:cubicBezTo>
                    <a:pt x="22240" y="1374"/>
                    <a:pt x="22068" y="1410"/>
                    <a:pt x="21884" y="1430"/>
                  </a:cubicBezTo>
                  <a:cubicBezTo>
                    <a:pt x="21979" y="1425"/>
                    <a:pt x="22072" y="1418"/>
                    <a:pt x="22165" y="1405"/>
                  </a:cubicBezTo>
                  <a:lnTo>
                    <a:pt x="22165" y="1405"/>
                  </a:lnTo>
                  <a:cubicBezTo>
                    <a:pt x="22201" y="1407"/>
                    <a:pt x="22159" y="1416"/>
                    <a:pt x="22108" y="1425"/>
                  </a:cubicBezTo>
                  <a:lnTo>
                    <a:pt x="22108" y="1425"/>
                  </a:lnTo>
                  <a:cubicBezTo>
                    <a:pt x="22120" y="1423"/>
                    <a:pt x="22135" y="1421"/>
                    <a:pt x="22158" y="1418"/>
                  </a:cubicBezTo>
                  <a:cubicBezTo>
                    <a:pt x="22247" y="1405"/>
                    <a:pt x="22299" y="1402"/>
                    <a:pt x="22336" y="1402"/>
                  </a:cubicBezTo>
                  <a:cubicBezTo>
                    <a:pt x="22384" y="1402"/>
                    <a:pt x="22408" y="1408"/>
                    <a:pt x="22459" y="1408"/>
                  </a:cubicBezTo>
                  <a:cubicBezTo>
                    <a:pt x="22493" y="1408"/>
                    <a:pt x="22540" y="1405"/>
                    <a:pt x="22616" y="1395"/>
                  </a:cubicBezTo>
                  <a:lnTo>
                    <a:pt x="22616" y="1395"/>
                  </a:lnTo>
                  <a:cubicBezTo>
                    <a:pt x="22585" y="1398"/>
                    <a:pt x="22540" y="1400"/>
                    <a:pt x="22515" y="1400"/>
                  </a:cubicBezTo>
                  <a:cubicBezTo>
                    <a:pt x="22494" y="1400"/>
                    <a:pt x="22488" y="1398"/>
                    <a:pt x="22521" y="1393"/>
                  </a:cubicBezTo>
                  <a:cubicBezTo>
                    <a:pt x="22892" y="1358"/>
                    <a:pt x="22725" y="1358"/>
                    <a:pt x="22994" y="1326"/>
                  </a:cubicBezTo>
                  <a:cubicBezTo>
                    <a:pt x="23112" y="1331"/>
                    <a:pt x="23102" y="1350"/>
                    <a:pt x="23202" y="1350"/>
                  </a:cubicBezTo>
                  <a:cubicBezTo>
                    <a:pt x="23232" y="1350"/>
                    <a:pt x="23272" y="1349"/>
                    <a:pt x="23327" y="1344"/>
                  </a:cubicBezTo>
                  <a:lnTo>
                    <a:pt x="23327" y="1344"/>
                  </a:lnTo>
                  <a:lnTo>
                    <a:pt x="23191" y="1358"/>
                  </a:lnTo>
                  <a:cubicBezTo>
                    <a:pt x="23293" y="1358"/>
                    <a:pt x="23392" y="1356"/>
                    <a:pt x="23494" y="1344"/>
                  </a:cubicBezTo>
                  <a:cubicBezTo>
                    <a:pt x="23744" y="1312"/>
                    <a:pt x="23976" y="1277"/>
                    <a:pt x="24205" y="1242"/>
                  </a:cubicBezTo>
                  <a:cubicBezTo>
                    <a:pt x="24437" y="1208"/>
                    <a:pt x="24671" y="1173"/>
                    <a:pt x="24930" y="1138"/>
                  </a:cubicBezTo>
                  <a:lnTo>
                    <a:pt x="24930" y="1138"/>
                  </a:lnTo>
                  <a:lnTo>
                    <a:pt x="24745" y="1161"/>
                  </a:lnTo>
                  <a:cubicBezTo>
                    <a:pt x="24680" y="1161"/>
                    <a:pt x="24898" y="1136"/>
                    <a:pt x="24896" y="1129"/>
                  </a:cubicBezTo>
                  <a:lnTo>
                    <a:pt x="25011" y="1127"/>
                  </a:lnTo>
                  <a:cubicBezTo>
                    <a:pt x="25019" y="1122"/>
                    <a:pt x="25005" y="1120"/>
                    <a:pt x="24980" y="1120"/>
                  </a:cubicBezTo>
                  <a:cubicBezTo>
                    <a:pt x="24941" y="1120"/>
                    <a:pt x="24874" y="1124"/>
                    <a:pt x="24835" y="1124"/>
                  </a:cubicBezTo>
                  <a:cubicBezTo>
                    <a:pt x="24807" y="1124"/>
                    <a:pt x="24794" y="1122"/>
                    <a:pt x="24815" y="1115"/>
                  </a:cubicBezTo>
                  <a:cubicBezTo>
                    <a:pt x="24840" y="1115"/>
                    <a:pt x="24866" y="1113"/>
                    <a:pt x="24891" y="1108"/>
                  </a:cubicBezTo>
                  <a:lnTo>
                    <a:pt x="24891" y="1108"/>
                  </a:lnTo>
                  <a:lnTo>
                    <a:pt x="24782" y="1115"/>
                  </a:lnTo>
                  <a:cubicBezTo>
                    <a:pt x="25011" y="1096"/>
                    <a:pt x="25191" y="1054"/>
                    <a:pt x="25365" y="1054"/>
                  </a:cubicBezTo>
                  <a:cubicBezTo>
                    <a:pt x="25377" y="1054"/>
                    <a:pt x="25390" y="1054"/>
                    <a:pt x="25403" y="1055"/>
                  </a:cubicBezTo>
                  <a:cubicBezTo>
                    <a:pt x="24948" y="1104"/>
                    <a:pt x="25303" y="1108"/>
                    <a:pt x="24924" y="1157"/>
                  </a:cubicBezTo>
                  <a:lnTo>
                    <a:pt x="24924" y="1157"/>
                  </a:lnTo>
                  <a:cubicBezTo>
                    <a:pt x="24954" y="1154"/>
                    <a:pt x="24972" y="1152"/>
                    <a:pt x="24983" y="1152"/>
                  </a:cubicBezTo>
                  <a:cubicBezTo>
                    <a:pt x="25028" y="1152"/>
                    <a:pt x="24923" y="1178"/>
                    <a:pt x="24942" y="1180"/>
                  </a:cubicBezTo>
                  <a:cubicBezTo>
                    <a:pt x="25072" y="1171"/>
                    <a:pt x="25005" y="1161"/>
                    <a:pt x="25150" y="1152"/>
                  </a:cubicBezTo>
                  <a:lnTo>
                    <a:pt x="25150" y="1152"/>
                  </a:lnTo>
                  <a:cubicBezTo>
                    <a:pt x="25148" y="1163"/>
                    <a:pt x="24869" y="1201"/>
                    <a:pt x="24958" y="1201"/>
                  </a:cubicBezTo>
                  <a:cubicBezTo>
                    <a:pt x="24963" y="1201"/>
                    <a:pt x="24969" y="1201"/>
                    <a:pt x="24977" y="1201"/>
                  </a:cubicBezTo>
                  <a:cubicBezTo>
                    <a:pt x="24991" y="1182"/>
                    <a:pt x="25123" y="1171"/>
                    <a:pt x="25183" y="1152"/>
                  </a:cubicBezTo>
                  <a:cubicBezTo>
                    <a:pt x="25196" y="1152"/>
                    <a:pt x="25206" y="1151"/>
                    <a:pt x="25214" y="1151"/>
                  </a:cubicBezTo>
                  <a:cubicBezTo>
                    <a:pt x="25267" y="1151"/>
                    <a:pt x="25187" y="1164"/>
                    <a:pt x="25229" y="1166"/>
                  </a:cubicBezTo>
                  <a:cubicBezTo>
                    <a:pt x="25289" y="1159"/>
                    <a:pt x="25324" y="1147"/>
                    <a:pt x="25377" y="1143"/>
                  </a:cubicBezTo>
                  <a:lnTo>
                    <a:pt x="25377" y="1143"/>
                  </a:lnTo>
                  <a:lnTo>
                    <a:pt x="25338" y="1159"/>
                  </a:lnTo>
                  <a:cubicBezTo>
                    <a:pt x="25639" y="1145"/>
                    <a:pt x="25426" y="1134"/>
                    <a:pt x="25769" y="1103"/>
                  </a:cubicBezTo>
                  <a:cubicBezTo>
                    <a:pt x="25771" y="1098"/>
                    <a:pt x="25763" y="1096"/>
                    <a:pt x="25746" y="1096"/>
                  </a:cubicBezTo>
                  <a:cubicBezTo>
                    <a:pt x="25708" y="1096"/>
                    <a:pt x="25628" y="1107"/>
                    <a:pt x="25530" y="1120"/>
                  </a:cubicBezTo>
                  <a:cubicBezTo>
                    <a:pt x="25456" y="1094"/>
                    <a:pt x="25966" y="1039"/>
                    <a:pt x="25936" y="1006"/>
                  </a:cubicBezTo>
                  <a:cubicBezTo>
                    <a:pt x="26014" y="997"/>
                    <a:pt x="26050" y="994"/>
                    <a:pt x="26062" y="994"/>
                  </a:cubicBezTo>
                  <a:cubicBezTo>
                    <a:pt x="26092" y="994"/>
                    <a:pt x="25977" y="1014"/>
                    <a:pt x="26046" y="1014"/>
                  </a:cubicBezTo>
                  <a:cubicBezTo>
                    <a:pt x="26062" y="1014"/>
                    <a:pt x="26087" y="1013"/>
                    <a:pt x="26126" y="1011"/>
                  </a:cubicBezTo>
                  <a:lnTo>
                    <a:pt x="26126" y="1011"/>
                  </a:lnTo>
                  <a:cubicBezTo>
                    <a:pt x="26281" y="1015"/>
                    <a:pt x="25926" y="1055"/>
                    <a:pt x="25859" y="1076"/>
                  </a:cubicBezTo>
                  <a:lnTo>
                    <a:pt x="26144" y="1062"/>
                  </a:lnTo>
                  <a:lnTo>
                    <a:pt x="26144" y="1062"/>
                  </a:lnTo>
                  <a:cubicBezTo>
                    <a:pt x="26054" y="1099"/>
                    <a:pt x="25875" y="1108"/>
                    <a:pt x="25827" y="1138"/>
                  </a:cubicBezTo>
                  <a:cubicBezTo>
                    <a:pt x="26038" y="1120"/>
                    <a:pt x="26012" y="1115"/>
                    <a:pt x="26225" y="1080"/>
                  </a:cubicBezTo>
                  <a:lnTo>
                    <a:pt x="26225" y="1080"/>
                  </a:lnTo>
                  <a:cubicBezTo>
                    <a:pt x="26176" y="1083"/>
                    <a:pt x="26143" y="1084"/>
                    <a:pt x="26123" y="1084"/>
                  </a:cubicBezTo>
                  <a:cubicBezTo>
                    <a:pt x="26003" y="1084"/>
                    <a:pt x="26347" y="1047"/>
                    <a:pt x="26174" y="1041"/>
                  </a:cubicBezTo>
                  <a:cubicBezTo>
                    <a:pt x="26336" y="1032"/>
                    <a:pt x="26285" y="1043"/>
                    <a:pt x="26519" y="1018"/>
                  </a:cubicBezTo>
                  <a:lnTo>
                    <a:pt x="26519" y="1018"/>
                  </a:lnTo>
                  <a:cubicBezTo>
                    <a:pt x="26389" y="1038"/>
                    <a:pt x="26486" y="1042"/>
                    <a:pt x="26379" y="1057"/>
                  </a:cubicBezTo>
                  <a:lnTo>
                    <a:pt x="26379" y="1057"/>
                  </a:lnTo>
                  <a:cubicBezTo>
                    <a:pt x="26626" y="1027"/>
                    <a:pt x="26571" y="1029"/>
                    <a:pt x="26865" y="995"/>
                  </a:cubicBezTo>
                  <a:cubicBezTo>
                    <a:pt x="26962" y="964"/>
                    <a:pt x="26543" y="1004"/>
                    <a:pt x="26923" y="948"/>
                  </a:cubicBezTo>
                  <a:cubicBezTo>
                    <a:pt x="26948" y="945"/>
                    <a:pt x="26963" y="944"/>
                    <a:pt x="26972" y="944"/>
                  </a:cubicBezTo>
                  <a:cubicBezTo>
                    <a:pt x="26991" y="944"/>
                    <a:pt x="26973" y="950"/>
                    <a:pt x="26941" y="953"/>
                  </a:cubicBezTo>
                  <a:cubicBezTo>
                    <a:pt x="27212" y="932"/>
                    <a:pt x="26883" y="934"/>
                    <a:pt x="27050" y="907"/>
                  </a:cubicBezTo>
                  <a:cubicBezTo>
                    <a:pt x="27109" y="898"/>
                    <a:pt x="27150" y="895"/>
                    <a:pt x="27169" y="895"/>
                  </a:cubicBezTo>
                  <a:cubicBezTo>
                    <a:pt x="27189" y="895"/>
                    <a:pt x="27188" y="898"/>
                    <a:pt x="27163" y="904"/>
                  </a:cubicBezTo>
                  <a:cubicBezTo>
                    <a:pt x="27339" y="872"/>
                    <a:pt x="27240" y="869"/>
                    <a:pt x="27358" y="853"/>
                  </a:cubicBezTo>
                  <a:lnTo>
                    <a:pt x="27358" y="853"/>
                  </a:lnTo>
                  <a:lnTo>
                    <a:pt x="27305" y="856"/>
                  </a:lnTo>
                  <a:cubicBezTo>
                    <a:pt x="27353" y="844"/>
                    <a:pt x="27212" y="832"/>
                    <a:pt x="27469" y="802"/>
                  </a:cubicBezTo>
                  <a:cubicBezTo>
                    <a:pt x="27533" y="795"/>
                    <a:pt x="27568" y="793"/>
                    <a:pt x="27587" y="793"/>
                  </a:cubicBezTo>
                  <a:cubicBezTo>
                    <a:pt x="27622" y="793"/>
                    <a:pt x="27599" y="802"/>
                    <a:pt x="27604" y="805"/>
                  </a:cubicBezTo>
                  <a:cubicBezTo>
                    <a:pt x="27722" y="786"/>
                    <a:pt x="27840" y="775"/>
                    <a:pt x="27958" y="772"/>
                  </a:cubicBezTo>
                  <a:cubicBezTo>
                    <a:pt x="27949" y="770"/>
                    <a:pt x="27958" y="763"/>
                    <a:pt x="28002" y="758"/>
                  </a:cubicBezTo>
                  <a:cubicBezTo>
                    <a:pt x="28086" y="747"/>
                    <a:pt x="28130" y="744"/>
                    <a:pt x="28154" y="744"/>
                  </a:cubicBezTo>
                  <a:cubicBezTo>
                    <a:pt x="28197" y="744"/>
                    <a:pt x="28183" y="754"/>
                    <a:pt x="28222" y="754"/>
                  </a:cubicBezTo>
                  <a:cubicBezTo>
                    <a:pt x="28227" y="754"/>
                    <a:pt x="28232" y="754"/>
                    <a:pt x="28238" y="754"/>
                  </a:cubicBezTo>
                  <a:cubicBezTo>
                    <a:pt x="28590" y="724"/>
                    <a:pt x="28190" y="721"/>
                    <a:pt x="28581" y="677"/>
                  </a:cubicBezTo>
                  <a:lnTo>
                    <a:pt x="28581" y="677"/>
                  </a:lnTo>
                  <a:lnTo>
                    <a:pt x="28127" y="721"/>
                  </a:lnTo>
                  <a:cubicBezTo>
                    <a:pt x="28139" y="712"/>
                    <a:pt x="28148" y="701"/>
                    <a:pt x="28109" y="701"/>
                  </a:cubicBezTo>
                  <a:cubicBezTo>
                    <a:pt x="28096" y="701"/>
                    <a:pt x="28079" y="702"/>
                    <a:pt x="28055" y="705"/>
                  </a:cubicBezTo>
                  <a:cubicBezTo>
                    <a:pt x="28046" y="719"/>
                    <a:pt x="27886" y="749"/>
                    <a:pt x="27736" y="765"/>
                  </a:cubicBezTo>
                  <a:cubicBezTo>
                    <a:pt x="27693" y="753"/>
                    <a:pt x="28070" y="709"/>
                    <a:pt x="27934" y="709"/>
                  </a:cubicBezTo>
                  <a:cubicBezTo>
                    <a:pt x="27921" y="709"/>
                    <a:pt x="27905" y="709"/>
                    <a:pt x="27884" y="710"/>
                  </a:cubicBezTo>
                  <a:cubicBezTo>
                    <a:pt x="27977" y="703"/>
                    <a:pt x="28102" y="684"/>
                    <a:pt x="28215" y="673"/>
                  </a:cubicBezTo>
                  <a:lnTo>
                    <a:pt x="28215" y="673"/>
                  </a:lnTo>
                  <a:cubicBezTo>
                    <a:pt x="28192" y="679"/>
                    <a:pt x="28194" y="682"/>
                    <a:pt x="28211" y="682"/>
                  </a:cubicBezTo>
                  <a:cubicBezTo>
                    <a:pt x="28253" y="682"/>
                    <a:pt x="28390" y="665"/>
                    <a:pt x="28424" y="665"/>
                  </a:cubicBezTo>
                  <a:cubicBezTo>
                    <a:pt x="28440" y="665"/>
                    <a:pt x="28433" y="669"/>
                    <a:pt x="28384" y="680"/>
                  </a:cubicBezTo>
                  <a:cubicBezTo>
                    <a:pt x="28509" y="663"/>
                    <a:pt x="28607" y="654"/>
                    <a:pt x="28690" y="645"/>
                  </a:cubicBezTo>
                  <a:lnTo>
                    <a:pt x="28912" y="619"/>
                  </a:lnTo>
                  <a:cubicBezTo>
                    <a:pt x="29049" y="603"/>
                    <a:pt x="29179" y="589"/>
                    <a:pt x="29406" y="554"/>
                  </a:cubicBezTo>
                  <a:lnTo>
                    <a:pt x="29406" y="554"/>
                  </a:lnTo>
                  <a:cubicBezTo>
                    <a:pt x="29220" y="603"/>
                    <a:pt x="29033" y="636"/>
                    <a:pt x="28843" y="654"/>
                  </a:cubicBezTo>
                  <a:lnTo>
                    <a:pt x="28822" y="645"/>
                  </a:lnTo>
                  <a:cubicBezTo>
                    <a:pt x="28735" y="659"/>
                    <a:pt x="28720" y="664"/>
                    <a:pt x="28740" y="664"/>
                  </a:cubicBezTo>
                  <a:cubicBezTo>
                    <a:pt x="28777" y="664"/>
                    <a:pt x="28931" y="649"/>
                    <a:pt x="28986" y="649"/>
                  </a:cubicBezTo>
                  <a:cubicBezTo>
                    <a:pt x="29004" y="649"/>
                    <a:pt x="29011" y="650"/>
                    <a:pt x="29003" y="654"/>
                  </a:cubicBezTo>
                  <a:cubicBezTo>
                    <a:pt x="29364" y="582"/>
                    <a:pt x="29813" y="571"/>
                    <a:pt x="30261" y="506"/>
                  </a:cubicBezTo>
                  <a:cubicBezTo>
                    <a:pt x="30179" y="506"/>
                    <a:pt x="30267" y="492"/>
                    <a:pt x="30286" y="478"/>
                  </a:cubicBezTo>
                  <a:lnTo>
                    <a:pt x="30286" y="478"/>
                  </a:lnTo>
                  <a:cubicBezTo>
                    <a:pt x="30105" y="501"/>
                    <a:pt x="30138" y="501"/>
                    <a:pt x="30006" y="506"/>
                  </a:cubicBezTo>
                  <a:cubicBezTo>
                    <a:pt x="30029" y="492"/>
                    <a:pt x="30135" y="483"/>
                    <a:pt x="30191" y="466"/>
                  </a:cubicBezTo>
                  <a:cubicBezTo>
                    <a:pt x="30201" y="463"/>
                    <a:pt x="30200" y="461"/>
                    <a:pt x="30193" y="461"/>
                  </a:cubicBezTo>
                  <a:cubicBezTo>
                    <a:pt x="30166" y="461"/>
                    <a:pt x="30043" y="483"/>
                    <a:pt x="29992" y="483"/>
                  </a:cubicBezTo>
                  <a:cubicBezTo>
                    <a:pt x="30078" y="471"/>
                    <a:pt x="30163" y="455"/>
                    <a:pt x="30249" y="434"/>
                  </a:cubicBezTo>
                  <a:cubicBezTo>
                    <a:pt x="30300" y="434"/>
                    <a:pt x="30353" y="439"/>
                    <a:pt x="30406" y="446"/>
                  </a:cubicBezTo>
                  <a:cubicBezTo>
                    <a:pt x="30828" y="397"/>
                    <a:pt x="30777" y="376"/>
                    <a:pt x="31120" y="339"/>
                  </a:cubicBezTo>
                  <a:lnTo>
                    <a:pt x="31120" y="339"/>
                  </a:lnTo>
                  <a:cubicBezTo>
                    <a:pt x="30934" y="359"/>
                    <a:pt x="31200" y="342"/>
                    <a:pt x="31015" y="361"/>
                  </a:cubicBezTo>
                  <a:lnTo>
                    <a:pt x="31015" y="361"/>
                  </a:lnTo>
                  <a:lnTo>
                    <a:pt x="31118" y="351"/>
                  </a:lnTo>
                  <a:lnTo>
                    <a:pt x="31118" y="351"/>
                  </a:lnTo>
                  <a:cubicBezTo>
                    <a:pt x="30828" y="409"/>
                    <a:pt x="30323" y="469"/>
                    <a:pt x="30376" y="494"/>
                  </a:cubicBezTo>
                  <a:cubicBezTo>
                    <a:pt x="30497" y="478"/>
                    <a:pt x="30599" y="462"/>
                    <a:pt x="30708" y="443"/>
                  </a:cubicBezTo>
                  <a:cubicBezTo>
                    <a:pt x="30816" y="425"/>
                    <a:pt x="30932" y="404"/>
                    <a:pt x="31078" y="385"/>
                  </a:cubicBezTo>
                  <a:lnTo>
                    <a:pt x="31078" y="385"/>
                  </a:lnTo>
                  <a:lnTo>
                    <a:pt x="31067" y="392"/>
                  </a:lnTo>
                  <a:cubicBezTo>
                    <a:pt x="31173" y="380"/>
                    <a:pt x="31173" y="378"/>
                    <a:pt x="31151" y="378"/>
                  </a:cubicBezTo>
                  <a:cubicBezTo>
                    <a:pt x="31144" y="378"/>
                    <a:pt x="31133" y="378"/>
                    <a:pt x="31124" y="378"/>
                  </a:cubicBezTo>
                  <a:cubicBezTo>
                    <a:pt x="31108" y="378"/>
                    <a:pt x="31098" y="377"/>
                    <a:pt x="31113" y="374"/>
                  </a:cubicBezTo>
                  <a:cubicBezTo>
                    <a:pt x="31347" y="332"/>
                    <a:pt x="31423" y="367"/>
                    <a:pt x="31583" y="320"/>
                  </a:cubicBezTo>
                  <a:lnTo>
                    <a:pt x="31583" y="320"/>
                  </a:lnTo>
                  <a:lnTo>
                    <a:pt x="31340" y="346"/>
                  </a:lnTo>
                  <a:cubicBezTo>
                    <a:pt x="31404" y="333"/>
                    <a:pt x="31416" y="330"/>
                    <a:pt x="31407" y="330"/>
                  </a:cubicBezTo>
                  <a:cubicBezTo>
                    <a:pt x="31398" y="330"/>
                    <a:pt x="31366" y="333"/>
                    <a:pt x="31345" y="333"/>
                  </a:cubicBezTo>
                  <a:cubicBezTo>
                    <a:pt x="31327" y="333"/>
                    <a:pt x="31316" y="331"/>
                    <a:pt x="31328" y="323"/>
                  </a:cubicBezTo>
                  <a:cubicBezTo>
                    <a:pt x="31650" y="265"/>
                    <a:pt x="32211" y="205"/>
                    <a:pt x="32670" y="131"/>
                  </a:cubicBezTo>
                  <a:lnTo>
                    <a:pt x="32670" y="131"/>
                  </a:lnTo>
                  <a:cubicBezTo>
                    <a:pt x="32554" y="133"/>
                    <a:pt x="32438" y="144"/>
                    <a:pt x="32324" y="161"/>
                  </a:cubicBezTo>
                  <a:cubicBezTo>
                    <a:pt x="32399" y="121"/>
                    <a:pt x="32470" y="117"/>
                    <a:pt x="32380" y="100"/>
                  </a:cubicBezTo>
                  <a:lnTo>
                    <a:pt x="32380" y="100"/>
                  </a:lnTo>
                  <a:lnTo>
                    <a:pt x="32169" y="126"/>
                  </a:lnTo>
                  <a:lnTo>
                    <a:pt x="32162" y="98"/>
                  </a:lnTo>
                  <a:cubicBezTo>
                    <a:pt x="32220" y="89"/>
                    <a:pt x="32278" y="84"/>
                    <a:pt x="32329" y="80"/>
                  </a:cubicBezTo>
                  <a:cubicBezTo>
                    <a:pt x="32357" y="59"/>
                    <a:pt x="32651" y="45"/>
                    <a:pt x="32663" y="26"/>
                  </a:cubicBezTo>
                  <a:lnTo>
                    <a:pt x="32663" y="26"/>
                  </a:lnTo>
                  <a:lnTo>
                    <a:pt x="32484" y="52"/>
                  </a:lnTo>
                  <a:cubicBezTo>
                    <a:pt x="32394" y="47"/>
                    <a:pt x="32605" y="22"/>
                    <a:pt x="32730" y="1"/>
                  </a:cubicBezTo>
                  <a:cubicBezTo>
                    <a:pt x="32727" y="1"/>
                    <a:pt x="32725" y="1"/>
                    <a:pt x="32722"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5" name="Google Shape;195;p11"/>
            <p:cNvSpPr/>
            <p:nvPr/>
          </p:nvSpPr>
          <p:spPr>
            <a:xfrm>
              <a:off x="-415522" y="256350"/>
              <a:ext cx="3890747" cy="205541"/>
            </a:xfrm>
            <a:custGeom>
              <a:avLst/>
              <a:gdLst/>
              <a:ahLst/>
              <a:cxnLst/>
              <a:rect l="l" t="t" r="r" b="b"/>
              <a:pathLst>
                <a:path w="31877" h="1684" extrusionOk="0">
                  <a:moveTo>
                    <a:pt x="31043" y="128"/>
                  </a:moveTo>
                  <a:cubicBezTo>
                    <a:pt x="31023" y="131"/>
                    <a:pt x="31006" y="134"/>
                    <a:pt x="30993" y="137"/>
                  </a:cubicBezTo>
                  <a:lnTo>
                    <a:pt x="30993" y="137"/>
                  </a:lnTo>
                  <a:cubicBezTo>
                    <a:pt x="31007" y="135"/>
                    <a:pt x="31024" y="131"/>
                    <a:pt x="31043" y="128"/>
                  </a:cubicBezTo>
                  <a:close/>
                  <a:moveTo>
                    <a:pt x="30172" y="361"/>
                  </a:moveTo>
                  <a:lnTo>
                    <a:pt x="30163" y="362"/>
                  </a:lnTo>
                  <a:cubicBezTo>
                    <a:pt x="30166" y="361"/>
                    <a:pt x="30169" y="361"/>
                    <a:pt x="30172" y="361"/>
                  </a:cubicBezTo>
                  <a:close/>
                  <a:moveTo>
                    <a:pt x="23584" y="820"/>
                  </a:moveTo>
                  <a:cubicBezTo>
                    <a:pt x="23583" y="820"/>
                    <a:pt x="23582" y="820"/>
                    <a:pt x="23581" y="821"/>
                  </a:cubicBezTo>
                  <a:lnTo>
                    <a:pt x="23581" y="821"/>
                  </a:lnTo>
                  <a:lnTo>
                    <a:pt x="23584" y="820"/>
                  </a:lnTo>
                  <a:close/>
                  <a:moveTo>
                    <a:pt x="25510" y="947"/>
                  </a:moveTo>
                  <a:lnTo>
                    <a:pt x="25510" y="947"/>
                  </a:lnTo>
                  <a:cubicBezTo>
                    <a:pt x="25505" y="947"/>
                    <a:pt x="25500" y="947"/>
                    <a:pt x="25495" y="948"/>
                  </a:cubicBezTo>
                  <a:cubicBezTo>
                    <a:pt x="25500" y="947"/>
                    <a:pt x="25505" y="947"/>
                    <a:pt x="25510" y="947"/>
                  </a:cubicBezTo>
                  <a:close/>
                  <a:moveTo>
                    <a:pt x="24076" y="981"/>
                  </a:moveTo>
                  <a:cubicBezTo>
                    <a:pt x="24068" y="981"/>
                    <a:pt x="24059" y="982"/>
                    <a:pt x="24050" y="982"/>
                  </a:cubicBezTo>
                  <a:cubicBezTo>
                    <a:pt x="24059" y="982"/>
                    <a:pt x="24068" y="981"/>
                    <a:pt x="24076" y="981"/>
                  </a:cubicBezTo>
                  <a:close/>
                  <a:moveTo>
                    <a:pt x="15307" y="1064"/>
                  </a:moveTo>
                  <a:cubicBezTo>
                    <a:pt x="15302" y="1064"/>
                    <a:pt x="15297" y="1064"/>
                    <a:pt x="15292" y="1064"/>
                  </a:cubicBezTo>
                  <a:lnTo>
                    <a:pt x="15292" y="1064"/>
                  </a:lnTo>
                  <a:cubicBezTo>
                    <a:pt x="15297" y="1064"/>
                    <a:pt x="15302" y="1064"/>
                    <a:pt x="15307" y="1064"/>
                  </a:cubicBezTo>
                  <a:close/>
                  <a:moveTo>
                    <a:pt x="15352" y="1362"/>
                  </a:moveTo>
                  <a:lnTo>
                    <a:pt x="15352" y="1362"/>
                  </a:lnTo>
                  <a:cubicBezTo>
                    <a:pt x="15354" y="1362"/>
                    <a:pt x="15356" y="1362"/>
                    <a:pt x="15358" y="1362"/>
                  </a:cubicBezTo>
                  <a:cubicBezTo>
                    <a:pt x="15356" y="1362"/>
                    <a:pt x="15354" y="1362"/>
                    <a:pt x="15352" y="1362"/>
                  </a:cubicBezTo>
                  <a:close/>
                  <a:moveTo>
                    <a:pt x="12074" y="1387"/>
                  </a:moveTo>
                  <a:lnTo>
                    <a:pt x="12074" y="1387"/>
                  </a:lnTo>
                  <a:cubicBezTo>
                    <a:pt x="12059" y="1388"/>
                    <a:pt x="12048" y="1389"/>
                    <a:pt x="12044" y="1390"/>
                  </a:cubicBezTo>
                  <a:cubicBezTo>
                    <a:pt x="12055" y="1389"/>
                    <a:pt x="12065" y="1388"/>
                    <a:pt x="12074" y="1387"/>
                  </a:cubicBezTo>
                  <a:close/>
                  <a:moveTo>
                    <a:pt x="24" y="1409"/>
                  </a:moveTo>
                  <a:cubicBezTo>
                    <a:pt x="33" y="1409"/>
                    <a:pt x="44" y="1409"/>
                    <a:pt x="56" y="1410"/>
                  </a:cubicBezTo>
                  <a:lnTo>
                    <a:pt x="56" y="1410"/>
                  </a:lnTo>
                  <a:cubicBezTo>
                    <a:pt x="47" y="1409"/>
                    <a:pt x="36" y="1409"/>
                    <a:pt x="24" y="1409"/>
                  </a:cubicBezTo>
                  <a:close/>
                  <a:moveTo>
                    <a:pt x="6314" y="1565"/>
                  </a:moveTo>
                  <a:cubicBezTo>
                    <a:pt x="6246" y="1567"/>
                    <a:pt x="6187" y="1570"/>
                    <a:pt x="6169" y="1576"/>
                  </a:cubicBezTo>
                  <a:lnTo>
                    <a:pt x="6275" y="1576"/>
                  </a:lnTo>
                  <a:cubicBezTo>
                    <a:pt x="6286" y="1572"/>
                    <a:pt x="6300" y="1568"/>
                    <a:pt x="6314" y="1565"/>
                  </a:cubicBezTo>
                  <a:close/>
                  <a:moveTo>
                    <a:pt x="6334" y="1603"/>
                  </a:moveTo>
                  <a:lnTo>
                    <a:pt x="6252" y="1615"/>
                  </a:lnTo>
                  <a:lnTo>
                    <a:pt x="6274" y="1617"/>
                  </a:lnTo>
                  <a:lnTo>
                    <a:pt x="6274" y="1617"/>
                  </a:lnTo>
                  <a:cubicBezTo>
                    <a:pt x="6293" y="1613"/>
                    <a:pt x="6319" y="1608"/>
                    <a:pt x="6334" y="1603"/>
                  </a:cubicBezTo>
                  <a:close/>
                  <a:moveTo>
                    <a:pt x="6274" y="1617"/>
                  </a:moveTo>
                  <a:cubicBezTo>
                    <a:pt x="6257" y="1620"/>
                    <a:pt x="6247" y="1622"/>
                    <a:pt x="6256" y="1622"/>
                  </a:cubicBezTo>
                  <a:cubicBezTo>
                    <a:pt x="6262" y="1622"/>
                    <a:pt x="6276" y="1621"/>
                    <a:pt x="6301" y="1620"/>
                  </a:cubicBezTo>
                  <a:lnTo>
                    <a:pt x="6274" y="1617"/>
                  </a:lnTo>
                  <a:close/>
                  <a:moveTo>
                    <a:pt x="3304" y="1630"/>
                  </a:moveTo>
                  <a:cubicBezTo>
                    <a:pt x="3304" y="1631"/>
                    <a:pt x="3304" y="1631"/>
                    <a:pt x="3304" y="1631"/>
                  </a:cubicBezTo>
                  <a:cubicBezTo>
                    <a:pt x="3304" y="1631"/>
                    <a:pt x="3304" y="1631"/>
                    <a:pt x="3304" y="1630"/>
                  </a:cubicBezTo>
                  <a:close/>
                  <a:moveTo>
                    <a:pt x="1920" y="1631"/>
                  </a:moveTo>
                  <a:lnTo>
                    <a:pt x="1921" y="1636"/>
                  </a:lnTo>
                  <a:cubicBezTo>
                    <a:pt x="1922" y="1634"/>
                    <a:pt x="1922" y="1632"/>
                    <a:pt x="1920" y="1631"/>
                  </a:cubicBezTo>
                  <a:close/>
                  <a:moveTo>
                    <a:pt x="866" y="1667"/>
                  </a:moveTo>
                  <a:lnTo>
                    <a:pt x="866" y="1667"/>
                  </a:lnTo>
                  <a:cubicBezTo>
                    <a:pt x="861" y="1668"/>
                    <a:pt x="857" y="1668"/>
                    <a:pt x="853" y="1668"/>
                  </a:cubicBezTo>
                  <a:cubicBezTo>
                    <a:pt x="856" y="1668"/>
                    <a:pt x="861" y="1668"/>
                    <a:pt x="866" y="1667"/>
                  </a:cubicBezTo>
                  <a:close/>
                  <a:moveTo>
                    <a:pt x="31869" y="0"/>
                  </a:moveTo>
                  <a:cubicBezTo>
                    <a:pt x="31746" y="0"/>
                    <a:pt x="31485" y="54"/>
                    <a:pt x="31238" y="88"/>
                  </a:cubicBezTo>
                  <a:cubicBezTo>
                    <a:pt x="31254" y="96"/>
                    <a:pt x="31106" y="131"/>
                    <a:pt x="31155" y="131"/>
                  </a:cubicBezTo>
                  <a:cubicBezTo>
                    <a:pt x="31169" y="131"/>
                    <a:pt x="31199" y="128"/>
                    <a:pt x="31254" y="121"/>
                  </a:cubicBezTo>
                  <a:lnTo>
                    <a:pt x="31254" y="121"/>
                  </a:lnTo>
                  <a:cubicBezTo>
                    <a:pt x="31254" y="132"/>
                    <a:pt x="31106" y="158"/>
                    <a:pt x="31011" y="172"/>
                  </a:cubicBezTo>
                  <a:cubicBezTo>
                    <a:pt x="31055" y="161"/>
                    <a:pt x="30857" y="166"/>
                    <a:pt x="30993" y="137"/>
                  </a:cubicBezTo>
                  <a:lnTo>
                    <a:pt x="30993" y="137"/>
                  </a:lnTo>
                  <a:cubicBezTo>
                    <a:pt x="30844" y="165"/>
                    <a:pt x="30924" y="145"/>
                    <a:pt x="30703" y="179"/>
                  </a:cubicBezTo>
                  <a:cubicBezTo>
                    <a:pt x="30706" y="178"/>
                    <a:pt x="30705" y="177"/>
                    <a:pt x="30701" y="177"/>
                  </a:cubicBezTo>
                  <a:cubicBezTo>
                    <a:pt x="30670" y="177"/>
                    <a:pt x="30421" y="209"/>
                    <a:pt x="30332" y="209"/>
                  </a:cubicBezTo>
                  <a:cubicBezTo>
                    <a:pt x="30310" y="209"/>
                    <a:pt x="30298" y="207"/>
                    <a:pt x="30302" y="202"/>
                  </a:cubicBezTo>
                  <a:lnTo>
                    <a:pt x="30302" y="202"/>
                  </a:lnTo>
                  <a:cubicBezTo>
                    <a:pt x="30228" y="223"/>
                    <a:pt x="30311" y="239"/>
                    <a:pt x="30028" y="274"/>
                  </a:cubicBezTo>
                  <a:cubicBezTo>
                    <a:pt x="30037" y="275"/>
                    <a:pt x="30049" y="275"/>
                    <a:pt x="30063" y="275"/>
                  </a:cubicBezTo>
                  <a:cubicBezTo>
                    <a:pt x="30121" y="275"/>
                    <a:pt x="30215" y="268"/>
                    <a:pt x="30256" y="268"/>
                  </a:cubicBezTo>
                  <a:cubicBezTo>
                    <a:pt x="30289" y="268"/>
                    <a:pt x="30287" y="273"/>
                    <a:pt x="30205" y="290"/>
                  </a:cubicBezTo>
                  <a:lnTo>
                    <a:pt x="30341" y="262"/>
                  </a:lnTo>
                  <a:cubicBezTo>
                    <a:pt x="30377" y="259"/>
                    <a:pt x="30398" y="258"/>
                    <a:pt x="30411" y="258"/>
                  </a:cubicBezTo>
                  <a:cubicBezTo>
                    <a:pt x="30450" y="258"/>
                    <a:pt x="30397" y="270"/>
                    <a:pt x="30437" y="270"/>
                  </a:cubicBezTo>
                  <a:cubicBezTo>
                    <a:pt x="30453" y="270"/>
                    <a:pt x="30486" y="268"/>
                    <a:pt x="30547" y="262"/>
                  </a:cubicBezTo>
                  <a:lnTo>
                    <a:pt x="30547" y="262"/>
                  </a:lnTo>
                  <a:cubicBezTo>
                    <a:pt x="30481" y="268"/>
                    <a:pt x="30353" y="291"/>
                    <a:pt x="30301" y="291"/>
                  </a:cubicBezTo>
                  <a:cubicBezTo>
                    <a:pt x="30295" y="291"/>
                    <a:pt x="30289" y="291"/>
                    <a:pt x="30286" y="290"/>
                  </a:cubicBezTo>
                  <a:lnTo>
                    <a:pt x="30286" y="290"/>
                  </a:lnTo>
                  <a:cubicBezTo>
                    <a:pt x="30355" y="318"/>
                    <a:pt x="29906" y="355"/>
                    <a:pt x="29896" y="383"/>
                  </a:cubicBezTo>
                  <a:cubicBezTo>
                    <a:pt x="29885" y="382"/>
                    <a:pt x="29873" y="382"/>
                    <a:pt x="29862" y="382"/>
                  </a:cubicBezTo>
                  <a:cubicBezTo>
                    <a:pt x="29781" y="382"/>
                    <a:pt x="29700" y="389"/>
                    <a:pt x="29621" y="403"/>
                  </a:cubicBezTo>
                  <a:cubicBezTo>
                    <a:pt x="29639" y="392"/>
                    <a:pt x="29561" y="389"/>
                    <a:pt x="29669" y="371"/>
                  </a:cubicBezTo>
                  <a:cubicBezTo>
                    <a:pt x="29760" y="364"/>
                    <a:pt x="29825" y="355"/>
                    <a:pt x="29927" y="350"/>
                  </a:cubicBezTo>
                  <a:cubicBezTo>
                    <a:pt x="29915" y="345"/>
                    <a:pt x="29895" y="343"/>
                    <a:pt x="29868" y="343"/>
                  </a:cubicBezTo>
                  <a:cubicBezTo>
                    <a:pt x="29753" y="343"/>
                    <a:pt x="29514" y="383"/>
                    <a:pt x="29324" y="396"/>
                  </a:cubicBezTo>
                  <a:cubicBezTo>
                    <a:pt x="29357" y="396"/>
                    <a:pt x="29366" y="399"/>
                    <a:pt x="29301" y="410"/>
                  </a:cubicBezTo>
                  <a:cubicBezTo>
                    <a:pt x="29202" y="418"/>
                    <a:pt x="29021" y="434"/>
                    <a:pt x="28946" y="434"/>
                  </a:cubicBezTo>
                  <a:cubicBezTo>
                    <a:pt x="28912" y="434"/>
                    <a:pt x="28900" y="431"/>
                    <a:pt x="28928" y="422"/>
                  </a:cubicBezTo>
                  <a:lnTo>
                    <a:pt x="28928" y="422"/>
                  </a:lnTo>
                  <a:cubicBezTo>
                    <a:pt x="28687" y="450"/>
                    <a:pt x="28446" y="473"/>
                    <a:pt x="28205" y="496"/>
                  </a:cubicBezTo>
                  <a:cubicBezTo>
                    <a:pt x="28201" y="489"/>
                    <a:pt x="28307" y="484"/>
                    <a:pt x="28351" y="478"/>
                  </a:cubicBezTo>
                  <a:lnTo>
                    <a:pt x="28351" y="478"/>
                  </a:lnTo>
                  <a:lnTo>
                    <a:pt x="27946" y="515"/>
                  </a:lnTo>
                  <a:cubicBezTo>
                    <a:pt x="27851" y="512"/>
                    <a:pt x="28083" y="489"/>
                    <a:pt x="28122" y="475"/>
                  </a:cubicBezTo>
                  <a:lnTo>
                    <a:pt x="28122" y="475"/>
                  </a:lnTo>
                  <a:lnTo>
                    <a:pt x="27830" y="503"/>
                  </a:lnTo>
                  <a:lnTo>
                    <a:pt x="27872" y="489"/>
                  </a:lnTo>
                  <a:lnTo>
                    <a:pt x="27872" y="489"/>
                  </a:lnTo>
                  <a:cubicBezTo>
                    <a:pt x="27809" y="501"/>
                    <a:pt x="27547" y="526"/>
                    <a:pt x="27425" y="526"/>
                  </a:cubicBezTo>
                  <a:cubicBezTo>
                    <a:pt x="27407" y="526"/>
                    <a:pt x="27392" y="525"/>
                    <a:pt x="27381" y="524"/>
                  </a:cubicBezTo>
                  <a:cubicBezTo>
                    <a:pt x="27221" y="540"/>
                    <a:pt x="27142" y="556"/>
                    <a:pt x="27052" y="572"/>
                  </a:cubicBezTo>
                  <a:cubicBezTo>
                    <a:pt x="26913" y="596"/>
                    <a:pt x="26774" y="607"/>
                    <a:pt x="26635" y="610"/>
                  </a:cubicBezTo>
                  <a:cubicBezTo>
                    <a:pt x="26649" y="591"/>
                    <a:pt x="26880" y="586"/>
                    <a:pt x="26980" y="566"/>
                  </a:cubicBezTo>
                  <a:cubicBezTo>
                    <a:pt x="26909" y="566"/>
                    <a:pt x="26723" y="588"/>
                    <a:pt x="26633" y="588"/>
                  </a:cubicBezTo>
                  <a:cubicBezTo>
                    <a:pt x="26614" y="588"/>
                    <a:pt x="26599" y="587"/>
                    <a:pt x="26591" y="584"/>
                  </a:cubicBezTo>
                  <a:cubicBezTo>
                    <a:pt x="26280" y="616"/>
                    <a:pt x="26318" y="647"/>
                    <a:pt x="26169" y="674"/>
                  </a:cubicBezTo>
                  <a:cubicBezTo>
                    <a:pt x="26108" y="679"/>
                    <a:pt x="26075" y="681"/>
                    <a:pt x="26059" y="681"/>
                  </a:cubicBezTo>
                  <a:cubicBezTo>
                    <a:pt x="26009" y="681"/>
                    <a:pt x="26137" y="662"/>
                    <a:pt x="26130" y="658"/>
                  </a:cubicBezTo>
                  <a:lnTo>
                    <a:pt x="26130" y="658"/>
                  </a:lnTo>
                  <a:cubicBezTo>
                    <a:pt x="26069" y="662"/>
                    <a:pt x="25979" y="689"/>
                    <a:pt x="25910" y="689"/>
                  </a:cubicBezTo>
                  <a:cubicBezTo>
                    <a:pt x="25893" y="689"/>
                    <a:pt x="25877" y="688"/>
                    <a:pt x="25863" y="684"/>
                  </a:cubicBezTo>
                  <a:cubicBezTo>
                    <a:pt x="25754" y="704"/>
                    <a:pt x="25686" y="721"/>
                    <a:pt x="25805" y="721"/>
                  </a:cubicBezTo>
                  <a:cubicBezTo>
                    <a:pt x="25819" y="721"/>
                    <a:pt x="25835" y="721"/>
                    <a:pt x="25854" y="721"/>
                  </a:cubicBezTo>
                  <a:lnTo>
                    <a:pt x="25854" y="721"/>
                  </a:lnTo>
                  <a:cubicBezTo>
                    <a:pt x="25734" y="728"/>
                    <a:pt x="25613" y="739"/>
                    <a:pt x="25495" y="760"/>
                  </a:cubicBezTo>
                  <a:cubicBezTo>
                    <a:pt x="25536" y="747"/>
                    <a:pt x="25523" y="744"/>
                    <a:pt x="25491" y="744"/>
                  </a:cubicBezTo>
                  <a:cubicBezTo>
                    <a:pt x="25461" y="744"/>
                    <a:pt x="25414" y="746"/>
                    <a:pt x="25377" y="746"/>
                  </a:cubicBezTo>
                  <a:cubicBezTo>
                    <a:pt x="25349" y="746"/>
                    <a:pt x="25326" y="745"/>
                    <a:pt x="25321" y="739"/>
                  </a:cubicBezTo>
                  <a:cubicBezTo>
                    <a:pt x="25118" y="746"/>
                    <a:pt x="24664" y="769"/>
                    <a:pt x="24474" y="806"/>
                  </a:cubicBezTo>
                  <a:lnTo>
                    <a:pt x="24527" y="774"/>
                  </a:lnTo>
                  <a:lnTo>
                    <a:pt x="24527" y="774"/>
                  </a:lnTo>
                  <a:lnTo>
                    <a:pt x="24288" y="790"/>
                  </a:lnTo>
                  <a:cubicBezTo>
                    <a:pt x="24108" y="783"/>
                    <a:pt x="24499" y="762"/>
                    <a:pt x="24617" y="753"/>
                  </a:cubicBezTo>
                  <a:lnTo>
                    <a:pt x="24617" y="753"/>
                  </a:lnTo>
                  <a:cubicBezTo>
                    <a:pt x="24293" y="767"/>
                    <a:pt x="24075" y="781"/>
                    <a:pt x="23783" y="797"/>
                  </a:cubicBezTo>
                  <a:cubicBezTo>
                    <a:pt x="23871" y="799"/>
                    <a:pt x="23818" y="809"/>
                    <a:pt x="23860" y="816"/>
                  </a:cubicBezTo>
                  <a:cubicBezTo>
                    <a:pt x="23760" y="832"/>
                    <a:pt x="23621" y="830"/>
                    <a:pt x="23517" y="839"/>
                  </a:cubicBezTo>
                  <a:cubicBezTo>
                    <a:pt x="23492" y="832"/>
                    <a:pt x="23503" y="825"/>
                    <a:pt x="23581" y="821"/>
                  </a:cubicBezTo>
                  <a:lnTo>
                    <a:pt x="23581" y="821"/>
                  </a:lnTo>
                  <a:lnTo>
                    <a:pt x="23385" y="832"/>
                  </a:lnTo>
                  <a:cubicBezTo>
                    <a:pt x="23399" y="813"/>
                    <a:pt x="23301" y="818"/>
                    <a:pt x="23501" y="797"/>
                  </a:cubicBezTo>
                  <a:lnTo>
                    <a:pt x="23501" y="797"/>
                  </a:lnTo>
                  <a:lnTo>
                    <a:pt x="23313" y="811"/>
                  </a:lnTo>
                  <a:cubicBezTo>
                    <a:pt x="23291" y="812"/>
                    <a:pt x="23274" y="812"/>
                    <a:pt x="23261" y="812"/>
                  </a:cubicBezTo>
                  <a:cubicBezTo>
                    <a:pt x="23153" y="812"/>
                    <a:pt x="23328" y="796"/>
                    <a:pt x="23371" y="788"/>
                  </a:cubicBezTo>
                  <a:lnTo>
                    <a:pt x="23371" y="788"/>
                  </a:lnTo>
                  <a:lnTo>
                    <a:pt x="23047" y="799"/>
                  </a:lnTo>
                  <a:cubicBezTo>
                    <a:pt x="22931" y="816"/>
                    <a:pt x="23114" y="813"/>
                    <a:pt x="22891" y="830"/>
                  </a:cubicBezTo>
                  <a:cubicBezTo>
                    <a:pt x="22876" y="829"/>
                    <a:pt x="22860" y="829"/>
                    <a:pt x="22844" y="829"/>
                  </a:cubicBezTo>
                  <a:cubicBezTo>
                    <a:pt x="22551" y="829"/>
                    <a:pt x="22190" y="849"/>
                    <a:pt x="21868" y="857"/>
                  </a:cubicBezTo>
                  <a:lnTo>
                    <a:pt x="22109" y="864"/>
                  </a:lnTo>
                  <a:cubicBezTo>
                    <a:pt x="21902" y="867"/>
                    <a:pt x="21946" y="894"/>
                    <a:pt x="21884" y="908"/>
                  </a:cubicBezTo>
                  <a:cubicBezTo>
                    <a:pt x="21694" y="915"/>
                    <a:pt x="21437" y="922"/>
                    <a:pt x="21277" y="922"/>
                  </a:cubicBezTo>
                  <a:cubicBezTo>
                    <a:pt x="21460" y="901"/>
                    <a:pt x="21383" y="883"/>
                    <a:pt x="21212" y="876"/>
                  </a:cubicBezTo>
                  <a:cubicBezTo>
                    <a:pt x="20828" y="888"/>
                    <a:pt x="20923" y="915"/>
                    <a:pt x="20709" y="934"/>
                  </a:cubicBezTo>
                  <a:cubicBezTo>
                    <a:pt x="20777" y="917"/>
                    <a:pt x="20743" y="913"/>
                    <a:pt x="20683" y="913"/>
                  </a:cubicBezTo>
                  <a:cubicBezTo>
                    <a:pt x="20635" y="913"/>
                    <a:pt x="20570" y="915"/>
                    <a:pt x="20525" y="915"/>
                  </a:cubicBezTo>
                  <a:cubicBezTo>
                    <a:pt x="20490" y="915"/>
                    <a:pt x="20468" y="914"/>
                    <a:pt x="20478" y="908"/>
                  </a:cubicBezTo>
                  <a:lnTo>
                    <a:pt x="20478" y="908"/>
                  </a:lnTo>
                  <a:cubicBezTo>
                    <a:pt x="20232" y="915"/>
                    <a:pt x="19987" y="927"/>
                    <a:pt x="19741" y="936"/>
                  </a:cubicBezTo>
                  <a:cubicBezTo>
                    <a:pt x="19493" y="948"/>
                    <a:pt x="19243" y="957"/>
                    <a:pt x="18991" y="962"/>
                  </a:cubicBezTo>
                  <a:cubicBezTo>
                    <a:pt x="19000" y="966"/>
                    <a:pt x="19146" y="969"/>
                    <a:pt x="19058" y="976"/>
                  </a:cubicBezTo>
                  <a:cubicBezTo>
                    <a:pt x="19006" y="979"/>
                    <a:pt x="18961" y="980"/>
                    <a:pt x="18923" y="980"/>
                  </a:cubicBezTo>
                  <a:cubicBezTo>
                    <a:pt x="18827" y="980"/>
                    <a:pt x="18775" y="972"/>
                    <a:pt x="18757" y="969"/>
                  </a:cubicBezTo>
                  <a:cubicBezTo>
                    <a:pt x="18604" y="971"/>
                    <a:pt x="18451" y="982"/>
                    <a:pt x="18300" y="1003"/>
                  </a:cubicBezTo>
                  <a:cubicBezTo>
                    <a:pt x="18328" y="1002"/>
                    <a:pt x="18349" y="1002"/>
                    <a:pt x="18365" y="1002"/>
                  </a:cubicBezTo>
                  <a:cubicBezTo>
                    <a:pt x="18407" y="1002"/>
                    <a:pt x="18409" y="1006"/>
                    <a:pt x="18395" y="1013"/>
                  </a:cubicBezTo>
                  <a:cubicBezTo>
                    <a:pt x="18355" y="1014"/>
                    <a:pt x="18324" y="1015"/>
                    <a:pt x="18298" y="1015"/>
                  </a:cubicBezTo>
                  <a:cubicBezTo>
                    <a:pt x="18216" y="1015"/>
                    <a:pt x="18192" y="1009"/>
                    <a:pt x="18138" y="1009"/>
                  </a:cubicBezTo>
                  <a:cubicBezTo>
                    <a:pt x="18106" y="1009"/>
                    <a:pt x="18064" y="1011"/>
                    <a:pt x="17995" y="1017"/>
                  </a:cubicBezTo>
                  <a:cubicBezTo>
                    <a:pt x="17934" y="999"/>
                    <a:pt x="18247" y="1001"/>
                    <a:pt x="18226" y="985"/>
                  </a:cubicBezTo>
                  <a:lnTo>
                    <a:pt x="18226" y="985"/>
                  </a:lnTo>
                  <a:cubicBezTo>
                    <a:pt x="18013" y="987"/>
                    <a:pt x="17881" y="999"/>
                    <a:pt x="17726" y="1010"/>
                  </a:cubicBezTo>
                  <a:cubicBezTo>
                    <a:pt x="17691" y="999"/>
                    <a:pt x="17869" y="1006"/>
                    <a:pt x="17751" y="999"/>
                  </a:cubicBezTo>
                  <a:lnTo>
                    <a:pt x="17751" y="999"/>
                  </a:lnTo>
                  <a:lnTo>
                    <a:pt x="16783" y="1045"/>
                  </a:lnTo>
                  <a:lnTo>
                    <a:pt x="16716" y="1031"/>
                  </a:lnTo>
                  <a:cubicBezTo>
                    <a:pt x="16558" y="1033"/>
                    <a:pt x="16454" y="1040"/>
                    <a:pt x="16382" y="1047"/>
                  </a:cubicBezTo>
                  <a:cubicBezTo>
                    <a:pt x="16297" y="1043"/>
                    <a:pt x="16361" y="1038"/>
                    <a:pt x="16445" y="1036"/>
                  </a:cubicBezTo>
                  <a:lnTo>
                    <a:pt x="16445" y="1036"/>
                  </a:lnTo>
                  <a:cubicBezTo>
                    <a:pt x="16232" y="1038"/>
                    <a:pt x="15975" y="1054"/>
                    <a:pt x="15854" y="1059"/>
                  </a:cubicBezTo>
                  <a:cubicBezTo>
                    <a:pt x="15873" y="1050"/>
                    <a:pt x="15975" y="1054"/>
                    <a:pt x="16009" y="1047"/>
                  </a:cubicBezTo>
                  <a:cubicBezTo>
                    <a:pt x="15794" y="1047"/>
                    <a:pt x="15534" y="1073"/>
                    <a:pt x="15351" y="1073"/>
                  </a:cubicBezTo>
                  <a:cubicBezTo>
                    <a:pt x="15308" y="1073"/>
                    <a:pt x="15269" y="1072"/>
                    <a:pt x="15236" y="1068"/>
                  </a:cubicBezTo>
                  <a:cubicBezTo>
                    <a:pt x="15254" y="1066"/>
                    <a:pt x="15272" y="1065"/>
                    <a:pt x="15292" y="1064"/>
                  </a:cubicBezTo>
                  <a:lnTo>
                    <a:pt x="15292" y="1064"/>
                  </a:lnTo>
                  <a:cubicBezTo>
                    <a:pt x="14905" y="1071"/>
                    <a:pt x="14565" y="1087"/>
                    <a:pt x="14145" y="1096"/>
                  </a:cubicBezTo>
                  <a:cubicBezTo>
                    <a:pt x="14095" y="1095"/>
                    <a:pt x="14056" y="1094"/>
                    <a:pt x="14024" y="1094"/>
                  </a:cubicBezTo>
                  <a:cubicBezTo>
                    <a:pt x="13810" y="1094"/>
                    <a:pt x="13970" y="1124"/>
                    <a:pt x="13633" y="1128"/>
                  </a:cubicBezTo>
                  <a:cubicBezTo>
                    <a:pt x="13632" y="1115"/>
                    <a:pt x="13582" y="1110"/>
                    <a:pt x="13508" y="1110"/>
                  </a:cubicBezTo>
                  <a:cubicBezTo>
                    <a:pt x="13359" y="1110"/>
                    <a:pt x="13112" y="1129"/>
                    <a:pt x="12983" y="1129"/>
                  </a:cubicBezTo>
                  <a:cubicBezTo>
                    <a:pt x="12970" y="1129"/>
                    <a:pt x="12958" y="1129"/>
                    <a:pt x="12947" y="1128"/>
                  </a:cubicBezTo>
                  <a:lnTo>
                    <a:pt x="12947" y="1128"/>
                  </a:lnTo>
                  <a:lnTo>
                    <a:pt x="12998" y="1133"/>
                  </a:lnTo>
                  <a:cubicBezTo>
                    <a:pt x="12901" y="1141"/>
                    <a:pt x="12803" y="1145"/>
                    <a:pt x="12706" y="1145"/>
                  </a:cubicBezTo>
                  <a:cubicBezTo>
                    <a:pt x="12609" y="1145"/>
                    <a:pt x="12511" y="1141"/>
                    <a:pt x="12414" y="1133"/>
                  </a:cubicBezTo>
                  <a:cubicBezTo>
                    <a:pt x="12127" y="1135"/>
                    <a:pt x="11696" y="1145"/>
                    <a:pt x="11409" y="1165"/>
                  </a:cubicBezTo>
                  <a:lnTo>
                    <a:pt x="11467" y="1156"/>
                  </a:lnTo>
                  <a:lnTo>
                    <a:pt x="11467" y="1156"/>
                  </a:lnTo>
                  <a:cubicBezTo>
                    <a:pt x="11230" y="1172"/>
                    <a:pt x="11082" y="1161"/>
                    <a:pt x="10844" y="1177"/>
                  </a:cubicBezTo>
                  <a:cubicBezTo>
                    <a:pt x="10851" y="1172"/>
                    <a:pt x="10939" y="1165"/>
                    <a:pt x="10848" y="1165"/>
                  </a:cubicBezTo>
                  <a:cubicBezTo>
                    <a:pt x="9704" y="1172"/>
                    <a:pt x="8539" y="1219"/>
                    <a:pt x="7397" y="1235"/>
                  </a:cubicBezTo>
                  <a:cubicBezTo>
                    <a:pt x="5272" y="1264"/>
                    <a:pt x="2638" y="1302"/>
                    <a:pt x="518" y="1371"/>
                  </a:cubicBezTo>
                  <a:lnTo>
                    <a:pt x="518" y="1371"/>
                  </a:lnTo>
                  <a:cubicBezTo>
                    <a:pt x="562" y="1363"/>
                    <a:pt x="680" y="1352"/>
                    <a:pt x="552" y="1351"/>
                  </a:cubicBezTo>
                  <a:lnTo>
                    <a:pt x="552" y="1351"/>
                  </a:lnTo>
                  <a:lnTo>
                    <a:pt x="378" y="1372"/>
                  </a:lnTo>
                  <a:cubicBezTo>
                    <a:pt x="408" y="1362"/>
                    <a:pt x="308" y="1351"/>
                    <a:pt x="288" y="1344"/>
                  </a:cubicBezTo>
                  <a:lnTo>
                    <a:pt x="288" y="1344"/>
                  </a:lnTo>
                  <a:cubicBezTo>
                    <a:pt x="245" y="1355"/>
                    <a:pt x="339" y="1364"/>
                    <a:pt x="371" y="1376"/>
                  </a:cubicBezTo>
                  <a:lnTo>
                    <a:pt x="371" y="1376"/>
                  </a:lnTo>
                  <a:cubicBezTo>
                    <a:pt x="363" y="1376"/>
                    <a:pt x="356" y="1376"/>
                    <a:pt x="348" y="1376"/>
                  </a:cubicBezTo>
                  <a:cubicBezTo>
                    <a:pt x="348" y="1376"/>
                    <a:pt x="278" y="1389"/>
                    <a:pt x="177" y="1410"/>
                  </a:cubicBezTo>
                  <a:lnTo>
                    <a:pt x="177" y="1410"/>
                  </a:lnTo>
                  <a:cubicBezTo>
                    <a:pt x="167" y="1411"/>
                    <a:pt x="157" y="1411"/>
                    <a:pt x="146" y="1411"/>
                  </a:cubicBezTo>
                  <a:cubicBezTo>
                    <a:pt x="115" y="1411"/>
                    <a:pt x="83" y="1410"/>
                    <a:pt x="56" y="1410"/>
                  </a:cubicBezTo>
                  <a:lnTo>
                    <a:pt x="56" y="1410"/>
                  </a:lnTo>
                  <a:cubicBezTo>
                    <a:pt x="149" y="1413"/>
                    <a:pt x="70" y="1423"/>
                    <a:pt x="0" y="1430"/>
                  </a:cubicBezTo>
                  <a:lnTo>
                    <a:pt x="3" y="1585"/>
                  </a:lnTo>
                  <a:lnTo>
                    <a:pt x="54" y="1580"/>
                  </a:lnTo>
                  <a:cubicBezTo>
                    <a:pt x="163" y="1587"/>
                    <a:pt x="336" y="1580"/>
                    <a:pt x="387" y="1592"/>
                  </a:cubicBezTo>
                  <a:cubicBezTo>
                    <a:pt x="440" y="1585"/>
                    <a:pt x="494" y="1582"/>
                    <a:pt x="545" y="1582"/>
                  </a:cubicBezTo>
                  <a:lnTo>
                    <a:pt x="552" y="1589"/>
                  </a:lnTo>
                  <a:cubicBezTo>
                    <a:pt x="681" y="1582"/>
                    <a:pt x="508" y="1585"/>
                    <a:pt x="540" y="1578"/>
                  </a:cubicBezTo>
                  <a:cubicBezTo>
                    <a:pt x="556" y="1577"/>
                    <a:pt x="574" y="1577"/>
                    <a:pt x="594" y="1577"/>
                  </a:cubicBezTo>
                  <a:cubicBezTo>
                    <a:pt x="666" y="1577"/>
                    <a:pt x="758" y="1581"/>
                    <a:pt x="856" y="1581"/>
                  </a:cubicBezTo>
                  <a:cubicBezTo>
                    <a:pt x="881" y="1581"/>
                    <a:pt x="907" y="1581"/>
                    <a:pt x="934" y="1580"/>
                  </a:cubicBezTo>
                  <a:lnTo>
                    <a:pt x="934" y="1580"/>
                  </a:lnTo>
                  <a:cubicBezTo>
                    <a:pt x="781" y="1585"/>
                    <a:pt x="654" y="1596"/>
                    <a:pt x="545" y="1606"/>
                  </a:cubicBezTo>
                  <a:cubicBezTo>
                    <a:pt x="825" y="1610"/>
                    <a:pt x="496" y="1638"/>
                    <a:pt x="434" y="1657"/>
                  </a:cubicBezTo>
                  <a:cubicBezTo>
                    <a:pt x="658" y="1645"/>
                    <a:pt x="744" y="1631"/>
                    <a:pt x="927" y="1617"/>
                  </a:cubicBezTo>
                  <a:lnTo>
                    <a:pt x="927" y="1617"/>
                  </a:lnTo>
                  <a:cubicBezTo>
                    <a:pt x="1135" y="1626"/>
                    <a:pt x="937" y="1661"/>
                    <a:pt x="866" y="1667"/>
                  </a:cubicBezTo>
                  <a:lnTo>
                    <a:pt x="866" y="1667"/>
                  </a:lnTo>
                  <a:cubicBezTo>
                    <a:pt x="1066" y="1653"/>
                    <a:pt x="1272" y="1631"/>
                    <a:pt x="1379" y="1622"/>
                  </a:cubicBezTo>
                  <a:lnTo>
                    <a:pt x="1379" y="1622"/>
                  </a:lnTo>
                  <a:cubicBezTo>
                    <a:pt x="1228" y="1650"/>
                    <a:pt x="1254" y="1657"/>
                    <a:pt x="1119" y="1680"/>
                  </a:cubicBezTo>
                  <a:cubicBezTo>
                    <a:pt x="1156" y="1682"/>
                    <a:pt x="1186" y="1683"/>
                    <a:pt x="1211" y="1683"/>
                  </a:cubicBezTo>
                  <a:cubicBezTo>
                    <a:pt x="1300" y="1683"/>
                    <a:pt x="1333" y="1670"/>
                    <a:pt x="1393" y="1661"/>
                  </a:cubicBezTo>
                  <a:lnTo>
                    <a:pt x="1393" y="1661"/>
                  </a:lnTo>
                  <a:cubicBezTo>
                    <a:pt x="1367" y="1664"/>
                    <a:pt x="1341" y="1665"/>
                    <a:pt x="1315" y="1665"/>
                  </a:cubicBezTo>
                  <a:cubicBezTo>
                    <a:pt x="1297" y="1665"/>
                    <a:pt x="1279" y="1664"/>
                    <a:pt x="1260" y="1664"/>
                  </a:cubicBezTo>
                  <a:cubicBezTo>
                    <a:pt x="1455" y="1661"/>
                    <a:pt x="1423" y="1622"/>
                    <a:pt x="1522" y="1606"/>
                  </a:cubicBezTo>
                  <a:cubicBezTo>
                    <a:pt x="1655" y="1612"/>
                    <a:pt x="1900" y="1613"/>
                    <a:pt x="1920" y="1631"/>
                  </a:cubicBezTo>
                  <a:lnTo>
                    <a:pt x="1920" y="1631"/>
                  </a:lnTo>
                  <a:lnTo>
                    <a:pt x="1918" y="1613"/>
                  </a:lnTo>
                  <a:cubicBezTo>
                    <a:pt x="1948" y="1611"/>
                    <a:pt x="1970" y="1610"/>
                    <a:pt x="1987" y="1610"/>
                  </a:cubicBezTo>
                  <a:cubicBezTo>
                    <a:pt x="2062" y="1610"/>
                    <a:pt x="2011" y="1625"/>
                    <a:pt x="2034" y="1631"/>
                  </a:cubicBezTo>
                  <a:cubicBezTo>
                    <a:pt x="2097" y="1613"/>
                    <a:pt x="2018" y="1589"/>
                    <a:pt x="2301" y="1578"/>
                  </a:cubicBezTo>
                  <a:lnTo>
                    <a:pt x="2301" y="1578"/>
                  </a:lnTo>
                  <a:cubicBezTo>
                    <a:pt x="2282" y="1596"/>
                    <a:pt x="2325" y="1598"/>
                    <a:pt x="2381" y="1598"/>
                  </a:cubicBezTo>
                  <a:cubicBezTo>
                    <a:pt x="2403" y="1598"/>
                    <a:pt x="2427" y="1598"/>
                    <a:pt x="2450" y="1598"/>
                  </a:cubicBezTo>
                  <a:cubicBezTo>
                    <a:pt x="2503" y="1598"/>
                    <a:pt x="2549" y="1600"/>
                    <a:pt x="2546" y="1615"/>
                  </a:cubicBezTo>
                  <a:cubicBezTo>
                    <a:pt x="2671" y="1608"/>
                    <a:pt x="2732" y="1589"/>
                    <a:pt x="2856" y="1589"/>
                  </a:cubicBezTo>
                  <a:cubicBezTo>
                    <a:pt x="2863" y="1589"/>
                    <a:pt x="2870" y="1589"/>
                    <a:pt x="2877" y="1589"/>
                  </a:cubicBezTo>
                  <a:cubicBezTo>
                    <a:pt x="3021" y="1607"/>
                    <a:pt x="2711" y="1638"/>
                    <a:pt x="2606" y="1638"/>
                  </a:cubicBezTo>
                  <a:cubicBezTo>
                    <a:pt x="2599" y="1638"/>
                    <a:pt x="2593" y="1638"/>
                    <a:pt x="2588" y="1638"/>
                  </a:cubicBezTo>
                  <a:cubicBezTo>
                    <a:pt x="2570" y="1638"/>
                    <a:pt x="2556" y="1639"/>
                    <a:pt x="2545" y="1639"/>
                  </a:cubicBezTo>
                  <a:cubicBezTo>
                    <a:pt x="2439" y="1639"/>
                    <a:pt x="2589" y="1622"/>
                    <a:pt x="2546" y="1622"/>
                  </a:cubicBezTo>
                  <a:cubicBezTo>
                    <a:pt x="2544" y="1622"/>
                    <a:pt x="2541" y="1622"/>
                    <a:pt x="2537" y="1622"/>
                  </a:cubicBezTo>
                  <a:lnTo>
                    <a:pt x="2354" y="1636"/>
                  </a:lnTo>
                  <a:cubicBezTo>
                    <a:pt x="2456" y="1643"/>
                    <a:pt x="2655" y="1647"/>
                    <a:pt x="2632" y="1666"/>
                  </a:cubicBezTo>
                  <a:cubicBezTo>
                    <a:pt x="2817" y="1654"/>
                    <a:pt x="2481" y="1652"/>
                    <a:pt x="2685" y="1638"/>
                  </a:cubicBezTo>
                  <a:lnTo>
                    <a:pt x="2685" y="1638"/>
                  </a:lnTo>
                  <a:lnTo>
                    <a:pt x="2808" y="1645"/>
                  </a:lnTo>
                  <a:cubicBezTo>
                    <a:pt x="3012" y="1631"/>
                    <a:pt x="2766" y="1617"/>
                    <a:pt x="3030" y="1608"/>
                  </a:cubicBezTo>
                  <a:lnTo>
                    <a:pt x="3030" y="1608"/>
                  </a:lnTo>
                  <a:cubicBezTo>
                    <a:pt x="2963" y="1616"/>
                    <a:pt x="2989" y="1617"/>
                    <a:pt x="3046" y="1617"/>
                  </a:cubicBezTo>
                  <a:cubicBezTo>
                    <a:pt x="3072" y="1617"/>
                    <a:pt x="3103" y="1617"/>
                    <a:pt x="3135" y="1617"/>
                  </a:cubicBezTo>
                  <a:cubicBezTo>
                    <a:pt x="3218" y="1617"/>
                    <a:pt x="3307" y="1618"/>
                    <a:pt x="3304" y="1630"/>
                  </a:cubicBezTo>
                  <a:lnTo>
                    <a:pt x="3304" y="1630"/>
                  </a:lnTo>
                  <a:cubicBezTo>
                    <a:pt x="3322" y="1597"/>
                    <a:pt x="3781" y="1617"/>
                    <a:pt x="3836" y="1589"/>
                  </a:cubicBezTo>
                  <a:lnTo>
                    <a:pt x="3695" y="1585"/>
                  </a:lnTo>
                  <a:lnTo>
                    <a:pt x="3728" y="1599"/>
                  </a:lnTo>
                  <a:cubicBezTo>
                    <a:pt x="3591" y="1603"/>
                    <a:pt x="3475" y="1611"/>
                    <a:pt x="3338" y="1611"/>
                  </a:cubicBezTo>
                  <a:cubicBezTo>
                    <a:pt x="3322" y="1611"/>
                    <a:pt x="3305" y="1610"/>
                    <a:pt x="3287" y="1610"/>
                  </a:cubicBezTo>
                  <a:cubicBezTo>
                    <a:pt x="3412" y="1596"/>
                    <a:pt x="3246" y="1585"/>
                    <a:pt x="3389" y="1571"/>
                  </a:cubicBezTo>
                  <a:cubicBezTo>
                    <a:pt x="3453" y="1565"/>
                    <a:pt x="3490" y="1563"/>
                    <a:pt x="3511" y="1563"/>
                  </a:cubicBezTo>
                  <a:cubicBezTo>
                    <a:pt x="3580" y="1563"/>
                    <a:pt x="3470" y="1587"/>
                    <a:pt x="3501" y="1587"/>
                  </a:cubicBezTo>
                  <a:lnTo>
                    <a:pt x="3716" y="1564"/>
                  </a:lnTo>
                  <a:lnTo>
                    <a:pt x="3570" y="1552"/>
                  </a:lnTo>
                  <a:cubicBezTo>
                    <a:pt x="3739" y="1545"/>
                    <a:pt x="3968" y="1538"/>
                    <a:pt x="4200" y="1536"/>
                  </a:cubicBezTo>
                  <a:lnTo>
                    <a:pt x="4200" y="1536"/>
                  </a:lnTo>
                  <a:cubicBezTo>
                    <a:pt x="4545" y="1550"/>
                    <a:pt x="4158" y="1555"/>
                    <a:pt x="4406" y="1571"/>
                  </a:cubicBezTo>
                  <a:cubicBezTo>
                    <a:pt x="4515" y="1562"/>
                    <a:pt x="4490" y="1552"/>
                    <a:pt x="4645" y="1552"/>
                  </a:cubicBezTo>
                  <a:cubicBezTo>
                    <a:pt x="4628" y="1551"/>
                    <a:pt x="4612" y="1550"/>
                    <a:pt x="4597" y="1550"/>
                  </a:cubicBezTo>
                  <a:cubicBezTo>
                    <a:pt x="4535" y="1550"/>
                    <a:pt x="4483" y="1559"/>
                    <a:pt x="4436" y="1559"/>
                  </a:cubicBezTo>
                  <a:cubicBezTo>
                    <a:pt x="4360" y="1541"/>
                    <a:pt x="4717" y="1545"/>
                    <a:pt x="4700" y="1525"/>
                  </a:cubicBezTo>
                  <a:lnTo>
                    <a:pt x="4700" y="1525"/>
                  </a:lnTo>
                  <a:cubicBezTo>
                    <a:pt x="4763" y="1531"/>
                    <a:pt x="4751" y="1541"/>
                    <a:pt x="4700" y="1550"/>
                  </a:cubicBezTo>
                  <a:cubicBezTo>
                    <a:pt x="4816" y="1544"/>
                    <a:pt x="4929" y="1541"/>
                    <a:pt x="5028" y="1541"/>
                  </a:cubicBezTo>
                  <a:cubicBezTo>
                    <a:pt x="5156" y="1541"/>
                    <a:pt x="5260" y="1546"/>
                    <a:pt x="5317" y="1559"/>
                  </a:cubicBezTo>
                  <a:lnTo>
                    <a:pt x="5430" y="1531"/>
                  </a:lnTo>
                  <a:cubicBezTo>
                    <a:pt x="5879" y="1531"/>
                    <a:pt x="5122" y="1562"/>
                    <a:pt x="5502" y="1571"/>
                  </a:cubicBezTo>
                  <a:cubicBezTo>
                    <a:pt x="5522" y="1571"/>
                    <a:pt x="5543" y="1571"/>
                    <a:pt x="5563" y="1571"/>
                  </a:cubicBezTo>
                  <a:cubicBezTo>
                    <a:pt x="5668" y="1571"/>
                    <a:pt x="5775" y="1566"/>
                    <a:pt x="5879" y="1555"/>
                  </a:cubicBezTo>
                  <a:lnTo>
                    <a:pt x="5879" y="1555"/>
                  </a:lnTo>
                  <a:lnTo>
                    <a:pt x="5745" y="1557"/>
                  </a:lnTo>
                  <a:cubicBezTo>
                    <a:pt x="5847" y="1541"/>
                    <a:pt x="5840" y="1531"/>
                    <a:pt x="6005" y="1520"/>
                  </a:cubicBezTo>
                  <a:cubicBezTo>
                    <a:pt x="6087" y="1520"/>
                    <a:pt x="6082" y="1529"/>
                    <a:pt x="6118" y="1529"/>
                  </a:cubicBezTo>
                  <a:cubicBezTo>
                    <a:pt x="6134" y="1529"/>
                    <a:pt x="6158" y="1527"/>
                    <a:pt x="6201" y="1522"/>
                  </a:cubicBezTo>
                  <a:cubicBezTo>
                    <a:pt x="6479" y="1528"/>
                    <a:pt x="6394" y="1545"/>
                    <a:pt x="6314" y="1565"/>
                  </a:cubicBezTo>
                  <a:lnTo>
                    <a:pt x="6314" y="1565"/>
                  </a:lnTo>
                  <a:cubicBezTo>
                    <a:pt x="6432" y="1561"/>
                    <a:pt x="6579" y="1558"/>
                    <a:pt x="6600" y="1548"/>
                  </a:cubicBezTo>
                  <a:lnTo>
                    <a:pt x="6600" y="1548"/>
                  </a:lnTo>
                  <a:cubicBezTo>
                    <a:pt x="6602" y="1553"/>
                    <a:pt x="6581" y="1566"/>
                    <a:pt x="6506" y="1574"/>
                  </a:cubicBezTo>
                  <a:lnTo>
                    <a:pt x="6506" y="1574"/>
                  </a:lnTo>
                  <a:cubicBezTo>
                    <a:pt x="6467" y="1571"/>
                    <a:pt x="6439" y="1569"/>
                    <a:pt x="6419" y="1569"/>
                  </a:cubicBezTo>
                  <a:cubicBezTo>
                    <a:pt x="6347" y="1569"/>
                    <a:pt x="6370" y="1585"/>
                    <a:pt x="6360" y="1585"/>
                  </a:cubicBezTo>
                  <a:cubicBezTo>
                    <a:pt x="6355" y="1585"/>
                    <a:pt x="6346" y="1582"/>
                    <a:pt x="6322" y="1576"/>
                  </a:cubicBezTo>
                  <a:lnTo>
                    <a:pt x="6275" y="1576"/>
                  </a:lnTo>
                  <a:cubicBezTo>
                    <a:pt x="6267" y="1578"/>
                    <a:pt x="6260" y="1580"/>
                    <a:pt x="6255" y="1582"/>
                  </a:cubicBezTo>
                  <a:cubicBezTo>
                    <a:pt x="6357" y="1586"/>
                    <a:pt x="6359" y="1595"/>
                    <a:pt x="6334" y="1603"/>
                  </a:cubicBezTo>
                  <a:lnTo>
                    <a:pt x="6334" y="1603"/>
                  </a:lnTo>
                  <a:lnTo>
                    <a:pt x="6435" y="1588"/>
                  </a:lnTo>
                  <a:lnTo>
                    <a:pt x="6435" y="1588"/>
                  </a:lnTo>
                  <a:lnTo>
                    <a:pt x="6503" y="1608"/>
                  </a:lnTo>
                  <a:cubicBezTo>
                    <a:pt x="6507" y="1608"/>
                    <a:pt x="6511" y="1608"/>
                    <a:pt x="6516" y="1608"/>
                  </a:cubicBezTo>
                  <a:cubicBezTo>
                    <a:pt x="6578" y="1608"/>
                    <a:pt x="6626" y="1597"/>
                    <a:pt x="6667" y="1597"/>
                  </a:cubicBezTo>
                  <a:cubicBezTo>
                    <a:pt x="6680" y="1597"/>
                    <a:pt x="6692" y="1598"/>
                    <a:pt x="6704" y="1601"/>
                  </a:cubicBezTo>
                  <a:cubicBezTo>
                    <a:pt x="6841" y="1620"/>
                    <a:pt x="6507" y="1636"/>
                    <a:pt x="6841" y="1638"/>
                  </a:cubicBezTo>
                  <a:cubicBezTo>
                    <a:pt x="7198" y="1638"/>
                    <a:pt x="7177" y="1601"/>
                    <a:pt x="7420" y="1601"/>
                  </a:cubicBezTo>
                  <a:cubicBezTo>
                    <a:pt x="7387" y="1598"/>
                    <a:pt x="7353" y="1596"/>
                    <a:pt x="7320" y="1596"/>
                  </a:cubicBezTo>
                  <a:cubicBezTo>
                    <a:pt x="7299" y="1596"/>
                    <a:pt x="7278" y="1597"/>
                    <a:pt x="7258" y="1599"/>
                  </a:cubicBezTo>
                  <a:cubicBezTo>
                    <a:pt x="7337" y="1585"/>
                    <a:pt x="7198" y="1580"/>
                    <a:pt x="7332" y="1569"/>
                  </a:cubicBezTo>
                  <a:lnTo>
                    <a:pt x="7332" y="1569"/>
                  </a:lnTo>
                  <a:cubicBezTo>
                    <a:pt x="7371" y="1579"/>
                    <a:pt x="7460" y="1583"/>
                    <a:pt x="7563" y="1583"/>
                  </a:cubicBezTo>
                  <a:cubicBezTo>
                    <a:pt x="7658" y="1583"/>
                    <a:pt x="7765" y="1580"/>
                    <a:pt x="7858" y="1578"/>
                  </a:cubicBezTo>
                  <a:lnTo>
                    <a:pt x="7858" y="1578"/>
                  </a:lnTo>
                  <a:cubicBezTo>
                    <a:pt x="7807" y="1592"/>
                    <a:pt x="7934" y="1601"/>
                    <a:pt x="7872" y="1608"/>
                  </a:cubicBezTo>
                  <a:cubicBezTo>
                    <a:pt x="7950" y="1606"/>
                    <a:pt x="8027" y="1599"/>
                    <a:pt x="8106" y="1587"/>
                  </a:cubicBezTo>
                  <a:cubicBezTo>
                    <a:pt x="7707" y="1578"/>
                    <a:pt x="8490" y="1564"/>
                    <a:pt x="8180" y="1548"/>
                  </a:cubicBezTo>
                  <a:cubicBezTo>
                    <a:pt x="8214" y="1547"/>
                    <a:pt x="8244" y="1547"/>
                    <a:pt x="8273" y="1547"/>
                  </a:cubicBezTo>
                  <a:cubicBezTo>
                    <a:pt x="8505" y="1547"/>
                    <a:pt x="8571" y="1562"/>
                    <a:pt x="8743" y="1569"/>
                  </a:cubicBezTo>
                  <a:cubicBezTo>
                    <a:pt x="8731" y="1576"/>
                    <a:pt x="8386" y="1589"/>
                    <a:pt x="8662" y="1592"/>
                  </a:cubicBezTo>
                  <a:cubicBezTo>
                    <a:pt x="8977" y="1564"/>
                    <a:pt x="8604" y="1564"/>
                    <a:pt x="8849" y="1531"/>
                  </a:cubicBezTo>
                  <a:lnTo>
                    <a:pt x="8650" y="1527"/>
                  </a:lnTo>
                  <a:cubicBezTo>
                    <a:pt x="8635" y="1512"/>
                    <a:pt x="8757" y="1511"/>
                    <a:pt x="8870" y="1511"/>
                  </a:cubicBezTo>
                  <a:cubicBezTo>
                    <a:pt x="8896" y="1511"/>
                    <a:pt x="8921" y="1511"/>
                    <a:pt x="8944" y="1511"/>
                  </a:cubicBezTo>
                  <a:cubicBezTo>
                    <a:pt x="8993" y="1511"/>
                    <a:pt x="9032" y="1510"/>
                    <a:pt x="9046" y="1508"/>
                  </a:cubicBezTo>
                  <a:lnTo>
                    <a:pt x="9046" y="1508"/>
                  </a:lnTo>
                  <a:cubicBezTo>
                    <a:pt x="9169" y="1513"/>
                    <a:pt x="8875" y="1520"/>
                    <a:pt x="8995" y="1534"/>
                  </a:cubicBezTo>
                  <a:cubicBezTo>
                    <a:pt x="9016" y="1534"/>
                    <a:pt x="9036" y="1535"/>
                    <a:pt x="9054" y="1535"/>
                  </a:cubicBezTo>
                  <a:cubicBezTo>
                    <a:pt x="9173" y="1535"/>
                    <a:pt x="9251" y="1525"/>
                    <a:pt x="9333" y="1525"/>
                  </a:cubicBezTo>
                  <a:cubicBezTo>
                    <a:pt x="9351" y="1525"/>
                    <a:pt x="9370" y="1526"/>
                    <a:pt x="9389" y="1527"/>
                  </a:cubicBezTo>
                  <a:cubicBezTo>
                    <a:pt x="9273" y="1548"/>
                    <a:pt x="9347" y="1538"/>
                    <a:pt x="9217" y="1557"/>
                  </a:cubicBezTo>
                  <a:cubicBezTo>
                    <a:pt x="9274" y="1556"/>
                    <a:pt x="9315" y="1555"/>
                    <a:pt x="9345" y="1555"/>
                  </a:cubicBezTo>
                  <a:cubicBezTo>
                    <a:pt x="9541" y="1555"/>
                    <a:pt x="9240" y="1579"/>
                    <a:pt x="9523" y="1585"/>
                  </a:cubicBezTo>
                  <a:cubicBezTo>
                    <a:pt x="9628" y="1580"/>
                    <a:pt x="9563" y="1566"/>
                    <a:pt x="9729" y="1566"/>
                  </a:cubicBezTo>
                  <a:cubicBezTo>
                    <a:pt x="9652" y="1551"/>
                    <a:pt x="9643" y="1544"/>
                    <a:pt x="9505" y="1544"/>
                  </a:cubicBezTo>
                  <a:cubicBezTo>
                    <a:pt x="9470" y="1544"/>
                    <a:pt x="9427" y="1544"/>
                    <a:pt x="9373" y="1545"/>
                  </a:cubicBezTo>
                  <a:cubicBezTo>
                    <a:pt x="9409" y="1535"/>
                    <a:pt x="9470" y="1532"/>
                    <a:pt x="9544" y="1532"/>
                  </a:cubicBezTo>
                  <a:cubicBezTo>
                    <a:pt x="9603" y="1532"/>
                    <a:pt x="9670" y="1534"/>
                    <a:pt x="9737" y="1534"/>
                  </a:cubicBezTo>
                  <a:cubicBezTo>
                    <a:pt x="9800" y="1534"/>
                    <a:pt x="9863" y="1532"/>
                    <a:pt x="9919" y="1527"/>
                  </a:cubicBezTo>
                  <a:cubicBezTo>
                    <a:pt x="9828" y="1527"/>
                    <a:pt x="9828" y="1524"/>
                    <a:pt x="9808" y="1524"/>
                  </a:cubicBezTo>
                  <a:cubicBezTo>
                    <a:pt x="9795" y="1524"/>
                    <a:pt x="9772" y="1525"/>
                    <a:pt x="9706" y="1529"/>
                  </a:cubicBezTo>
                  <a:cubicBezTo>
                    <a:pt x="9683" y="1504"/>
                    <a:pt x="9623" y="1501"/>
                    <a:pt x="9773" y="1478"/>
                  </a:cubicBezTo>
                  <a:lnTo>
                    <a:pt x="9773" y="1478"/>
                  </a:lnTo>
                  <a:cubicBezTo>
                    <a:pt x="9603" y="1487"/>
                    <a:pt x="9528" y="1511"/>
                    <a:pt x="9298" y="1511"/>
                  </a:cubicBezTo>
                  <a:cubicBezTo>
                    <a:pt x="9288" y="1511"/>
                    <a:pt x="9277" y="1511"/>
                    <a:pt x="9266" y="1511"/>
                  </a:cubicBezTo>
                  <a:cubicBezTo>
                    <a:pt x="9197" y="1487"/>
                    <a:pt x="9577" y="1487"/>
                    <a:pt x="9579" y="1455"/>
                  </a:cubicBezTo>
                  <a:cubicBezTo>
                    <a:pt x="9632" y="1447"/>
                    <a:pt x="9717" y="1444"/>
                    <a:pt x="9808" y="1444"/>
                  </a:cubicBezTo>
                  <a:cubicBezTo>
                    <a:pt x="9933" y="1444"/>
                    <a:pt x="10069" y="1450"/>
                    <a:pt x="10151" y="1455"/>
                  </a:cubicBezTo>
                  <a:cubicBezTo>
                    <a:pt x="10394" y="1432"/>
                    <a:pt x="10695" y="1427"/>
                    <a:pt x="10883" y="1395"/>
                  </a:cubicBezTo>
                  <a:cubicBezTo>
                    <a:pt x="10894" y="1395"/>
                    <a:pt x="10906" y="1395"/>
                    <a:pt x="10920" y="1395"/>
                  </a:cubicBezTo>
                  <a:cubicBezTo>
                    <a:pt x="11103" y="1395"/>
                    <a:pt x="11471" y="1369"/>
                    <a:pt x="11775" y="1369"/>
                  </a:cubicBezTo>
                  <a:cubicBezTo>
                    <a:pt x="11797" y="1369"/>
                    <a:pt x="11819" y="1369"/>
                    <a:pt x="11840" y="1369"/>
                  </a:cubicBezTo>
                  <a:cubicBezTo>
                    <a:pt x="11888" y="1380"/>
                    <a:pt x="12209" y="1371"/>
                    <a:pt x="12074" y="1387"/>
                  </a:cubicBezTo>
                  <a:lnTo>
                    <a:pt x="12074" y="1387"/>
                  </a:lnTo>
                  <a:cubicBezTo>
                    <a:pt x="12152" y="1381"/>
                    <a:pt x="12340" y="1374"/>
                    <a:pt x="12278" y="1365"/>
                  </a:cubicBezTo>
                  <a:lnTo>
                    <a:pt x="12278" y="1365"/>
                  </a:lnTo>
                  <a:cubicBezTo>
                    <a:pt x="12238" y="1369"/>
                    <a:pt x="12199" y="1369"/>
                    <a:pt x="12159" y="1369"/>
                  </a:cubicBezTo>
                  <a:lnTo>
                    <a:pt x="12213" y="1351"/>
                  </a:lnTo>
                  <a:cubicBezTo>
                    <a:pt x="12226" y="1351"/>
                    <a:pt x="12240" y="1351"/>
                    <a:pt x="12254" y="1351"/>
                  </a:cubicBezTo>
                  <a:cubicBezTo>
                    <a:pt x="12383" y="1351"/>
                    <a:pt x="12523" y="1336"/>
                    <a:pt x="12651" y="1336"/>
                  </a:cubicBezTo>
                  <a:cubicBezTo>
                    <a:pt x="12670" y="1336"/>
                    <a:pt x="12690" y="1336"/>
                    <a:pt x="12708" y="1337"/>
                  </a:cubicBezTo>
                  <a:cubicBezTo>
                    <a:pt x="12759" y="1351"/>
                    <a:pt x="12419" y="1351"/>
                    <a:pt x="12521" y="1367"/>
                  </a:cubicBezTo>
                  <a:cubicBezTo>
                    <a:pt x="12650" y="1341"/>
                    <a:pt x="13125" y="1322"/>
                    <a:pt x="13375" y="1322"/>
                  </a:cubicBezTo>
                  <a:cubicBezTo>
                    <a:pt x="13413" y="1322"/>
                    <a:pt x="13445" y="1322"/>
                    <a:pt x="13470" y="1323"/>
                  </a:cubicBezTo>
                  <a:cubicBezTo>
                    <a:pt x="13598" y="1323"/>
                    <a:pt x="13614" y="1346"/>
                    <a:pt x="13670" y="1348"/>
                  </a:cubicBezTo>
                  <a:lnTo>
                    <a:pt x="13887" y="1342"/>
                  </a:lnTo>
                  <a:cubicBezTo>
                    <a:pt x="13908" y="1351"/>
                    <a:pt x="13931" y="1358"/>
                    <a:pt x="13957" y="1365"/>
                  </a:cubicBezTo>
                  <a:cubicBezTo>
                    <a:pt x="13971" y="1365"/>
                    <a:pt x="13986" y="1365"/>
                    <a:pt x="14000" y="1365"/>
                  </a:cubicBezTo>
                  <a:cubicBezTo>
                    <a:pt x="14067" y="1365"/>
                    <a:pt x="14136" y="1361"/>
                    <a:pt x="14202" y="1355"/>
                  </a:cubicBezTo>
                  <a:lnTo>
                    <a:pt x="14202" y="1355"/>
                  </a:lnTo>
                  <a:cubicBezTo>
                    <a:pt x="14487" y="1362"/>
                    <a:pt x="14337" y="1383"/>
                    <a:pt x="14191" y="1402"/>
                  </a:cubicBezTo>
                  <a:lnTo>
                    <a:pt x="14029" y="1397"/>
                  </a:lnTo>
                  <a:cubicBezTo>
                    <a:pt x="13913" y="1409"/>
                    <a:pt x="13746" y="1406"/>
                    <a:pt x="13843" y="1425"/>
                  </a:cubicBezTo>
                  <a:cubicBezTo>
                    <a:pt x="13881" y="1425"/>
                    <a:pt x="13915" y="1420"/>
                    <a:pt x="13950" y="1409"/>
                  </a:cubicBezTo>
                  <a:lnTo>
                    <a:pt x="14045" y="1418"/>
                  </a:lnTo>
                  <a:cubicBezTo>
                    <a:pt x="14140" y="1409"/>
                    <a:pt x="14402" y="1399"/>
                    <a:pt x="14374" y="1383"/>
                  </a:cubicBezTo>
                  <a:lnTo>
                    <a:pt x="14374" y="1383"/>
                  </a:lnTo>
                  <a:cubicBezTo>
                    <a:pt x="14415" y="1385"/>
                    <a:pt x="14457" y="1386"/>
                    <a:pt x="14499" y="1386"/>
                  </a:cubicBezTo>
                  <a:cubicBezTo>
                    <a:pt x="14615" y="1386"/>
                    <a:pt x="14736" y="1381"/>
                    <a:pt x="14844" y="1381"/>
                  </a:cubicBezTo>
                  <a:cubicBezTo>
                    <a:pt x="14884" y="1381"/>
                    <a:pt x="14922" y="1381"/>
                    <a:pt x="14958" y="1383"/>
                  </a:cubicBezTo>
                  <a:cubicBezTo>
                    <a:pt x="14842" y="1376"/>
                    <a:pt x="14990" y="1367"/>
                    <a:pt x="14955" y="1355"/>
                  </a:cubicBezTo>
                  <a:lnTo>
                    <a:pt x="14749" y="1355"/>
                  </a:lnTo>
                  <a:cubicBezTo>
                    <a:pt x="14886" y="1350"/>
                    <a:pt x="15072" y="1338"/>
                    <a:pt x="15220" y="1338"/>
                  </a:cubicBezTo>
                  <a:cubicBezTo>
                    <a:pt x="15250" y="1338"/>
                    <a:pt x="15279" y="1338"/>
                    <a:pt x="15305" y="1339"/>
                  </a:cubicBezTo>
                  <a:cubicBezTo>
                    <a:pt x="15287" y="1350"/>
                    <a:pt x="15280" y="1353"/>
                    <a:pt x="15352" y="1362"/>
                  </a:cubicBezTo>
                  <a:lnTo>
                    <a:pt x="15352" y="1362"/>
                  </a:lnTo>
                  <a:cubicBezTo>
                    <a:pt x="15267" y="1350"/>
                    <a:pt x="15640" y="1339"/>
                    <a:pt x="15407" y="1325"/>
                  </a:cubicBezTo>
                  <a:lnTo>
                    <a:pt x="15407" y="1325"/>
                  </a:lnTo>
                  <a:cubicBezTo>
                    <a:pt x="15319" y="1332"/>
                    <a:pt x="15236" y="1337"/>
                    <a:pt x="15122" y="1337"/>
                  </a:cubicBezTo>
                  <a:cubicBezTo>
                    <a:pt x="15046" y="1318"/>
                    <a:pt x="15226" y="1311"/>
                    <a:pt x="15326" y="1298"/>
                  </a:cubicBezTo>
                  <a:cubicBezTo>
                    <a:pt x="15453" y="1291"/>
                    <a:pt x="15699" y="1281"/>
                    <a:pt x="15870" y="1270"/>
                  </a:cubicBezTo>
                  <a:cubicBezTo>
                    <a:pt x="15950" y="1271"/>
                    <a:pt x="15988" y="1285"/>
                    <a:pt x="16078" y="1285"/>
                  </a:cubicBezTo>
                  <a:cubicBezTo>
                    <a:pt x="16108" y="1285"/>
                    <a:pt x="16145" y="1283"/>
                    <a:pt x="16192" y="1279"/>
                  </a:cubicBezTo>
                  <a:cubicBezTo>
                    <a:pt x="15958" y="1263"/>
                    <a:pt x="16412" y="1240"/>
                    <a:pt x="16473" y="1221"/>
                  </a:cubicBezTo>
                  <a:cubicBezTo>
                    <a:pt x="16487" y="1221"/>
                    <a:pt x="16500" y="1222"/>
                    <a:pt x="16513" y="1222"/>
                  </a:cubicBezTo>
                  <a:cubicBezTo>
                    <a:pt x="16634" y="1222"/>
                    <a:pt x="16723" y="1208"/>
                    <a:pt x="16819" y="1208"/>
                  </a:cubicBezTo>
                  <a:cubicBezTo>
                    <a:pt x="16846" y="1208"/>
                    <a:pt x="16874" y="1209"/>
                    <a:pt x="16903" y="1212"/>
                  </a:cubicBezTo>
                  <a:cubicBezTo>
                    <a:pt x="16829" y="1221"/>
                    <a:pt x="16558" y="1226"/>
                    <a:pt x="16489" y="1242"/>
                  </a:cubicBezTo>
                  <a:cubicBezTo>
                    <a:pt x="16480" y="1256"/>
                    <a:pt x="16549" y="1279"/>
                    <a:pt x="16280" y="1293"/>
                  </a:cubicBezTo>
                  <a:cubicBezTo>
                    <a:pt x="16605" y="1293"/>
                    <a:pt x="16470" y="1277"/>
                    <a:pt x="16619" y="1267"/>
                  </a:cubicBezTo>
                  <a:lnTo>
                    <a:pt x="16619" y="1267"/>
                  </a:lnTo>
                  <a:lnTo>
                    <a:pt x="16510" y="1272"/>
                  </a:lnTo>
                  <a:cubicBezTo>
                    <a:pt x="16558" y="1265"/>
                    <a:pt x="16463" y="1256"/>
                    <a:pt x="16563" y="1254"/>
                  </a:cubicBezTo>
                  <a:cubicBezTo>
                    <a:pt x="16591" y="1253"/>
                    <a:pt x="16617" y="1253"/>
                    <a:pt x="16642" y="1253"/>
                  </a:cubicBezTo>
                  <a:cubicBezTo>
                    <a:pt x="16952" y="1253"/>
                    <a:pt x="17027" y="1266"/>
                    <a:pt x="17265" y="1279"/>
                  </a:cubicBezTo>
                  <a:cubicBezTo>
                    <a:pt x="17207" y="1270"/>
                    <a:pt x="17323" y="1258"/>
                    <a:pt x="17383" y="1256"/>
                  </a:cubicBezTo>
                  <a:lnTo>
                    <a:pt x="17383" y="1256"/>
                  </a:lnTo>
                  <a:cubicBezTo>
                    <a:pt x="17631" y="1263"/>
                    <a:pt x="17381" y="1286"/>
                    <a:pt x="17534" y="1307"/>
                  </a:cubicBezTo>
                  <a:cubicBezTo>
                    <a:pt x="17619" y="1291"/>
                    <a:pt x="17786" y="1291"/>
                    <a:pt x="17728" y="1281"/>
                  </a:cubicBezTo>
                  <a:cubicBezTo>
                    <a:pt x="17742" y="1281"/>
                    <a:pt x="17752" y="1281"/>
                    <a:pt x="17761" y="1281"/>
                  </a:cubicBezTo>
                  <a:cubicBezTo>
                    <a:pt x="17814" y="1281"/>
                    <a:pt x="17786" y="1286"/>
                    <a:pt x="17844" y="1288"/>
                  </a:cubicBezTo>
                  <a:cubicBezTo>
                    <a:pt x="17934" y="1270"/>
                    <a:pt x="18025" y="1263"/>
                    <a:pt x="18115" y="1263"/>
                  </a:cubicBezTo>
                  <a:cubicBezTo>
                    <a:pt x="18103" y="1270"/>
                    <a:pt x="18085" y="1279"/>
                    <a:pt x="17955" y="1279"/>
                  </a:cubicBezTo>
                  <a:cubicBezTo>
                    <a:pt x="18101" y="1281"/>
                    <a:pt x="18154" y="1302"/>
                    <a:pt x="18092" y="1316"/>
                  </a:cubicBezTo>
                  <a:lnTo>
                    <a:pt x="17856" y="1314"/>
                  </a:lnTo>
                  <a:lnTo>
                    <a:pt x="17856" y="1314"/>
                  </a:lnTo>
                  <a:cubicBezTo>
                    <a:pt x="17747" y="1330"/>
                    <a:pt x="18076" y="1316"/>
                    <a:pt x="18066" y="1330"/>
                  </a:cubicBezTo>
                  <a:cubicBezTo>
                    <a:pt x="18034" y="1332"/>
                    <a:pt x="18004" y="1333"/>
                    <a:pt x="17976" y="1333"/>
                  </a:cubicBezTo>
                  <a:cubicBezTo>
                    <a:pt x="17942" y="1333"/>
                    <a:pt x="17912" y="1332"/>
                    <a:pt x="17883" y="1332"/>
                  </a:cubicBezTo>
                  <a:cubicBezTo>
                    <a:pt x="17860" y="1332"/>
                    <a:pt x="17839" y="1332"/>
                    <a:pt x="17818" y="1335"/>
                  </a:cubicBezTo>
                  <a:cubicBezTo>
                    <a:pt x="17834" y="1338"/>
                    <a:pt x="17858" y="1339"/>
                    <a:pt x="17888" y="1339"/>
                  </a:cubicBezTo>
                  <a:cubicBezTo>
                    <a:pt x="17979" y="1339"/>
                    <a:pt x="18119" y="1327"/>
                    <a:pt x="18210" y="1323"/>
                  </a:cubicBezTo>
                  <a:cubicBezTo>
                    <a:pt x="18400" y="1323"/>
                    <a:pt x="18330" y="1339"/>
                    <a:pt x="18333" y="1348"/>
                  </a:cubicBezTo>
                  <a:cubicBezTo>
                    <a:pt x="18655" y="1316"/>
                    <a:pt x="17960" y="1328"/>
                    <a:pt x="18259" y="1298"/>
                  </a:cubicBezTo>
                  <a:cubicBezTo>
                    <a:pt x="18372" y="1277"/>
                    <a:pt x="18659" y="1272"/>
                    <a:pt x="18863" y="1263"/>
                  </a:cubicBezTo>
                  <a:cubicBezTo>
                    <a:pt x="18689" y="1247"/>
                    <a:pt x="18882" y="1235"/>
                    <a:pt x="19090" y="1221"/>
                  </a:cubicBezTo>
                  <a:lnTo>
                    <a:pt x="19090" y="1221"/>
                  </a:lnTo>
                  <a:cubicBezTo>
                    <a:pt x="19061" y="1222"/>
                    <a:pt x="19037" y="1222"/>
                    <a:pt x="19017" y="1222"/>
                  </a:cubicBezTo>
                  <a:cubicBezTo>
                    <a:pt x="18907" y="1222"/>
                    <a:pt x="18931" y="1212"/>
                    <a:pt x="18870" y="1212"/>
                  </a:cubicBezTo>
                  <a:cubicBezTo>
                    <a:pt x="18841" y="1212"/>
                    <a:pt x="18792" y="1214"/>
                    <a:pt x="18701" y="1221"/>
                  </a:cubicBezTo>
                  <a:lnTo>
                    <a:pt x="18694" y="1205"/>
                  </a:lnTo>
                  <a:cubicBezTo>
                    <a:pt x="18761" y="1204"/>
                    <a:pt x="18835" y="1204"/>
                    <a:pt x="18910" y="1204"/>
                  </a:cubicBezTo>
                  <a:cubicBezTo>
                    <a:pt x="18984" y="1204"/>
                    <a:pt x="19059" y="1204"/>
                    <a:pt x="19127" y="1203"/>
                  </a:cubicBezTo>
                  <a:lnTo>
                    <a:pt x="19127" y="1203"/>
                  </a:lnTo>
                  <a:cubicBezTo>
                    <a:pt x="19099" y="1207"/>
                    <a:pt x="19132" y="1210"/>
                    <a:pt x="19088" y="1214"/>
                  </a:cubicBezTo>
                  <a:lnTo>
                    <a:pt x="19493" y="1196"/>
                  </a:lnTo>
                  <a:lnTo>
                    <a:pt x="19452" y="1207"/>
                  </a:lnTo>
                  <a:cubicBezTo>
                    <a:pt x="19702" y="1205"/>
                    <a:pt x="20008" y="1207"/>
                    <a:pt x="20156" y="1198"/>
                  </a:cubicBezTo>
                  <a:lnTo>
                    <a:pt x="20156" y="1198"/>
                  </a:lnTo>
                  <a:cubicBezTo>
                    <a:pt x="20139" y="1199"/>
                    <a:pt x="20123" y="1199"/>
                    <a:pt x="20108" y="1199"/>
                  </a:cubicBezTo>
                  <a:cubicBezTo>
                    <a:pt x="20011" y="1199"/>
                    <a:pt x="19948" y="1187"/>
                    <a:pt x="20058" y="1179"/>
                  </a:cubicBezTo>
                  <a:cubicBezTo>
                    <a:pt x="20163" y="1168"/>
                    <a:pt x="20269" y="1159"/>
                    <a:pt x="20376" y="1159"/>
                  </a:cubicBezTo>
                  <a:cubicBezTo>
                    <a:pt x="20436" y="1175"/>
                    <a:pt x="20867" y="1161"/>
                    <a:pt x="20596" y="1189"/>
                  </a:cubicBezTo>
                  <a:cubicBezTo>
                    <a:pt x="20946" y="1168"/>
                    <a:pt x="20816" y="1168"/>
                    <a:pt x="21150" y="1145"/>
                  </a:cubicBezTo>
                  <a:lnTo>
                    <a:pt x="21150" y="1145"/>
                  </a:lnTo>
                  <a:lnTo>
                    <a:pt x="20927" y="1159"/>
                  </a:lnTo>
                  <a:cubicBezTo>
                    <a:pt x="20897" y="1145"/>
                    <a:pt x="21082" y="1112"/>
                    <a:pt x="20869" y="1110"/>
                  </a:cubicBezTo>
                  <a:cubicBezTo>
                    <a:pt x="21119" y="1091"/>
                    <a:pt x="20960" y="1071"/>
                    <a:pt x="21295" y="1054"/>
                  </a:cubicBezTo>
                  <a:lnTo>
                    <a:pt x="21295" y="1054"/>
                  </a:lnTo>
                  <a:cubicBezTo>
                    <a:pt x="21434" y="1059"/>
                    <a:pt x="21256" y="1087"/>
                    <a:pt x="21066" y="1098"/>
                  </a:cubicBezTo>
                  <a:cubicBezTo>
                    <a:pt x="21082" y="1099"/>
                    <a:pt x="21099" y="1099"/>
                    <a:pt x="21115" y="1099"/>
                  </a:cubicBezTo>
                  <a:cubicBezTo>
                    <a:pt x="21193" y="1099"/>
                    <a:pt x="21270" y="1094"/>
                    <a:pt x="21349" y="1087"/>
                  </a:cubicBezTo>
                  <a:lnTo>
                    <a:pt x="21349" y="1087"/>
                  </a:lnTo>
                  <a:cubicBezTo>
                    <a:pt x="21421" y="1096"/>
                    <a:pt x="21168" y="1117"/>
                    <a:pt x="21180" y="1119"/>
                  </a:cubicBezTo>
                  <a:cubicBezTo>
                    <a:pt x="21353" y="1115"/>
                    <a:pt x="21175" y="1112"/>
                    <a:pt x="21339" y="1103"/>
                  </a:cubicBezTo>
                  <a:cubicBezTo>
                    <a:pt x="21409" y="1096"/>
                    <a:pt x="21456" y="1094"/>
                    <a:pt x="21490" y="1094"/>
                  </a:cubicBezTo>
                  <a:cubicBezTo>
                    <a:pt x="21573" y="1094"/>
                    <a:pt x="21587" y="1107"/>
                    <a:pt x="21684" y="1107"/>
                  </a:cubicBezTo>
                  <a:cubicBezTo>
                    <a:pt x="21713" y="1107"/>
                    <a:pt x="21750" y="1106"/>
                    <a:pt x="21798" y="1103"/>
                  </a:cubicBezTo>
                  <a:lnTo>
                    <a:pt x="21798" y="1103"/>
                  </a:lnTo>
                  <a:cubicBezTo>
                    <a:pt x="21784" y="1103"/>
                    <a:pt x="21767" y="1104"/>
                    <a:pt x="21751" y="1104"/>
                  </a:cubicBezTo>
                  <a:cubicBezTo>
                    <a:pt x="21698" y="1104"/>
                    <a:pt x="21648" y="1101"/>
                    <a:pt x="21703" y="1094"/>
                  </a:cubicBezTo>
                  <a:cubicBezTo>
                    <a:pt x="22071" y="1080"/>
                    <a:pt x="21907" y="1071"/>
                    <a:pt x="22176" y="1052"/>
                  </a:cubicBezTo>
                  <a:cubicBezTo>
                    <a:pt x="22317" y="1067"/>
                    <a:pt x="22270" y="1092"/>
                    <a:pt x="22455" y="1092"/>
                  </a:cubicBezTo>
                  <a:cubicBezTo>
                    <a:pt x="22470" y="1092"/>
                    <a:pt x="22486" y="1092"/>
                    <a:pt x="22505" y="1091"/>
                  </a:cubicBezTo>
                  <a:lnTo>
                    <a:pt x="22505" y="1091"/>
                  </a:lnTo>
                  <a:lnTo>
                    <a:pt x="22370" y="1096"/>
                  </a:lnTo>
                  <a:cubicBezTo>
                    <a:pt x="22433" y="1100"/>
                    <a:pt x="22497" y="1102"/>
                    <a:pt x="22560" y="1102"/>
                  </a:cubicBezTo>
                  <a:cubicBezTo>
                    <a:pt x="22597" y="1102"/>
                    <a:pt x="22634" y="1101"/>
                    <a:pt x="22671" y="1101"/>
                  </a:cubicBezTo>
                  <a:cubicBezTo>
                    <a:pt x="22922" y="1080"/>
                    <a:pt x="23153" y="1054"/>
                    <a:pt x="23385" y="1031"/>
                  </a:cubicBezTo>
                  <a:lnTo>
                    <a:pt x="23737" y="996"/>
                  </a:lnTo>
                  <a:cubicBezTo>
                    <a:pt x="23855" y="982"/>
                    <a:pt x="23980" y="971"/>
                    <a:pt x="24110" y="959"/>
                  </a:cubicBezTo>
                  <a:lnTo>
                    <a:pt x="24110" y="959"/>
                  </a:lnTo>
                  <a:lnTo>
                    <a:pt x="23925" y="976"/>
                  </a:lnTo>
                  <a:cubicBezTo>
                    <a:pt x="23860" y="971"/>
                    <a:pt x="24078" y="957"/>
                    <a:pt x="24075" y="950"/>
                  </a:cubicBezTo>
                  <a:lnTo>
                    <a:pt x="24075" y="950"/>
                  </a:lnTo>
                  <a:lnTo>
                    <a:pt x="24191" y="952"/>
                  </a:lnTo>
                  <a:cubicBezTo>
                    <a:pt x="24221" y="936"/>
                    <a:pt x="23929" y="952"/>
                    <a:pt x="23996" y="932"/>
                  </a:cubicBezTo>
                  <a:lnTo>
                    <a:pt x="23996" y="932"/>
                  </a:lnTo>
                  <a:cubicBezTo>
                    <a:pt x="24004" y="932"/>
                    <a:pt x="24011" y="932"/>
                    <a:pt x="24019" y="932"/>
                  </a:cubicBezTo>
                  <a:cubicBezTo>
                    <a:pt x="24037" y="932"/>
                    <a:pt x="24055" y="931"/>
                    <a:pt x="24073" y="929"/>
                  </a:cubicBezTo>
                  <a:lnTo>
                    <a:pt x="23964" y="929"/>
                  </a:lnTo>
                  <a:cubicBezTo>
                    <a:pt x="24166" y="923"/>
                    <a:pt x="24333" y="895"/>
                    <a:pt x="24489" y="895"/>
                  </a:cubicBezTo>
                  <a:cubicBezTo>
                    <a:pt x="24521" y="895"/>
                    <a:pt x="24552" y="896"/>
                    <a:pt x="24582" y="899"/>
                  </a:cubicBezTo>
                  <a:cubicBezTo>
                    <a:pt x="24119" y="926"/>
                    <a:pt x="24497" y="949"/>
                    <a:pt x="24076" y="981"/>
                  </a:cubicBezTo>
                  <a:lnTo>
                    <a:pt x="24076" y="981"/>
                  </a:lnTo>
                  <a:cubicBezTo>
                    <a:pt x="24112" y="978"/>
                    <a:pt x="24136" y="977"/>
                    <a:pt x="24151" y="977"/>
                  </a:cubicBezTo>
                  <a:cubicBezTo>
                    <a:pt x="24221" y="977"/>
                    <a:pt x="24099" y="1000"/>
                    <a:pt x="24122" y="1003"/>
                  </a:cubicBezTo>
                  <a:cubicBezTo>
                    <a:pt x="24251" y="999"/>
                    <a:pt x="24184" y="987"/>
                    <a:pt x="24328" y="985"/>
                  </a:cubicBezTo>
                  <a:lnTo>
                    <a:pt x="24328" y="985"/>
                  </a:lnTo>
                  <a:cubicBezTo>
                    <a:pt x="24325" y="996"/>
                    <a:pt x="24015" y="1024"/>
                    <a:pt x="24154" y="1024"/>
                  </a:cubicBezTo>
                  <a:cubicBezTo>
                    <a:pt x="24168" y="1006"/>
                    <a:pt x="24298" y="1003"/>
                    <a:pt x="24360" y="987"/>
                  </a:cubicBezTo>
                  <a:cubicBezTo>
                    <a:pt x="24467" y="987"/>
                    <a:pt x="24358" y="999"/>
                    <a:pt x="24406" y="1001"/>
                  </a:cubicBezTo>
                  <a:cubicBezTo>
                    <a:pt x="24464" y="999"/>
                    <a:pt x="24499" y="987"/>
                    <a:pt x="24552" y="987"/>
                  </a:cubicBezTo>
                  <a:lnTo>
                    <a:pt x="24513" y="1001"/>
                  </a:lnTo>
                  <a:cubicBezTo>
                    <a:pt x="24814" y="1001"/>
                    <a:pt x="24603" y="980"/>
                    <a:pt x="24944" y="964"/>
                  </a:cubicBezTo>
                  <a:cubicBezTo>
                    <a:pt x="24947" y="958"/>
                    <a:pt x="24936" y="956"/>
                    <a:pt x="24914" y="956"/>
                  </a:cubicBezTo>
                  <a:cubicBezTo>
                    <a:pt x="24875" y="956"/>
                    <a:pt x="24799" y="963"/>
                    <a:pt x="24708" y="971"/>
                  </a:cubicBezTo>
                  <a:cubicBezTo>
                    <a:pt x="24633" y="943"/>
                    <a:pt x="25143" y="908"/>
                    <a:pt x="25113" y="874"/>
                  </a:cubicBezTo>
                  <a:cubicBezTo>
                    <a:pt x="25184" y="868"/>
                    <a:pt x="25220" y="866"/>
                    <a:pt x="25235" y="866"/>
                  </a:cubicBezTo>
                  <a:cubicBezTo>
                    <a:pt x="25283" y="866"/>
                    <a:pt x="25134" y="886"/>
                    <a:pt x="25243" y="886"/>
                  </a:cubicBezTo>
                  <a:cubicBezTo>
                    <a:pt x="25258" y="886"/>
                    <a:pt x="25277" y="886"/>
                    <a:pt x="25303" y="885"/>
                  </a:cubicBezTo>
                  <a:lnTo>
                    <a:pt x="25303" y="885"/>
                  </a:lnTo>
                  <a:cubicBezTo>
                    <a:pt x="25456" y="897"/>
                    <a:pt x="25104" y="922"/>
                    <a:pt x="25034" y="941"/>
                  </a:cubicBezTo>
                  <a:lnTo>
                    <a:pt x="25319" y="938"/>
                  </a:lnTo>
                  <a:lnTo>
                    <a:pt x="25319" y="938"/>
                  </a:lnTo>
                  <a:cubicBezTo>
                    <a:pt x="25226" y="971"/>
                    <a:pt x="25048" y="973"/>
                    <a:pt x="25002" y="1003"/>
                  </a:cubicBezTo>
                  <a:cubicBezTo>
                    <a:pt x="25213" y="992"/>
                    <a:pt x="25187" y="985"/>
                    <a:pt x="25400" y="962"/>
                  </a:cubicBezTo>
                  <a:cubicBezTo>
                    <a:pt x="25053" y="962"/>
                    <a:pt x="25551" y="934"/>
                    <a:pt x="25352" y="920"/>
                  </a:cubicBezTo>
                  <a:cubicBezTo>
                    <a:pt x="25392" y="919"/>
                    <a:pt x="25418" y="918"/>
                    <a:pt x="25440" y="918"/>
                  </a:cubicBezTo>
                  <a:cubicBezTo>
                    <a:pt x="25462" y="918"/>
                    <a:pt x="25478" y="919"/>
                    <a:pt x="25496" y="919"/>
                  </a:cubicBezTo>
                  <a:cubicBezTo>
                    <a:pt x="25533" y="919"/>
                    <a:pt x="25579" y="918"/>
                    <a:pt x="25694" y="911"/>
                  </a:cubicBezTo>
                  <a:lnTo>
                    <a:pt x="25694" y="911"/>
                  </a:lnTo>
                  <a:cubicBezTo>
                    <a:pt x="25552" y="926"/>
                    <a:pt x="25682" y="933"/>
                    <a:pt x="25510" y="947"/>
                  </a:cubicBezTo>
                  <a:lnTo>
                    <a:pt x="25510" y="947"/>
                  </a:lnTo>
                  <a:cubicBezTo>
                    <a:pt x="25808" y="925"/>
                    <a:pt x="25730" y="924"/>
                    <a:pt x="26040" y="899"/>
                  </a:cubicBezTo>
                  <a:cubicBezTo>
                    <a:pt x="26137" y="874"/>
                    <a:pt x="25720" y="897"/>
                    <a:pt x="26097" y="855"/>
                  </a:cubicBezTo>
                  <a:cubicBezTo>
                    <a:pt x="26118" y="853"/>
                    <a:pt x="26133" y="853"/>
                    <a:pt x="26142" y="853"/>
                  </a:cubicBezTo>
                  <a:cubicBezTo>
                    <a:pt x="26169" y="853"/>
                    <a:pt x="26152" y="859"/>
                    <a:pt x="26116" y="862"/>
                  </a:cubicBezTo>
                  <a:cubicBezTo>
                    <a:pt x="26387" y="850"/>
                    <a:pt x="26058" y="841"/>
                    <a:pt x="26227" y="818"/>
                  </a:cubicBezTo>
                  <a:cubicBezTo>
                    <a:pt x="26277" y="813"/>
                    <a:pt x="26313" y="811"/>
                    <a:pt x="26335" y="811"/>
                  </a:cubicBezTo>
                  <a:cubicBezTo>
                    <a:pt x="26366" y="811"/>
                    <a:pt x="26369" y="815"/>
                    <a:pt x="26341" y="820"/>
                  </a:cubicBezTo>
                  <a:cubicBezTo>
                    <a:pt x="26517" y="795"/>
                    <a:pt x="26417" y="790"/>
                    <a:pt x="26535" y="776"/>
                  </a:cubicBezTo>
                  <a:lnTo>
                    <a:pt x="26535" y="776"/>
                  </a:lnTo>
                  <a:lnTo>
                    <a:pt x="26482" y="779"/>
                  </a:lnTo>
                  <a:cubicBezTo>
                    <a:pt x="26531" y="769"/>
                    <a:pt x="26392" y="749"/>
                    <a:pt x="26646" y="730"/>
                  </a:cubicBezTo>
                  <a:cubicBezTo>
                    <a:pt x="26699" y="726"/>
                    <a:pt x="26732" y="725"/>
                    <a:pt x="26752" y="725"/>
                  </a:cubicBezTo>
                  <a:cubicBezTo>
                    <a:pt x="26804" y="725"/>
                    <a:pt x="26775" y="734"/>
                    <a:pt x="26778" y="739"/>
                  </a:cubicBezTo>
                  <a:cubicBezTo>
                    <a:pt x="26897" y="723"/>
                    <a:pt x="27015" y="716"/>
                    <a:pt x="27135" y="716"/>
                  </a:cubicBezTo>
                  <a:cubicBezTo>
                    <a:pt x="27124" y="711"/>
                    <a:pt x="27135" y="707"/>
                    <a:pt x="27179" y="705"/>
                  </a:cubicBezTo>
                  <a:cubicBezTo>
                    <a:pt x="27255" y="696"/>
                    <a:pt x="27297" y="693"/>
                    <a:pt x="27322" y="693"/>
                  </a:cubicBezTo>
                  <a:cubicBezTo>
                    <a:pt x="27374" y="693"/>
                    <a:pt x="27354" y="705"/>
                    <a:pt x="27397" y="705"/>
                  </a:cubicBezTo>
                  <a:cubicBezTo>
                    <a:pt x="27401" y="705"/>
                    <a:pt x="27407" y="705"/>
                    <a:pt x="27413" y="705"/>
                  </a:cubicBezTo>
                  <a:cubicBezTo>
                    <a:pt x="27763" y="684"/>
                    <a:pt x="27367" y="670"/>
                    <a:pt x="27756" y="637"/>
                  </a:cubicBezTo>
                  <a:lnTo>
                    <a:pt x="27756" y="637"/>
                  </a:lnTo>
                  <a:lnTo>
                    <a:pt x="27302" y="667"/>
                  </a:lnTo>
                  <a:cubicBezTo>
                    <a:pt x="27317" y="658"/>
                    <a:pt x="27326" y="647"/>
                    <a:pt x="27276" y="647"/>
                  </a:cubicBezTo>
                  <a:cubicBezTo>
                    <a:pt x="27265" y="647"/>
                    <a:pt x="27251" y="648"/>
                    <a:pt x="27233" y="649"/>
                  </a:cubicBezTo>
                  <a:cubicBezTo>
                    <a:pt x="27223" y="665"/>
                    <a:pt x="27063" y="691"/>
                    <a:pt x="26913" y="702"/>
                  </a:cubicBezTo>
                  <a:cubicBezTo>
                    <a:pt x="26870" y="689"/>
                    <a:pt x="27293" y="651"/>
                    <a:pt x="27081" y="651"/>
                  </a:cubicBezTo>
                  <a:cubicBezTo>
                    <a:pt x="27075" y="651"/>
                    <a:pt x="27068" y="651"/>
                    <a:pt x="27061" y="651"/>
                  </a:cubicBezTo>
                  <a:cubicBezTo>
                    <a:pt x="27154" y="647"/>
                    <a:pt x="27279" y="630"/>
                    <a:pt x="27392" y="621"/>
                  </a:cubicBezTo>
                  <a:lnTo>
                    <a:pt x="27392" y="621"/>
                  </a:lnTo>
                  <a:cubicBezTo>
                    <a:pt x="27366" y="628"/>
                    <a:pt x="27371" y="630"/>
                    <a:pt x="27392" y="630"/>
                  </a:cubicBezTo>
                  <a:cubicBezTo>
                    <a:pt x="27438" y="630"/>
                    <a:pt x="27557" y="619"/>
                    <a:pt x="27595" y="619"/>
                  </a:cubicBezTo>
                  <a:cubicBezTo>
                    <a:pt x="27615" y="619"/>
                    <a:pt x="27612" y="623"/>
                    <a:pt x="27559" y="633"/>
                  </a:cubicBezTo>
                  <a:lnTo>
                    <a:pt x="28085" y="586"/>
                  </a:lnTo>
                  <a:cubicBezTo>
                    <a:pt x="28222" y="575"/>
                    <a:pt x="28351" y="561"/>
                    <a:pt x="28576" y="533"/>
                  </a:cubicBezTo>
                  <a:lnTo>
                    <a:pt x="28576" y="533"/>
                  </a:lnTo>
                  <a:cubicBezTo>
                    <a:pt x="28393" y="577"/>
                    <a:pt x="28203" y="607"/>
                    <a:pt x="28015" y="619"/>
                  </a:cubicBezTo>
                  <a:lnTo>
                    <a:pt x="27995" y="610"/>
                  </a:lnTo>
                  <a:cubicBezTo>
                    <a:pt x="27902" y="623"/>
                    <a:pt x="27891" y="627"/>
                    <a:pt x="27917" y="627"/>
                  </a:cubicBezTo>
                  <a:cubicBezTo>
                    <a:pt x="27956" y="627"/>
                    <a:pt x="28086" y="617"/>
                    <a:pt x="28146" y="617"/>
                  </a:cubicBezTo>
                  <a:cubicBezTo>
                    <a:pt x="28171" y="617"/>
                    <a:pt x="28184" y="619"/>
                    <a:pt x="28173" y="623"/>
                  </a:cubicBezTo>
                  <a:cubicBezTo>
                    <a:pt x="28354" y="591"/>
                    <a:pt x="28555" y="575"/>
                    <a:pt x="28768" y="561"/>
                  </a:cubicBezTo>
                  <a:cubicBezTo>
                    <a:pt x="28981" y="547"/>
                    <a:pt x="29204" y="528"/>
                    <a:pt x="29426" y="498"/>
                  </a:cubicBezTo>
                  <a:cubicBezTo>
                    <a:pt x="29347" y="498"/>
                    <a:pt x="29435" y="484"/>
                    <a:pt x="29452" y="473"/>
                  </a:cubicBezTo>
                  <a:lnTo>
                    <a:pt x="29452" y="473"/>
                  </a:lnTo>
                  <a:cubicBezTo>
                    <a:pt x="29273" y="494"/>
                    <a:pt x="29306" y="494"/>
                    <a:pt x="29174" y="496"/>
                  </a:cubicBezTo>
                  <a:cubicBezTo>
                    <a:pt x="29197" y="480"/>
                    <a:pt x="29303" y="475"/>
                    <a:pt x="29359" y="459"/>
                  </a:cubicBezTo>
                  <a:cubicBezTo>
                    <a:pt x="29369" y="455"/>
                    <a:pt x="29368" y="453"/>
                    <a:pt x="29360" y="453"/>
                  </a:cubicBezTo>
                  <a:cubicBezTo>
                    <a:pt x="29331" y="453"/>
                    <a:pt x="29210" y="473"/>
                    <a:pt x="29160" y="473"/>
                  </a:cubicBezTo>
                  <a:cubicBezTo>
                    <a:pt x="29245" y="461"/>
                    <a:pt x="29329" y="445"/>
                    <a:pt x="29412" y="424"/>
                  </a:cubicBezTo>
                  <a:cubicBezTo>
                    <a:pt x="29466" y="427"/>
                    <a:pt x="29517" y="431"/>
                    <a:pt x="29570" y="438"/>
                  </a:cubicBezTo>
                  <a:cubicBezTo>
                    <a:pt x="29971" y="398"/>
                    <a:pt x="29944" y="376"/>
                    <a:pt x="30233" y="343"/>
                  </a:cubicBezTo>
                  <a:lnTo>
                    <a:pt x="30233" y="343"/>
                  </a:lnTo>
                  <a:cubicBezTo>
                    <a:pt x="30147" y="354"/>
                    <a:pt x="30340" y="343"/>
                    <a:pt x="30172" y="361"/>
                  </a:cubicBezTo>
                  <a:lnTo>
                    <a:pt x="30172" y="361"/>
                  </a:lnTo>
                  <a:lnTo>
                    <a:pt x="30276" y="350"/>
                  </a:lnTo>
                  <a:lnTo>
                    <a:pt x="30276" y="350"/>
                  </a:lnTo>
                  <a:cubicBezTo>
                    <a:pt x="30133" y="378"/>
                    <a:pt x="29933" y="408"/>
                    <a:pt x="29781" y="431"/>
                  </a:cubicBezTo>
                  <a:cubicBezTo>
                    <a:pt x="29625" y="454"/>
                    <a:pt x="29512" y="475"/>
                    <a:pt x="29540" y="489"/>
                  </a:cubicBezTo>
                  <a:cubicBezTo>
                    <a:pt x="29658" y="475"/>
                    <a:pt x="29760" y="457"/>
                    <a:pt x="29869" y="440"/>
                  </a:cubicBezTo>
                  <a:cubicBezTo>
                    <a:pt x="29977" y="424"/>
                    <a:pt x="30093" y="403"/>
                    <a:pt x="30239" y="385"/>
                  </a:cubicBezTo>
                  <a:lnTo>
                    <a:pt x="30239" y="385"/>
                  </a:lnTo>
                  <a:lnTo>
                    <a:pt x="30228" y="392"/>
                  </a:lnTo>
                  <a:cubicBezTo>
                    <a:pt x="30438" y="369"/>
                    <a:pt x="30223" y="385"/>
                    <a:pt x="30272" y="373"/>
                  </a:cubicBezTo>
                  <a:cubicBezTo>
                    <a:pt x="30506" y="334"/>
                    <a:pt x="30580" y="369"/>
                    <a:pt x="30740" y="325"/>
                  </a:cubicBezTo>
                  <a:lnTo>
                    <a:pt x="30740" y="325"/>
                  </a:lnTo>
                  <a:lnTo>
                    <a:pt x="30499" y="348"/>
                  </a:lnTo>
                  <a:cubicBezTo>
                    <a:pt x="30563" y="336"/>
                    <a:pt x="30575" y="332"/>
                    <a:pt x="30565" y="332"/>
                  </a:cubicBezTo>
                  <a:cubicBezTo>
                    <a:pt x="30556" y="332"/>
                    <a:pt x="30527" y="335"/>
                    <a:pt x="30506" y="335"/>
                  </a:cubicBezTo>
                  <a:cubicBezTo>
                    <a:pt x="30487" y="335"/>
                    <a:pt x="30474" y="333"/>
                    <a:pt x="30487" y="325"/>
                  </a:cubicBezTo>
                  <a:cubicBezTo>
                    <a:pt x="30807" y="271"/>
                    <a:pt x="31365" y="206"/>
                    <a:pt x="31819" y="128"/>
                  </a:cubicBezTo>
                  <a:lnTo>
                    <a:pt x="31819" y="128"/>
                  </a:lnTo>
                  <a:cubicBezTo>
                    <a:pt x="31703" y="132"/>
                    <a:pt x="31590" y="144"/>
                    <a:pt x="31476" y="160"/>
                  </a:cubicBezTo>
                  <a:cubicBezTo>
                    <a:pt x="31550" y="121"/>
                    <a:pt x="31620" y="114"/>
                    <a:pt x="31532" y="100"/>
                  </a:cubicBezTo>
                  <a:lnTo>
                    <a:pt x="31532" y="100"/>
                  </a:lnTo>
                  <a:lnTo>
                    <a:pt x="31321" y="128"/>
                  </a:lnTo>
                  <a:lnTo>
                    <a:pt x="31314" y="100"/>
                  </a:lnTo>
                  <a:cubicBezTo>
                    <a:pt x="31372" y="91"/>
                    <a:pt x="31430" y="86"/>
                    <a:pt x="31481" y="81"/>
                  </a:cubicBezTo>
                  <a:cubicBezTo>
                    <a:pt x="31506" y="61"/>
                    <a:pt x="31798" y="44"/>
                    <a:pt x="31810" y="23"/>
                  </a:cubicBezTo>
                  <a:lnTo>
                    <a:pt x="31810" y="23"/>
                  </a:lnTo>
                  <a:lnTo>
                    <a:pt x="31631" y="51"/>
                  </a:lnTo>
                  <a:cubicBezTo>
                    <a:pt x="31543" y="49"/>
                    <a:pt x="31752" y="21"/>
                    <a:pt x="31877" y="0"/>
                  </a:cubicBezTo>
                  <a:cubicBezTo>
                    <a:pt x="31875" y="0"/>
                    <a:pt x="31872" y="0"/>
                    <a:pt x="31869"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6" name="Google Shape;196;p11"/>
            <p:cNvSpPr/>
            <p:nvPr/>
          </p:nvSpPr>
          <p:spPr>
            <a:xfrm>
              <a:off x="-592500" y="402083"/>
              <a:ext cx="4399717" cy="225314"/>
            </a:xfrm>
            <a:custGeom>
              <a:avLst/>
              <a:gdLst/>
              <a:ahLst/>
              <a:cxnLst/>
              <a:rect l="l" t="t" r="r" b="b"/>
              <a:pathLst>
                <a:path w="36047" h="1846" extrusionOk="0">
                  <a:moveTo>
                    <a:pt x="35104" y="92"/>
                  </a:moveTo>
                  <a:lnTo>
                    <a:pt x="35104" y="92"/>
                  </a:lnTo>
                  <a:cubicBezTo>
                    <a:pt x="35071" y="96"/>
                    <a:pt x="35047" y="99"/>
                    <a:pt x="35030" y="102"/>
                  </a:cubicBezTo>
                  <a:lnTo>
                    <a:pt x="35030" y="102"/>
                  </a:lnTo>
                  <a:cubicBezTo>
                    <a:pt x="35050" y="100"/>
                    <a:pt x="35074" y="96"/>
                    <a:pt x="35104" y="92"/>
                  </a:cubicBezTo>
                  <a:close/>
                  <a:moveTo>
                    <a:pt x="34181" y="293"/>
                  </a:moveTo>
                  <a:lnTo>
                    <a:pt x="34105" y="298"/>
                  </a:lnTo>
                  <a:cubicBezTo>
                    <a:pt x="34144" y="296"/>
                    <a:pt x="34168" y="294"/>
                    <a:pt x="34181" y="293"/>
                  </a:cubicBezTo>
                  <a:close/>
                  <a:moveTo>
                    <a:pt x="27322" y="885"/>
                  </a:moveTo>
                  <a:cubicBezTo>
                    <a:pt x="27304" y="887"/>
                    <a:pt x="27282" y="889"/>
                    <a:pt x="27256" y="891"/>
                  </a:cubicBezTo>
                  <a:cubicBezTo>
                    <a:pt x="27280" y="889"/>
                    <a:pt x="27302" y="887"/>
                    <a:pt x="27322" y="885"/>
                  </a:cubicBezTo>
                  <a:close/>
                  <a:moveTo>
                    <a:pt x="17476" y="1185"/>
                  </a:moveTo>
                  <a:cubicBezTo>
                    <a:pt x="17463" y="1185"/>
                    <a:pt x="17450" y="1186"/>
                    <a:pt x="17438" y="1187"/>
                  </a:cubicBezTo>
                  <a:lnTo>
                    <a:pt x="17438" y="1187"/>
                  </a:lnTo>
                  <a:cubicBezTo>
                    <a:pt x="17450" y="1186"/>
                    <a:pt x="17463" y="1186"/>
                    <a:pt x="17476" y="1185"/>
                  </a:cubicBezTo>
                  <a:close/>
                  <a:moveTo>
                    <a:pt x="17540" y="1484"/>
                  </a:moveTo>
                  <a:lnTo>
                    <a:pt x="17540" y="1484"/>
                  </a:lnTo>
                  <a:cubicBezTo>
                    <a:pt x="17541" y="1484"/>
                    <a:pt x="17542" y="1484"/>
                    <a:pt x="17543" y="1484"/>
                  </a:cubicBezTo>
                  <a:cubicBezTo>
                    <a:pt x="17542" y="1484"/>
                    <a:pt x="17541" y="1484"/>
                    <a:pt x="17540" y="1484"/>
                  </a:cubicBezTo>
                  <a:close/>
                  <a:moveTo>
                    <a:pt x="14" y="1468"/>
                  </a:moveTo>
                  <a:cubicBezTo>
                    <a:pt x="67" y="1482"/>
                    <a:pt x="139" y="1496"/>
                    <a:pt x="13" y="1505"/>
                  </a:cubicBezTo>
                  <a:lnTo>
                    <a:pt x="13" y="1505"/>
                  </a:lnTo>
                  <a:lnTo>
                    <a:pt x="14" y="1468"/>
                  </a:lnTo>
                  <a:close/>
                  <a:moveTo>
                    <a:pt x="13850" y="1571"/>
                  </a:moveTo>
                  <a:lnTo>
                    <a:pt x="13850" y="1571"/>
                  </a:lnTo>
                  <a:cubicBezTo>
                    <a:pt x="13843" y="1571"/>
                    <a:pt x="13837" y="1572"/>
                    <a:pt x="13834" y="1572"/>
                  </a:cubicBezTo>
                  <a:cubicBezTo>
                    <a:pt x="13840" y="1572"/>
                    <a:pt x="13845" y="1571"/>
                    <a:pt x="13850" y="1571"/>
                  </a:cubicBezTo>
                  <a:close/>
                  <a:moveTo>
                    <a:pt x="14" y="1456"/>
                  </a:moveTo>
                  <a:lnTo>
                    <a:pt x="13" y="1505"/>
                  </a:lnTo>
                  <a:lnTo>
                    <a:pt x="13" y="1505"/>
                  </a:lnTo>
                  <a:cubicBezTo>
                    <a:pt x="12" y="1505"/>
                    <a:pt x="12" y="1505"/>
                    <a:pt x="12" y="1505"/>
                  </a:cubicBezTo>
                  <a:lnTo>
                    <a:pt x="9" y="1589"/>
                  </a:lnTo>
                  <a:lnTo>
                    <a:pt x="9" y="1589"/>
                  </a:lnTo>
                  <a:cubicBezTo>
                    <a:pt x="9" y="1589"/>
                    <a:pt x="10" y="1589"/>
                    <a:pt x="10" y="1589"/>
                  </a:cubicBezTo>
                  <a:lnTo>
                    <a:pt x="10" y="1589"/>
                  </a:lnTo>
                  <a:lnTo>
                    <a:pt x="10" y="1612"/>
                  </a:lnTo>
                  <a:lnTo>
                    <a:pt x="10" y="1589"/>
                  </a:lnTo>
                  <a:lnTo>
                    <a:pt x="10" y="1589"/>
                  </a:lnTo>
                  <a:cubicBezTo>
                    <a:pt x="185" y="1564"/>
                    <a:pt x="300" y="1528"/>
                    <a:pt x="239" y="1498"/>
                  </a:cubicBezTo>
                  <a:cubicBezTo>
                    <a:pt x="144" y="1484"/>
                    <a:pt x="475" y="1486"/>
                    <a:pt x="278" y="1473"/>
                  </a:cubicBezTo>
                  <a:lnTo>
                    <a:pt x="278" y="1473"/>
                  </a:lnTo>
                  <a:lnTo>
                    <a:pt x="81" y="1482"/>
                  </a:lnTo>
                  <a:cubicBezTo>
                    <a:pt x="104" y="1477"/>
                    <a:pt x="51" y="1466"/>
                    <a:pt x="14" y="1456"/>
                  </a:cubicBezTo>
                  <a:close/>
                  <a:moveTo>
                    <a:pt x="10" y="1612"/>
                  </a:moveTo>
                  <a:lnTo>
                    <a:pt x="9" y="1619"/>
                  </a:lnTo>
                  <a:lnTo>
                    <a:pt x="9" y="1619"/>
                  </a:lnTo>
                  <a:cubicBezTo>
                    <a:pt x="9" y="1619"/>
                    <a:pt x="9" y="1619"/>
                    <a:pt x="9" y="1619"/>
                  </a:cubicBezTo>
                  <a:lnTo>
                    <a:pt x="9" y="1619"/>
                  </a:lnTo>
                  <a:lnTo>
                    <a:pt x="10" y="1612"/>
                  </a:lnTo>
                  <a:close/>
                  <a:moveTo>
                    <a:pt x="9" y="1589"/>
                  </a:moveTo>
                  <a:lnTo>
                    <a:pt x="9" y="1589"/>
                  </a:lnTo>
                  <a:cubicBezTo>
                    <a:pt x="6" y="1590"/>
                    <a:pt x="3" y="1590"/>
                    <a:pt x="0" y="1591"/>
                  </a:cubicBezTo>
                  <a:lnTo>
                    <a:pt x="0" y="1621"/>
                  </a:lnTo>
                  <a:cubicBezTo>
                    <a:pt x="3" y="1620"/>
                    <a:pt x="5" y="1620"/>
                    <a:pt x="8" y="1619"/>
                  </a:cubicBezTo>
                  <a:lnTo>
                    <a:pt x="8" y="1619"/>
                  </a:lnTo>
                  <a:lnTo>
                    <a:pt x="9" y="1589"/>
                  </a:lnTo>
                  <a:close/>
                  <a:moveTo>
                    <a:pt x="321" y="1711"/>
                  </a:moveTo>
                  <a:lnTo>
                    <a:pt x="321" y="1711"/>
                  </a:lnTo>
                  <a:cubicBezTo>
                    <a:pt x="326" y="1711"/>
                    <a:pt x="331" y="1711"/>
                    <a:pt x="336" y="1711"/>
                  </a:cubicBezTo>
                  <a:cubicBezTo>
                    <a:pt x="331" y="1711"/>
                    <a:pt x="326" y="1711"/>
                    <a:pt x="321" y="1711"/>
                  </a:cubicBezTo>
                  <a:close/>
                  <a:moveTo>
                    <a:pt x="9" y="1619"/>
                  </a:moveTo>
                  <a:lnTo>
                    <a:pt x="9" y="1619"/>
                  </a:lnTo>
                  <a:cubicBezTo>
                    <a:pt x="9" y="1619"/>
                    <a:pt x="9" y="1619"/>
                    <a:pt x="8" y="1619"/>
                  </a:cubicBezTo>
                  <a:lnTo>
                    <a:pt x="8" y="1619"/>
                  </a:lnTo>
                  <a:lnTo>
                    <a:pt x="5" y="1718"/>
                  </a:lnTo>
                  <a:cubicBezTo>
                    <a:pt x="5" y="1718"/>
                    <a:pt x="6" y="1718"/>
                    <a:pt x="6" y="1718"/>
                  </a:cubicBezTo>
                  <a:lnTo>
                    <a:pt x="6" y="1718"/>
                  </a:lnTo>
                  <a:lnTo>
                    <a:pt x="5" y="1755"/>
                  </a:lnTo>
                  <a:cubicBezTo>
                    <a:pt x="5" y="1755"/>
                    <a:pt x="5" y="1755"/>
                    <a:pt x="5" y="1755"/>
                  </a:cubicBezTo>
                  <a:lnTo>
                    <a:pt x="5" y="1755"/>
                  </a:lnTo>
                  <a:lnTo>
                    <a:pt x="6" y="1718"/>
                  </a:lnTo>
                  <a:lnTo>
                    <a:pt x="6" y="1718"/>
                  </a:lnTo>
                  <a:cubicBezTo>
                    <a:pt x="6" y="1718"/>
                    <a:pt x="6" y="1718"/>
                    <a:pt x="6" y="1718"/>
                  </a:cubicBezTo>
                  <a:lnTo>
                    <a:pt x="6" y="1718"/>
                  </a:lnTo>
                  <a:lnTo>
                    <a:pt x="9" y="1619"/>
                  </a:lnTo>
                  <a:close/>
                  <a:moveTo>
                    <a:pt x="5" y="1755"/>
                  </a:moveTo>
                  <a:lnTo>
                    <a:pt x="5" y="1767"/>
                  </a:lnTo>
                  <a:cubicBezTo>
                    <a:pt x="16" y="1769"/>
                    <a:pt x="28" y="1771"/>
                    <a:pt x="37" y="1776"/>
                  </a:cubicBezTo>
                  <a:cubicBezTo>
                    <a:pt x="67" y="1767"/>
                    <a:pt x="38" y="1762"/>
                    <a:pt x="5" y="1755"/>
                  </a:cubicBezTo>
                  <a:close/>
                  <a:moveTo>
                    <a:pt x="7415" y="1769"/>
                  </a:moveTo>
                  <a:cubicBezTo>
                    <a:pt x="7343" y="1771"/>
                    <a:pt x="7283" y="1773"/>
                    <a:pt x="7265" y="1778"/>
                  </a:cubicBezTo>
                  <a:lnTo>
                    <a:pt x="7375" y="1778"/>
                  </a:lnTo>
                  <a:cubicBezTo>
                    <a:pt x="7386" y="1775"/>
                    <a:pt x="7400" y="1772"/>
                    <a:pt x="7415" y="1769"/>
                  </a:cubicBezTo>
                  <a:close/>
                  <a:moveTo>
                    <a:pt x="2511" y="1781"/>
                  </a:moveTo>
                  <a:lnTo>
                    <a:pt x="2511" y="1785"/>
                  </a:lnTo>
                  <a:cubicBezTo>
                    <a:pt x="2513" y="1784"/>
                    <a:pt x="2513" y="1782"/>
                    <a:pt x="2511" y="1781"/>
                  </a:cubicBezTo>
                  <a:close/>
                  <a:moveTo>
                    <a:pt x="4057" y="1801"/>
                  </a:moveTo>
                  <a:cubicBezTo>
                    <a:pt x="4057" y="1801"/>
                    <a:pt x="4056" y="1801"/>
                    <a:pt x="4056" y="1801"/>
                  </a:cubicBezTo>
                  <a:cubicBezTo>
                    <a:pt x="4057" y="1801"/>
                    <a:pt x="4057" y="1801"/>
                    <a:pt x="4057" y="1801"/>
                  </a:cubicBezTo>
                  <a:close/>
                  <a:moveTo>
                    <a:pt x="7451" y="1804"/>
                  </a:moveTo>
                  <a:lnTo>
                    <a:pt x="7355" y="1815"/>
                  </a:lnTo>
                  <a:lnTo>
                    <a:pt x="7383" y="1818"/>
                  </a:lnTo>
                  <a:lnTo>
                    <a:pt x="7383" y="1818"/>
                  </a:lnTo>
                  <a:cubicBezTo>
                    <a:pt x="7404" y="1814"/>
                    <a:pt x="7434" y="1809"/>
                    <a:pt x="7451" y="1804"/>
                  </a:cubicBezTo>
                  <a:close/>
                  <a:moveTo>
                    <a:pt x="7383" y="1818"/>
                  </a:moveTo>
                  <a:cubicBezTo>
                    <a:pt x="7363" y="1821"/>
                    <a:pt x="7351" y="1823"/>
                    <a:pt x="7360" y="1823"/>
                  </a:cubicBezTo>
                  <a:cubicBezTo>
                    <a:pt x="7366" y="1823"/>
                    <a:pt x="7381" y="1822"/>
                    <a:pt x="7411" y="1820"/>
                  </a:cubicBezTo>
                  <a:lnTo>
                    <a:pt x="7383" y="1818"/>
                  </a:lnTo>
                  <a:close/>
                  <a:moveTo>
                    <a:pt x="36015" y="1"/>
                  </a:moveTo>
                  <a:cubicBezTo>
                    <a:pt x="35867" y="1"/>
                    <a:pt x="35588" y="40"/>
                    <a:pt x="35324" y="62"/>
                  </a:cubicBezTo>
                  <a:cubicBezTo>
                    <a:pt x="35343" y="69"/>
                    <a:pt x="35160" y="100"/>
                    <a:pt x="35238" y="100"/>
                  </a:cubicBezTo>
                  <a:cubicBezTo>
                    <a:pt x="35256" y="100"/>
                    <a:pt x="35288" y="98"/>
                    <a:pt x="35340" y="94"/>
                  </a:cubicBezTo>
                  <a:lnTo>
                    <a:pt x="35340" y="94"/>
                  </a:lnTo>
                  <a:cubicBezTo>
                    <a:pt x="35338" y="106"/>
                    <a:pt x="35173" y="127"/>
                    <a:pt x="35064" y="136"/>
                  </a:cubicBezTo>
                  <a:cubicBezTo>
                    <a:pt x="35113" y="126"/>
                    <a:pt x="34911" y="123"/>
                    <a:pt x="35030" y="102"/>
                  </a:cubicBezTo>
                  <a:lnTo>
                    <a:pt x="35030" y="102"/>
                  </a:lnTo>
                  <a:cubicBezTo>
                    <a:pt x="34885" y="121"/>
                    <a:pt x="34961" y="105"/>
                    <a:pt x="34719" y="129"/>
                  </a:cubicBezTo>
                  <a:cubicBezTo>
                    <a:pt x="34723" y="128"/>
                    <a:pt x="34722" y="128"/>
                    <a:pt x="34717" y="128"/>
                  </a:cubicBezTo>
                  <a:cubicBezTo>
                    <a:pt x="34682" y="128"/>
                    <a:pt x="34422" y="150"/>
                    <a:pt x="34315" y="150"/>
                  </a:cubicBezTo>
                  <a:cubicBezTo>
                    <a:pt x="34282" y="150"/>
                    <a:pt x="34264" y="148"/>
                    <a:pt x="34270" y="143"/>
                  </a:cubicBezTo>
                  <a:lnTo>
                    <a:pt x="34270" y="143"/>
                  </a:lnTo>
                  <a:cubicBezTo>
                    <a:pt x="34184" y="159"/>
                    <a:pt x="34279" y="178"/>
                    <a:pt x="33959" y="205"/>
                  </a:cubicBezTo>
                  <a:cubicBezTo>
                    <a:pt x="33973" y="207"/>
                    <a:pt x="33996" y="208"/>
                    <a:pt x="34023" y="208"/>
                  </a:cubicBezTo>
                  <a:cubicBezTo>
                    <a:pt x="34077" y="208"/>
                    <a:pt x="34146" y="205"/>
                    <a:pt x="34191" y="205"/>
                  </a:cubicBezTo>
                  <a:cubicBezTo>
                    <a:pt x="34250" y="205"/>
                    <a:pt x="34267" y="209"/>
                    <a:pt x="34156" y="226"/>
                  </a:cubicBezTo>
                  <a:lnTo>
                    <a:pt x="34311" y="203"/>
                  </a:lnTo>
                  <a:cubicBezTo>
                    <a:pt x="34347" y="201"/>
                    <a:pt x="34369" y="201"/>
                    <a:pt x="34383" y="201"/>
                  </a:cubicBezTo>
                  <a:cubicBezTo>
                    <a:pt x="34441" y="201"/>
                    <a:pt x="34364" y="212"/>
                    <a:pt x="34427" y="212"/>
                  </a:cubicBezTo>
                  <a:cubicBezTo>
                    <a:pt x="34447" y="212"/>
                    <a:pt x="34483" y="211"/>
                    <a:pt x="34543" y="208"/>
                  </a:cubicBezTo>
                  <a:lnTo>
                    <a:pt x="34543" y="208"/>
                  </a:lnTo>
                  <a:cubicBezTo>
                    <a:pt x="34471" y="214"/>
                    <a:pt x="34340" y="231"/>
                    <a:pt x="34275" y="231"/>
                  </a:cubicBezTo>
                  <a:cubicBezTo>
                    <a:pt x="34263" y="231"/>
                    <a:pt x="34253" y="230"/>
                    <a:pt x="34247" y="229"/>
                  </a:cubicBezTo>
                  <a:lnTo>
                    <a:pt x="34247" y="229"/>
                  </a:lnTo>
                  <a:cubicBezTo>
                    <a:pt x="34323" y="259"/>
                    <a:pt x="33818" y="282"/>
                    <a:pt x="33806" y="307"/>
                  </a:cubicBezTo>
                  <a:cubicBezTo>
                    <a:pt x="33791" y="306"/>
                    <a:pt x="33774" y="306"/>
                    <a:pt x="33755" y="306"/>
                  </a:cubicBezTo>
                  <a:cubicBezTo>
                    <a:pt x="33696" y="306"/>
                    <a:pt x="33618" y="311"/>
                    <a:pt x="33498" y="324"/>
                  </a:cubicBezTo>
                  <a:cubicBezTo>
                    <a:pt x="33519" y="312"/>
                    <a:pt x="33429" y="307"/>
                    <a:pt x="33554" y="293"/>
                  </a:cubicBezTo>
                  <a:cubicBezTo>
                    <a:pt x="33656" y="289"/>
                    <a:pt x="33730" y="280"/>
                    <a:pt x="33844" y="280"/>
                  </a:cubicBezTo>
                  <a:cubicBezTo>
                    <a:pt x="33828" y="273"/>
                    <a:pt x="33798" y="270"/>
                    <a:pt x="33758" y="270"/>
                  </a:cubicBezTo>
                  <a:cubicBezTo>
                    <a:pt x="33622" y="270"/>
                    <a:pt x="33368" y="301"/>
                    <a:pt x="33165" y="312"/>
                  </a:cubicBezTo>
                  <a:cubicBezTo>
                    <a:pt x="33202" y="312"/>
                    <a:pt x="33213" y="314"/>
                    <a:pt x="33139" y="324"/>
                  </a:cubicBezTo>
                  <a:cubicBezTo>
                    <a:pt x="33037" y="328"/>
                    <a:pt x="32853" y="338"/>
                    <a:pt x="32761" y="338"/>
                  </a:cubicBezTo>
                  <a:cubicBezTo>
                    <a:pt x="32710" y="338"/>
                    <a:pt x="32687" y="335"/>
                    <a:pt x="32722" y="326"/>
                  </a:cubicBezTo>
                  <a:lnTo>
                    <a:pt x="32722" y="326"/>
                  </a:lnTo>
                  <a:lnTo>
                    <a:pt x="31909" y="393"/>
                  </a:lnTo>
                  <a:cubicBezTo>
                    <a:pt x="31905" y="384"/>
                    <a:pt x="32025" y="379"/>
                    <a:pt x="32074" y="375"/>
                  </a:cubicBezTo>
                  <a:lnTo>
                    <a:pt x="32074" y="375"/>
                  </a:lnTo>
                  <a:lnTo>
                    <a:pt x="31620" y="407"/>
                  </a:lnTo>
                  <a:cubicBezTo>
                    <a:pt x="31513" y="402"/>
                    <a:pt x="31775" y="384"/>
                    <a:pt x="31819" y="370"/>
                  </a:cubicBezTo>
                  <a:lnTo>
                    <a:pt x="31819" y="370"/>
                  </a:lnTo>
                  <a:lnTo>
                    <a:pt x="31492" y="395"/>
                  </a:lnTo>
                  <a:lnTo>
                    <a:pt x="31536" y="379"/>
                  </a:lnTo>
                  <a:lnTo>
                    <a:pt x="31536" y="379"/>
                  </a:lnTo>
                  <a:cubicBezTo>
                    <a:pt x="31468" y="391"/>
                    <a:pt x="31188" y="414"/>
                    <a:pt x="31047" y="414"/>
                  </a:cubicBezTo>
                  <a:cubicBezTo>
                    <a:pt x="31021" y="414"/>
                    <a:pt x="30999" y="413"/>
                    <a:pt x="30985" y="412"/>
                  </a:cubicBezTo>
                  <a:cubicBezTo>
                    <a:pt x="30626" y="439"/>
                    <a:pt x="30635" y="476"/>
                    <a:pt x="30149" y="495"/>
                  </a:cubicBezTo>
                  <a:cubicBezTo>
                    <a:pt x="30165" y="476"/>
                    <a:pt x="30424" y="470"/>
                    <a:pt x="30536" y="451"/>
                  </a:cubicBezTo>
                  <a:cubicBezTo>
                    <a:pt x="30457" y="451"/>
                    <a:pt x="30247" y="473"/>
                    <a:pt x="30147" y="473"/>
                  </a:cubicBezTo>
                  <a:cubicBezTo>
                    <a:pt x="30126" y="473"/>
                    <a:pt x="30109" y="472"/>
                    <a:pt x="30100" y="470"/>
                  </a:cubicBezTo>
                  <a:cubicBezTo>
                    <a:pt x="29753" y="504"/>
                    <a:pt x="29794" y="532"/>
                    <a:pt x="29625" y="562"/>
                  </a:cubicBezTo>
                  <a:cubicBezTo>
                    <a:pt x="29560" y="567"/>
                    <a:pt x="29523" y="569"/>
                    <a:pt x="29504" y="569"/>
                  </a:cubicBezTo>
                  <a:cubicBezTo>
                    <a:pt x="29442" y="569"/>
                    <a:pt x="29590" y="548"/>
                    <a:pt x="29581" y="546"/>
                  </a:cubicBezTo>
                  <a:lnTo>
                    <a:pt x="29581" y="546"/>
                  </a:lnTo>
                  <a:cubicBezTo>
                    <a:pt x="29513" y="550"/>
                    <a:pt x="29409" y="578"/>
                    <a:pt x="29330" y="578"/>
                  </a:cubicBezTo>
                  <a:cubicBezTo>
                    <a:pt x="29313" y="578"/>
                    <a:pt x="29297" y="577"/>
                    <a:pt x="29282" y="574"/>
                  </a:cubicBezTo>
                  <a:cubicBezTo>
                    <a:pt x="29164" y="592"/>
                    <a:pt x="29091" y="610"/>
                    <a:pt x="29206" y="610"/>
                  </a:cubicBezTo>
                  <a:cubicBezTo>
                    <a:pt x="29224" y="610"/>
                    <a:pt x="29246" y="609"/>
                    <a:pt x="29273" y="609"/>
                  </a:cubicBezTo>
                  <a:lnTo>
                    <a:pt x="29273" y="609"/>
                  </a:lnTo>
                  <a:cubicBezTo>
                    <a:pt x="29123" y="618"/>
                    <a:pt x="28907" y="641"/>
                    <a:pt x="28868" y="650"/>
                  </a:cubicBezTo>
                  <a:cubicBezTo>
                    <a:pt x="28914" y="638"/>
                    <a:pt x="28901" y="635"/>
                    <a:pt x="28865" y="635"/>
                  </a:cubicBezTo>
                  <a:cubicBezTo>
                    <a:pt x="28831" y="635"/>
                    <a:pt x="28775" y="638"/>
                    <a:pt x="28733" y="638"/>
                  </a:cubicBezTo>
                  <a:cubicBezTo>
                    <a:pt x="28703" y="638"/>
                    <a:pt x="28680" y="636"/>
                    <a:pt x="28676" y="632"/>
                  </a:cubicBezTo>
                  <a:cubicBezTo>
                    <a:pt x="28446" y="641"/>
                    <a:pt x="27939" y="666"/>
                    <a:pt x="27726" y="708"/>
                  </a:cubicBezTo>
                  <a:lnTo>
                    <a:pt x="27786" y="676"/>
                  </a:lnTo>
                  <a:lnTo>
                    <a:pt x="27786" y="676"/>
                  </a:lnTo>
                  <a:lnTo>
                    <a:pt x="27520" y="697"/>
                  </a:lnTo>
                  <a:cubicBezTo>
                    <a:pt x="27316" y="692"/>
                    <a:pt x="27754" y="662"/>
                    <a:pt x="27888" y="653"/>
                  </a:cubicBezTo>
                  <a:lnTo>
                    <a:pt x="27888" y="653"/>
                  </a:lnTo>
                  <a:cubicBezTo>
                    <a:pt x="27524" y="673"/>
                    <a:pt x="27279" y="690"/>
                    <a:pt x="26954" y="710"/>
                  </a:cubicBezTo>
                  <a:cubicBezTo>
                    <a:pt x="27049" y="710"/>
                    <a:pt x="26994" y="720"/>
                    <a:pt x="27038" y="727"/>
                  </a:cubicBezTo>
                  <a:cubicBezTo>
                    <a:pt x="26927" y="745"/>
                    <a:pt x="26771" y="745"/>
                    <a:pt x="26656" y="754"/>
                  </a:cubicBezTo>
                  <a:cubicBezTo>
                    <a:pt x="26625" y="750"/>
                    <a:pt x="26639" y="743"/>
                    <a:pt x="26732" y="736"/>
                  </a:cubicBezTo>
                  <a:lnTo>
                    <a:pt x="26732" y="736"/>
                  </a:lnTo>
                  <a:lnTo>
                    <a:pt x="26507" y="752"/>
                  </a:lnTo>
                  <a:cubicBezTo>
                    <a:pt x="26524" y="734"/>
                    <a:pt x="26412" y="741"/>
                    <a:pt x="26635" y="715"/>
                  </a:cubicBezTo>
                  <a:lnTo>
                    <a:pt x="26635" y="715"/>
                  </a:lnTo>
                  <a:lnTo>
                    <a:pt x="26426" y="731"/>
                  </a:lnTo>
                  <a:cubicBezTo>
                    <a:pt x="26389" y="733"/>
                    <a:pt x="26364" y="733"/>
                    <a:pt x="26349" y="733"/>
                  </a:cubicBezTo>
                  <a:cubicBezTo>
                    <a:pt x="26270" y="733"/>
                    <a:pt x="26447" y="716"/>
                    <a:pt x="26493" y="708"/>
                  </a:cubicBezTo>
                  <a:lnTo>
                    <a:pt x="26493" y="708"/>
                  </a:lnTo>
                  <a:lnTo>
                    <a:pt x="26130" y="727"/>
                  </a:lnTo>
                  <a:cubicBezTo>
                    <a:pt x="26000" y="743"/>
                    <a:pt x="26204" y="738"/>
                    <a:pt x="25956" y="757"/>
                  </a:cubicBezTo>
                  <a:cubicBezTo>
                    <a:pt x="25620" y="759"/>
                    <a:pt x="25194" y="792"/>
                    <a:pt x="24812" y="808"/>
                  </a:cubicBezTo>
                  <a:lnTo>
                    <a:pt x="25080" y="810"/>
                  </a:lnTo>
                  <a:cubicBezTo>
                    <a:pt x="24851" y="817"/>
                    <a:pt x="24900" y="845"/>
                    <a:pt x="24828" y="861"/>
                  </a:cubicBezTo>
                  <a:cubicBezTo>
                    <a:pt x="24617" y="868"/>
                    <a:pt x="24332" y="884"/>
                    <a:pt x="24152" y="886"/>
                  </a:cubicBezTo>
                  <a:cubicBezTo>
                    <a:pt x="24353" y="863"/>
                    <a:pt x="24270" y="845"/>
                    <a:pt x="24077" y="842"/>
                  </a:cubicBezTo>
                  <a:cubicBezTo>
                    <a:pt x="23649" y="863"/>
                    <a:pt x="23755" y="889"/>
                    <a:pt x="23515" y="912"/>
                  </a:cubicBezTo>
                  <a:cubicBezTo>
                    <a:pt x="23579" y="896"/>
                    <a:pt x="23562" y="891"/>
                    <a:pt x="23514" y="891"/>
                  </a:cubicBezTo>
                  <a:cubicBezTo>
                    <a:pt x="23452" y="891"/>
                    <a:pt x="23337" y="899"/>
                    <a:pt x="23283" y="899"/>
                  </a:cubicBezTo>
                  <a:cubicBezTo>
                    <a:pt x="23260" y="899"/>
                    <a:pt x="23247" y="898"/>
                    <a:pt x="23255" y="893"/>
                  </a:cubicBezTo>
                  <a:lnTo>
                    <a:pt x="23255" y="893"/>
                  </a:lnTo>
                  <a:cubicBezTo>
                    <a:pt x="22982" y="907"/>
                    <a:pt x="22708" y="926"/>
                    <a:pt x="22430" y="942"/>
                  </a:cubicBezTo>
                  <a:cubicBezTo>
                    <a:pt x="22155" y="958"/>
                    <a:pt x="21877" y="975"/>
                    <a:pt x="21594" y="988"/>
                  </a:cubicBezTo>
                  <a:cubicBezTo>
                    <a:pt x="21603" y="993"/>
                    <a:pt x="21768" y="991"/>
                    <a:pt x="21668" y="1000"/>
                  </a:cubicBezTo>
                  <a:cubicBezTo>
                    <a:pt x="21588" y="1006"/>
                    <a:pt x="21524" y="1008"/>
                    <a:pt x="21474" y="1008"/>
                  </a:cubicBezTo>
                  <a:cubicBezTo>
                    <a:pt x="21394" y="1008"/>
                    <a:pt x="21350" y="1003"/>
                    <a:pt x="21332" y="1000"/>
                  </a:cubicBezTo>
                  <a:cubicBezTo>
                    <a:pt x="21161" y="1007"/>
                    <a:pt x="20990" y="1023"/>
                    <a:pt x="20820" y="1049"/>
                  </a:cubicBezTo>
                  <a:cubicBezTo>
                    <a:pt x="20863" y="1045"/>
                    <a:pt x="20891" y="1044"/>
                    <a:pt x="20909" y="1044"/>
                  </a:cubicBezTo>
                  <a:cubicBezTo>
                    <a:pt x="20940" y="1044"/>
                    <a:pt x="20940" y="1048"/>
                    <a:pt x="20927" y="1056"/>
                  </a:cubicBezTo>
                  <a:cubicBezTo>
                    <a:pt x="20857" y="1060"/>
                    <a:pt x="20811" y="1061"/>
                    <a:pt x="20775" y="1061"/>
                  </a:cubicBezTo>
                  <a:cubicBezTo>
                    <a:pt x="20727" y="1061"/>
                    <a:pt x="20700" y="1059"/>
                    <a:pt x="20663" y="1059"/>
                  </a:cubicBezTo>
                  <a:cubicBezTo>
                    <a:pt x="20625" y="1059"/>
                    <a:pt x="20575" y="1061"/>
                    <a:pt x="20480" y="1072"/>
                  </a:cubicBezTo>
                  <a:cubicBezTo>
                    <a:pt x="20410" y="1056"/>
                    <a:pt x="20763" y="1049"/>
                    <a:pt x="20737" y="1032"/>
                  </a:cubicBezTo>
                  <a:lnTo>
                    <a:pt x="20737" y="1032"/>
                  </a:lnTo>
                  <a:cubicBezTo>
                    <a:pt x="20498" y="1042"/>
                    <a:pt x="20350" y="1058"/>
                    <a:pt x="20179" y="1072"/>
                  </a:cubicBezTo>
                  <a:cubicBezTo>
                    <a:pt x="20139" y="1063"/>
                    <a:pt x="20336" y="1063"/>
                    <a:pt x="20207" y="1058"/>
                  </a:cubicBezTo>
                  <a:lnTo>
                    <a:pt x="20207" y="1058"/>
                  </a:lnTo>
                  <a:lnTo>
                    <a:pt x="19123" y="1130"/>
                  </a:lnTo>
                  <a:lnTo>
                    <a:pt x="19048" y="1118"/>
                  </a:lnTo>
                  <a:cubicBezTo>
                    <a:pt x="18872" y="1125"/>
                    <a:pt x="18757" y="1134"/>
                    <a:pt x="18675" y="1144"/>
                  </a:cubicBezTo>
                  <a:cubicBezTo>
                    <a:pt x="18580" y="1141"/>
                    <a:pt x="18655" y="1134"/>
                    <a:pt x="18745" y="1130"/>
                  </a:cubicBezTo>
                  <a:lnTo>
                    <a:pt x="18745" y="1130"/>
                  </a:lnTo>
                  <a:cubicBezTo>
                    <a:pt x="18509" y="1137"/>
                    <a:pt x="18219" y="1162"/>
                    <a:pt x="18085" y="1169"/>
                  </a:cubicBezTo>
                  <a:cubicBezTo>
                    <a:pt x="18106" y="1158"/>
                    <a:pt x="18219" y="1162"/>
                    <a:pt x="18258" y="1153"/>
                  </a:cubicBezTo>
                  <a:lnTo>
                    <a:pt x="18258" y="1153"/>
                  </a:lnTo>
                  <a:cubicBezTo>
                    <a:pt x="18004" y="1161"/>
                    <a:pt x="17692" y="1193"/>
                    <a:pt x="17486" y="1193"/>
                  </a:cubicBezTo>
                  <a:cubicBezTo>
                    <a:pt x="17453" y="1193"/>
                    <a:pt x="17422" y="1192"/>
                    <a:pt x="17394" y="1190"/>
                  </a:cubicBezTo>
                  <a:cubicBezTo>
                    <a:pt x="17408" y="1189"/>
                    <a:pt x="17423" y="1187"/>
                    <a:pt x="17438" y="1187"/>
                  </a:cubicBezTo>
                  <a:lnTo>
                    <a:pt x="17438" y="1187"/>
                  </a:lnTo>
                  <a:cubicBezTo>
                    <a:pt x="17013" y="1201"/>
                    <a:pt x="16639" y="1225"/>
                    <a:pt x="16176" y="1243"/>
                  </a:cubicBezTo>
                  <a:cubicBezTo>
                    <a:pt x="16149" y="1243"/>
                    <a:pt x="16125" y="1243"/>
                    <a:pt x="16103" y="1243"/>
                  </a:cubicBezTo>
                  <a:cubicBezTo>
                    <a:pt x="15772" y="1243"/>
                    <a:pt x="16008" y="1274"/>
                    <a:pt x="15604" y="1283"/>
                  </a:cubicBezTo>
                  <a:cubicBezTo>
                    <a:pt x="15603" y="1272"/>
                    <a:pt x="15561" y="1267"/>
                    <a:pt x="15496" y="1267"/>
                  </a:cubicBezTo>
                  <a:cubicBezTo>
                    <a:pt x="15323" y="1267"/>
                    <a:pt x="14988" y="1297"/>
                    <a:pt x="14848" y="1297"/>
                  </a:cubicBezTo>
                  <a:cubicBezTo>
                    <a:pt x="14844" y="1297"/>
                    <a:pt x="14841" y="1297"/>
                    <a:pt x="14837" y="1296"/>
                  </a:cubicBezTo>
                  <a:lnTo>
                    <a:pt x="14837" y="1296"/>
                  </a:lnTo>
                  <a:lnTo>
                    <a:pt x="14895" y="1301"/>
                  </a:lnTo>
                  <a:cubicBezTo>
                    <a:pt x="14766" y="1311"/>
                    <a:pt x="14635" y="1316"/>
                    <a:pt x="14505" y="1316"/>
                  </a:cubicBezTo>
                  <a:cubicBezTo>
                    <a:pt x="14417" y="1316"/>
                    <a:pt x="14328" y="1314"/>
                    <a:pt x="14239" y="1308"/>
                  </a:cubicBezTo>
                  <a:cubicBezTo>
                    <a:pt x="13920" y="1315"/>
                    <a:pt x="13438" y="1331"/>
                    <a:pt x="13118" y="1354"/>
                  </a:cubicBezTo>
                  <a:lnTo>
                    <a:pt x="13181" y="1343"/>
                  </a:lnTo>
                  <a:lnTo>
                    <a:pt x="13181" y="1343"/>
                  </a:lnTo>
                  <a:cubicBezTo>
                    <a:pt x="12917" y="1361"/>
                    <a:pt x="12750" y="1352"/>
                    <a:pt x="12486" y="1368"/>
                  </a:cubicBezTo>
                  <a:cubicBezTo>
                    <a:pt x="12493" y="1366"/>
                    <a:pt x="12592" y="1359"/>
                    <a:pt x="12488" y="1357"/>
                  </a:cubicBezTo>
                  <a:lnTo>
                    <a:pt x="12488" y="1357"/>
                  </a:lnTo>
                  <a:cubicBezTo>
                    <a:pt x="11849" y="1366"/>
                    <a:pt x="11205" y="1387"/>
                    <a:pt x="10559" y="1401"/>
                  </a:cubicBezTo>
                  <a:lnTo>
                    <a:pt x="9593" y="1424"/>
                  </a:lnTo>
                  <a:cubicBezTo>
                    <a:pt x="9271" y="1431"/>
                    <a:pt x="8951" y="1438"/>
                    <a:pt x="8631" y="1440"/>
                  </a:cubicBezTo>
                  <a:lnTo>
                    <a:pt x="6706" y="1456"/>
                  </a:lnTo>
                  <a:lnTo>
                    <a:pt x="4673" y="1466"/>
                  </a:lnTo>
                  <a:lnTo>
                    <a:pt x="2646" y="1475"/>
                  </a:lnTo>
                  <a:lnTo>
                    <a:pt x="744" y="1484"/>
                  </a:lnTo>
                  <a:cubicBezTo>
                    <a:pt x="744" y="1484"/>
                    <a:pt x="301" y="1550"/>
                    <a:pt x="9" y="1619"/>
                  </a:cubicBezTo>
                  <a:lnTo>
                    <a:pt x="9" y="1619"/>
                  </a:lnTo>
                  <a:lnTo>
                    <a:pt x="6" y="1718"/>
                  </a:lnTo>
                  <a:lnTo>
                    <a:pt x="6" y="1718"/>
                  </a:lnTo>
                  <a:cubicBezTo>
                    <a:pt x="10" y="1718"/>
                    <a:pt x="15" y="1716"/>
                    <a:pt x="19" y="1716"/>
                  </a:cubicBezTo>
                  <a:cubicBezTo>
                    <a:pt x="45" y="1710"/>
                    <a:pt x="103" y="1708"/>
                    <a:pt x="164" y="1708"/>
                  </a:cubicBezTo>
                  <a:cubicBezTo>
                    <a:pt x="219" y="1708"/>
                    <a:pt x="278" y="1710"/>
                    <a:pt x="321" y="1711"/>
                  </a:cubicBezTo>
                  <a:lnTo>
                    <a:pt x="321" y="1711"/>
                  </a:lnTo>
                  <a:cubicBezTo>
                    <a:pt x="150" y="1706"/>
                    <a:pt x="343" y="1692"/>
                    <a:pt x="422" y="1688"/>
                  </a:cubicBezTo>
                  <a:cubicBezTo>
                    <a:pt x="542" y="1695"/>
                    <a:pt x="737" y="1693"/>
                    <a:pt x="795" y="1707"/>
                  </a:cubicBezTo>
                  <a:cubicBezTo>
                    <a:pt x="832" y="1702"/>
                    <a:pt x="869" y="1700"/>
                    <a:pt x="907" y="1700"/>
                  </a:cubicBezTo>
                  <a:cubicBezTo>
                    <a:pt x="928" y="1700"/>
                    <a:pt x="950" y="1701"/>
                    <a:pt x="971" y="1702"/>
                  </a:cubicBezTo>
                  <a:lnTo>
                    <a:pt x="978" y="1709"/>
                  </a:lnTo>
                  <a:cubicBezTo>
                    <a:pt x="1121" y="1704"/>
                    <a:pt x="929" y="1702"/>
                    <a:pt x="966" y="1695"/>
                  </a:cubicBezTo>
                  <a:cubicBezTo>
                    <a:pt x="973" y="1695"/>
                    <a:pt x="980" y="1695"/>
                    <a:pt x="988" y="1695"/>
                  </a:cubicBezTo>
                  <a:cubicBezTo>
                    <a:pt x="1092" y="1695"/>
                    <a:pt x="1246" y="1709"/>
                    <a:pt x="1406" y="1709"/>
                  </a:cubicBezTo>
                  <a:cubicBezTo>
                    <a:pt x="1235" y="1709"/>
                    <a:pt x="1091" y="1716"/>
                    <a:pt x="969" y="1723"/>
                  </a:cubicBezTo>
                  <a:cubicBezTo>
                    <a:pt x="1281" y="1737"/>
                    <a:pt x="915" y="1755"/>
                    <a:pt x="843" y="1771"/>
                  </a:cubicBezTo>
                  <a:cubicBezTo>
                    <a:pt x="1096" y="1767"/>
                    <a:pt x="1191" y="1755"/>
                    <a:pt x="1397" y="1744"/>
                  </a:cubicBezTo>
                  <a:lnTo>
                    <a:pt x="1397" y="1744"/>
                  </a:lnTo>
                  <a:cubicBezTo>
                    <a:pt x="1647" y="1757"/>
                    <a:pt x="1379" y="1790"/>
                    <a:pt x="1314" y="1792"/>
                  </a:cubicBezTo>
                  <a:cubicBezTo>
                    <a:pt x="1543" y="1785"/>
                    <a:pt x="1782" y="1764"/>
                    <a:pt x="1904" y="1757"/>
                  </a:cubicBezTo>
                  <a:lnTo>
                    <a:pt x="1904" y="1757"/>
                  </a:lnTo>
                  <a:cubicBezTo>
                    <a:pt x="1735" y="1783"/>
                    <a:pt x="1763" y="1790"/>
                    <a:pt x="1610" y="1811"/>
                  </a:cubicBezTo>
                  <a:cubicBezTo>
                    <a:pt x="1662" y="1815"/>
                    <a:pt x="1703" y="1817"/>
                    <a:pt x="1736" y="1817"/>
                  </a:cubicBezTo>
                  <a:cubicBezTo>
                    <a:pt x="1818" y="1817"/>
                    <a:pt x="1855" y="1806"/>
                    <a:pt x="1918" y="1799"/>
                  </a:cubicBezTo>
                  <a:lnTo>
                    <a:pt x="1918" y="1799"/>
                  </a:lnTo>
                  <a:cubicBezTo>
                    <a:pt x="1900" y="1801"/>
                    <a:pt x="1881" y="1802"/>
                    <a:pt x="1862" y="1802"/>
                  </a:cubicBezTo>
                  <a:cubicBezTo>
                    <a:pt x="1831" y="1802"/>
                    <a:pt x="1800" y="1800"/>
                    <a:pt x="1770" y="1797"/>
                  </a:cubicBezTo>
                  <a:lnTo>
                    <a:pt x="1770" y="1797"/>
                  </a:lnTo>
                  <a:cubicBezTo>
                    <a:pt x="1782" y="1797"/>
                    <a:pt x="1793" y="1797"/>
                    <a:pt x="1804" y="1797"/>
                  </a:cubicBezTo>
                  <a:cubicBezTo>
                    <a:pt x="1984" y="1797"/>
                    <a:pt x="1957" y="1761"/>
                    <a:pt x="2064" y="1746"/>
                  </a:cubicBezTo>
                  <a:cubicBezTo>
                    <a:pt x="2213" y="1757"/>
                    <a:pt x="2489" y="1761"/>
                    <a:pt x="2511" y="1781"/>
                  </a:cubicBezTo>
                  <a:lnTo>
                    <a:pt x="2511" y="1781"/>
                  </a:lnTo>
                  <a:lnTo>
                    <a:pt x="2509" y="1760"/>
                  </a:lnTo>
                  <a:cubicBezTo>
                    <a:pt x="2529" y="1759"/>
                    <a:pt x="2547" y="1759"/>
                    <a:pt x="2561" y="1759"/>
                  </a:cubicBezTo>
                  <a:cubicBezTo>
                    <a:pt x="2678" y="1759"/>
                    <a:pt x="2610" y="1774"/>
                    <a:pt x="2636" y="1781"/>
                  </a:cubicBezTo>
                  <a:cubicBezTo>
                    <a:pt x="2706" y="1764"/>
                    <a:pt x="2618" y="1739"/>
                    <a:pt x="2935" y="1732"/>
                  </a:cubicBezTo>
                  <a:lnTo>
                    <a:pt x="2935" y="1732"/>
                  </a:lnTo>
                  <a:cubicBezTo>
                    <a:pt x="2887" y="1774"/>
                    <a:pt x="3218" y="1737"/>
                    <a:pt x="3211" y="1774"/>
                  </a:cubicBezTo>
                  <a:cubicBezTo>
                    <a:pt x="3343" y="1770"/>
                    <a:pt x="3411" y="1754"/>
                    <a:pt x="3533" y="1754"/>
                  </a:cubicBezTo>
                  <a:cubicBezTo>
                    <a:pt x="3549" y="1754"/>
                    <a:pt x="3564" y="1755"/>
                    <a:pt x="3581" y="1755"/>
                  </a:cubicBezTo>
                  <a:cubicBezTo>
                    <a:pt x="3734" y="1772"/>
                    <a:pt x="3423" y="1798"/>
                    <a:pt x="3291" y="1798"/>
                  </a:cubicBezTo>
                  <a:cubicBezTo>
                    <a:pt x="3277" y="1798"/>
                    <a:pt x="3264" y="1798"/>
                    <a:pt x="3255" y="1797"/>
                  </a:cubicBezTo>
                  <a:cubicBezTo>
                    <a:pt x="3039" y="1797"/>
                    <a:pt x="3283" y="1781"/>
                    <a:pt x="3197" y="1781"/>
                  </a:cubicBezTo>
                  <a:lnTo>
                    <a:pt x="2991" y="1792"/>
                  </a:lnTo>
                  <a:cubicBezTo>
                    <a:pt x="3107" y="1799"/>
                    <a:pt x="3329" y="1808"/>
                    <a:pt x="3304" y="1825"/>
                  </a:cubicBezTo>
                  <a:cubicBezTo>
                    <a:pt x="3512" y="1818"/>
                    <a:pt x="3134" y="1808"/>
                    <a:pt x="3364" y="1799"/>
                  </a:cubicBezTo>
                  <a:lnTo>
                    <a:pt x="3364" y="1799"/>
                  </a:lnTo>
                  <a:lnTo>
                    <a:pt x="3503" y="1806"/>
                  </a:lnTo>
                  <a:cubicBezTo>
                    <a:pt x="3730" y="1797"/>
                    <a:pt x="3454" y="1781"/>
                    <a:pt x="3751" y="1774"/>
                  </a:cubicBezTo>
                  <a:lnTo>
                    <a:pt x="3751" y="1774"/>
                  </a:lnTo>
                  <a:cubicBezTo>
                    <a:pt x="3554" y="1792"/>
                    <a:pt x="4064" y="1774"/>
                    <a:pt x="4057" y="1801"/>
                  </a:cubicBezTo>
                  <a:lnTo>
                    <a:pt x="4057" y="1801"/>
                  </a:lnTo>
                  <a:cubicBezTo>
                    <a:pt x="4077" y="1767"/>
                    <a:pt x="4592" y="1797"/>
                    <a:pt x="4652" y="1769"/>
                  </a:cubicBezTo>
                  <a:lnTo>
                    <a:pt x="4494" y="1762"/>
                  </a:lnTo>
                  <a:lnTo>
                    <a:pt x="4529" y="1776"/>
                  </a:lnTo>
                  <a:cubicBezTo>
                    <a:pt x="4397" y="1776"/>
                    <a:pt x="4283" y="1783"/>
                    <a:pt x="4156" y="1783"/>
                  </a:cubicBezTo>
                  <a:cubicBezTo>
                    <a:pt x="4118" y="1783"/>
                    <a:pt x="4079" y="1782"/>
                    <a:pt x="4038" y="1781"/>
                  </a:cubicBezTo>
                  <a:cubicBezTo>
                    <a:pt x="4177" y="1769"/>
                    <a:pt x="3989" y="1753"/>
                    <a:pt x="4151" y="1744"/>
                  </a:cubicBezTo>
                  <a:cubicBezTo>
                    <a:pt x="4218" y="1739"/>
                    <a:pt x="4260" y="1737"/>
                    <a:pt x="4284" y="1737"/>
                  </a:cubicBezTo>
                  <a:cubicBezTo>
                    <a:pt x="4371" y="1737"/>
                    <a:pt x="4242" y="1760"/>
                    <a:pt x="4276" y="1760"/>
                  </a:cubicBezTo>
                  <a:lnTo>
                    <a:pt x="4517" y="1744"/>
                  </a:lnTo>
                  <a:lnTo>
                    <a:pt x="4353" y="1730"/>
                  </a:lnTo>
                  <a:cubicBezTo>
                    <a:pt x="4509" y="1724"/>
                    <a:pt x="4711" y="1720"/>
                    <a:pt x="4923" y="1720"/>
                  </a:cubicBezTo>
                  <a:cubicBezTo>
                    <a:pt x="4969" y="1720"/>
                    <a:pt x="5015" y="1720"/>
                    <a:pt x="5062" y="1720"/>
                  </a:cubicBezTo>
                  <a:cubicBezTo>
                    <a:pt x="5446" y="1737"/>
                    <a:pt x="5013" y="1739"/>
                    <a:pt x="5289" y="1755"/>
                  </a:cubicBezTo>
                  <a:cubicBezTo>
                    <a:pt x="5398" y="1749"/>
                    <a:pt x="5386" y="1741"/>
                    <a:pt x="5508" y="1741"/>
                  </a:cubicBezTo>
                  <a:cubicBezTo>
                    <a:pt x="5522" y="1741"/>
                    <a:pt x="5539" y="1741"/>
                    <a:pt x="5557" y="1741"/>
                  </a:cubicBezTo>
                  <a:cubicBezTo>
                    <a:pt x="5534" y="1739"/>
                    <a:pt x="5511" y="1738"/>
                    <a:pt x="5490" y="1738"/>
                  </a:cubicBezTo>
                  <a:cubicBezTo>
                    <a:pt x="5426" y="1738"/>
                    <a:pt x="5372" y="1746"/>
                    <a:pt x="5323" y="1746"/>
                  </a:cubicBezTo>
                  <a:cubicBezTo>
                    <a:pt x="5238" y="1725"/>
                    <a:pt x="5636" y="1732"/>
                    <a:pt x="5618" y="1713"/>
                  </a:cubicBezTo>
                  <a:lnTo>
                    <a:pt x="5618" y="1713"/>
                  </a:lnTo>
                  <a:cubicBezTo>
                    <a:pt x="5692" y="1720"/>
                    <a:pt x="5676" y="1730"/>
                    <a:pt x="5620" y="1739"/>
                  </a:cubicBezTo>
                  <a:cubicBezTo>
                    <a:pt x="5729" y="1735"/>
                    <a:pt x="5837" y="1732"/>
                    <a:pt x="5934" y="1732"/>
                  </a:cubicBezTo>
                  <a:cubicBezTo>
                    <a:pt x="6100" y="1732"/>
                    <a:pt x="6238" y="1739"/>
                    <a:pt x="6308" y="1755"/>
                  </a:cubicBezTo>
                  <a:lnTo>
                    <a:pt x="6435" y="1730"/>
                  </a:lnTo>
                  <a:lnTo>
                    <a:pt x="6435" y="1730"/>
                  </a:lnTo>
                  <a:cubicBezTo>
                    <a:pt x="6940" y="1734"/>
                    <a:pt x="6090" y="1755"/>
                    <a:pt x="6516" y="1769"/>
                  </a:cubicBezTo>
                  <a:cubicBezTo>
                    <a:pt x="6540" y="1769"/>
                    <a:pt x="6563" y="1770"/>
                    <a:pt x="6586" y="1770"/>
                  </a:cubicBezTo>
                  <a:cubicBezTo>
                    <a:pt x="6703" y="1770"/>
                    <a:pt x="6820" y="1765"/>
                    <a:pt x="6938" y="1755"/>
                  </a:cubicBezTo>
                  <a:lnTo>
                    <a:pt x="6787" y="1755"/>
                  </a:lnTo>
                  <a:cubicBezTo>
                    <a:pt x="6903" y="1741"/>
                    <a:pt x="6894" y="1730"/>
                    <a:pt x="7079" y="1718"/>
                  </a:cubicBezTo>
                  <a:cubicBezTo>
                    <a:pt x="7174" y="1718"/>
                    <a:pt x="7164" y="1729"/>
                    <a:pt x="7210" y="1729"/>
                  </a:cubicBezTo>
                  <a:cubicBezTo>
                    <a:pt x="7228" y="1729"/>
                    <a:pt x="7255" y="1727"/>
                    <a:pt x="7299" y="1723"/>
                  </a:cubicBezTo>
                  <a:cubicBezTo>
                    <a:pt x="7623" y="1730"/>
                    <a:pt x="7506" y="1750"/>
                    <a:pt x="7415" y="1769"/>
                  </a:cubicBezTo>
                  <a:lnTo>
                    <a:pt x="7415" y="1769"/>
                  </a:lnTo>
                  <a:cubicBezTo>
                    <a:pt x="7548" y="1765"/>
                    <a:pt x="7722" y="1763"/>
                    <a:pt x="7744" y="1753"/>
                  </a:cubicBezTo>
                  <a:lnTo>
                    <a:pt x="7744" y="1753"/>
                  </a:lnTo>
                  <a:cubicBezTo>
                    <a:pt x="7747" y="1758"/>
                    <a:pt x="7727" y="1770"/>
                    <a:pt x="7648" y="1777"/>
                  </a:cubicBezTo>
                  <a:lnTo>
                    <a:pt x="7648" y="1777"/>
                  </a:lnTo>
                  <a:cubicBezTo>
                    <a:pt x="7596" y="1773"/>
                    <a:pt x="7560" y="1771"/>
                    <a:pt x="7535" y="1771"/>
                  </a:cubicBezTo>
                  <a:cubicBezTo>
                    <a:pt x="7461" y="1771"/>
                    <a:pt x="7488" y="1787"/>
                    <a:pt x="7475" y="1787"/>
                  </a:cubicBezTo>
                  <a:cubicBezTo>
                    <a:pt x="7470" y="1787"/>
                    <a:pt x="7459" y="1784"/>
                    <a:pt x="7434" y="1778"/>
                  </a:cubicBezTo>
                  <a:lnTo>
                    <a:pt x="7375" y="1778"/>
                  </a:lnTo>
                  <a:cubicBezTo>
                    <a:pt x="7369" y="1780"/>
                    <a:pt x="7364" y="1781"/>
                    <a:pt x="7360" y="1783"/>
                  </a:cubicBezTo>
                  <a:cubicBezTo>
                    <a:pt x="7470" y="1787"/>
                    <a:pt x="7476" y="1796"/>
                    <a:pt x="7451" y="1804"/>
                  </a:cubicBezTo>
                  <a:lnTo>
                    <a:pt x="7451" y="1804"/>
                  </a:lnTo>
                  <a:lnTo>
                    <a:pt x="7556" y="1791"/>
                  </a:lnTo>
                  <a:lnTo>
                    <a:pt x="7556" y="1791"/>
                  </a:lnTo>
                  <a:lnTo>
                    <a:pt x="7635" y="1813"/>
                  </a:lnTo>
                  <a:cubicBezTo>
                    <a:pt x="7640" y="1813"/>
                    <a:pt x="7645" y="1813"/>
                    <a:pt x="7650" y="1813"/>
                  </a:cubicBezTo>
                  <a:cubicBezTo>
                    <a:pt x="7721" y="1813"/>
                    <a:pt x="7774" y="1802"/>
                    <a:pt x="7820" y="1802"/>
                  </a:cubicBezTo>
                  <a:cubicBezTo>
                    <a:pt x="7835" y="1802"/>
                    <a:pt x="7849" y="1803"/>
                    <a:pt x="7862" y="1806"/>
                  </a:cubicBezTo>
                  <a:cubicBezTo>
                    <a:pt x="8015" y="1825"/>
                    <a:pt x="7640" y="1841"/>
                    <a:pt x="8013" y="1845"/>
                  </a:cubicBezTo>
                  <a:cubicBezTo>
                    <a:pt x="8401" y="1845"/>
                    <a:pt x="8391" y="1811"/>
                    <a:pt x="8638" y="1811"/>
                  </a:cubicBezTo>
                  <a:cubicBezTo>
                    <a:pt x="8645" y="1811"/>
                    <a:pt x="8653" y="1811"/>
                    <a:pt x="8661" y="1811"/>
                  </a:cubicBezTo>
                  <a:cubicBezTo>
                    <a:pt x="8623" y="1806"/>
                    <a:pt x="8585" y="1805"/>
                    <a:pt x="8547" y="1805"/>
                  </a:cubicBezTo>
                  <a:cubicBezTo>
                    <a:pt x="8525" y="1805"/>
                    <a:pt x="8503" y="1805"/>
                    <a:pt x="8481" y="1806"/>
                  </a:cubicBezTo>
                  <a:cubicBezTo>
                    <a:pt x="8569" y="1795"/>
                    <a:pt x="8414" y="1788"/>
                    <a:pt x="8562" y="1776"/>
                  </a:cubicBezTo>
                  <a:lnTo>
                    <a:pt x="8562" y="1776"/>
                  </a:lnTo>
                  <a:cubicBezTo>
                    <a:pt x="8611" y="1788"/>
                    <a:pt x="8726" y="1792"/>
                    <a:pt x="8856" y="1792"/>
                  </a:cubicBezTo>
                  <a:cubicBezTo>
                    <a:pt x="8953" y="1792"/>
                    <a:pt x="9059" y="1790"/>
                    <a:pt x="9153" y="1788"/>
                  </a:cubicBezTo>
                  <a:lnTo>
                    <a:pt x="9153" y="1788"/>
                  </a:lnTo>
                  <a:cubicBezTo>
                    <a:pt x="9095" y="1799"/>
                    <a:pt x="9236" y="1808"/>
                    <a:pt x="9166" y="1818"/>
                  </a:cubicBezTo>
                  <a:cubicBezTo>
                    <a:pt x="9254" y="1815"/>
                    <a:pt x="9342" y="1808"/>
                    <a:pt x="9428" y="1797"/>
                  </a:cubicBezTo>
                  <a:cubicBezTo>
                    <a:pt x="8981" y="1788"/>
                    <a:pt x="9859" y="1771"/>
                    <a:pt x="9512" y="1755"/>
                  </a:cubicBezTo>
                  <a:cubicBezTo>
                    <a:pt x="9549" y="1755"/>
                    <a:pt x="9584" y="1754"/>
                    <a:pt x="9616" y="1754"/>
                  </a:cubicBezTo>
                  <a:cubicBezTo>
                    <a:pt x="9875" y="1754"/>
                    <a:pt x="9950" y="1770"/>
                    <a:pt x="10142" y="1776"/>
                  </a:cubicBezTo>
                  <a:cubicBezTo>
                    <a:pt x="10128" y="1783"/>
                    <a:pt x="9743" y="1797"/>
                    <a:pt x="10051" y="1799"/>
                  </a:cubicBezTo>
                  <a:cubicBezTo>
                    <a:pt x="10406" y="1771"/>
                    <a:pt x="9986" y="1771"/>
                    <a:pt x="10262" y="1739"/>
                  </a:cubicBezTo>
                  <a:lnTo>
                    <a:pt x="10040" y="1734"/>
                  </a:lnTo>
                  <a:cubicBezTo>
                    <a:pt x="10022" y="1719"/>
                    <a:pt x="10158" y="1718"/>
                    <a:pt x="10284" y="1718"/>
                  </a:cubicBezTo>
                  <a:cubicBezTo>
                    <a:pt x="10313" y="1718"/>
                    <a:pt x="10342" y="1718"/>
                    <a:pt x="10367" y="1718"/>
                  </a:cubicBezTo>
                  <a:cubicBezTo>
                    <a:pt x="10422" y="1718"/>
                    <a:pt x="10466" y="1718"/>
                    <a:pt x="10482" y="1716"/>
                  </a:cubicBezTo>
                  <a:lnTo>
                    <a:pt x="10482" y="1716"/>
                  </a:lnTo>
                  <a:cubicBezTo>
                    <a:pt x="10619" y="1720"/>
                    <a:pt x="10290" y="1725"/>
                    <a:pt x="10424" y="1741"/>
                  </a:cubicBezTo>
                  <a:cubicBezTo>
                    <a:pt x="10437" y="1741"/>
                    <a:pt x="10449" y="1741"/>
                    <a:pt x="10460" y="1741"/>
                  </a:cubicBezTo>
                  <a:cubicBezTo>
                    <a:pt x="10603" y="1741"/>
                    <a:pt x="10694" y="1732"/>
                    <a:pt x="10786" y="1732"/>
                  </a:cubicBezTo>
                  <a:cubicBezTo>
                    <a:pt x="10811" y="1732"/>
                    <a:pt x="10836" y="1732"/>
                    <a:pt x="10862" y="1734"/>
                  </a:cubicBezTo>
                  <a:cubicBezTo>
                    <a:pt x="10737" y="1753"/>
                    <a:pt x="10816" y="1746"/>
                    <a:pt x="10672" y="1764"/>
                  </a:cubicBezTo>
                  <a:cubicBezTo>
                    <a:pt x="10736" y="1763"/>
                    <a:pt x="10782" y="1763"/>
                    <a:pt x="10816" y="1763"/>
                  </a:cubicBezTo>
                  <a:cubicBezTo>
                    <a:pt x="11035" y="1763"/>
                    <a:pt x="10695" y="1786"/>
                    <a:pt x="11015" y="1790"/>
                  </a:cubicBezTo>
                  <a:cubicBezTo>
                    <a:pt x="11131" y="1785"/>
                    <a:pt x="11057" y="1771"/>
                    <a:pt x="11247" y="1771"/>
                  </a:cubicBezTo>
                  <a:cubicBezTo>
                    <a:pt x="11164" y="1758"/>
                    <a:pt x="11150" y="1750"/>
                    <a:pt x="11024" y="1750"/>
                  </a:cubicBezTo>
                  <a:cubicBezTo>
                    <a:pt x="10980" y="1750"/>
                    <a:pt x="10923" y="1751"/>
                    <a:pt x="10846" y="1753"/>
                  </a:cubicBezTo>
                  <a:cubicBezTo>
                    <a:pt x="10887" y="1740"/>
                    <a:pt x="10958" y="1737"/>
                    <a:pt x="11042" y="1737"/>
                  </a:cubicBezTo>
                  <a:cubicBezTo>
                    <a:pt x="11103" y="1737"/>
                    <a:pt x="11171" y="1739"/>
                    <a:pt x="11240" y="1739"/>
                  </a:cubicBezTo>
                  <a:cubicBezTo>
                    <a:pt x="11315" y="1739"/>
                    <a:pt x="11390" y="1737"/>
                    <a:pt x="11457" y="1730"/>
                  </a:cubicBezTo>
                  <a:lnTo>
                    <a:pt x="11457" y="1730"/>
                  </a:lnTo>
                  <a:cubicBezTo>
                    <a:pt x="11430" y="1730"/>
                    <a:pt x="11410" y="1730"/>
                    <a:pt x="11396" y="1730"/>
                  </a:cubicBezTo>
                  <a:cubicBezTo>
                    <a:pt x="11358" y="1730"/>
                    <a:pt x="11352" y="1729"/>
                    <a:pt x="11338" y="1729"/>
                  </a:cubicBezTo>
                  <a:cubicBezTo>
                    <a:pt x="11324" y="1729"/>
                    <a:pt x="11300" y="1730"/>
                    <a:pt x="11221" y="1734"/>
                  </a:cubicBezTo>
                  <a:cubicBezTo>
                    <a:pt x="11193" y="1709"/>
                    <a:pt x="11126" y="1707"/>
                    <a:pt x="11293" y="1683"/>
                  </a:cubicBezTo>
                  <a:lnTo>
                    <a:pt x="11293" y="1683"/>
                  </a:lnTo>
                  <a:cubicBezTo>
                    <a:pt x="11104" y="1692"/>
                    <a:pt x="11017" y="1718"/>
                    <a:pt x="10760" y="1718"/>
                  </a:cubicBezTo>
                  <a:cubicBezTo>
                    <a:pt x="10750" y="1718"/>
                    <a:pt x="10739" y="1718"/>
                    <a:pt x="10728" y="1718"/>
                  </a:cubicBezTo>
                  <a:cubicBezTo>
                    <a:pt x="10649" y="1695"/>
                    <a:pt x="11075" y="1693"/>
                    <a:pt x="11078" y="1660"/>
                  </a:cubicBezTo>
                  <a:cubicBezTo>
                    <a:pt x="11148" y="1652"/>
                    <a:pt x="11269" y="1649"/>
                    <a:pt x="11391" y="1649"/>
                  </a:cubicBezTo>
                  <a:cubicBezTo>
                    <a:pt x="11514" y="1649"/>
                    <a:pt x="11638" y="1652"/>
                    <a:pt x="11717" y="1656"/>
                  </a:cubicBezTo>
                  <a:cubicBezTo>
                    <a:pt x="11990" y="1630"/>
                    <a:pt x="12328" y="1623"/>
                    <a:pt x="12537" y="1588"/>
                  </a:cubicBezTo>
                  <a:cubicBezTo>
                    <a:pt x="12549" y="1589"/>
                    <a:pt x="12561" y="1589"/>
                    <a:pt x="12575" y="1589"/>
                  </a:cubicBezTo>
                  <a:cubicBezTo>
                    <a:pt x="12794" y="1589"/>
                    <a:pt x="13252" y="1556"/>
                    <a:pt x="13605" y="1554"/>
                  </a:cubicBezTo>
                  <a:cubicBezTo>
                    <a:pt x="13661" y="1567"/>
                    <a:pt x="14044" y="1552"/>
                    <a:pt x="13850" y="1571"/>
                  </a:cubicBezTo>
                  <a:lnTo>
                    <a:pt x="13850" y="1571"/>
                  </a:lnTo>
                  <a:cubicBezTo>
                    <a:pt x="13921" y="1565"/>
                    <a:pt x="14169" y="1555"/>
                    <a:pt x="14096" y="1544"/>
                  </a:cubicBezTo>
                  <a:lnTo>
                    <a:pt x="14096" y="1544"/>
                  </a:lnTo>
                  <a:cubicBezTo>
                    <a:pt x="14050" y="1549"/>
                    <a:pt x="14005" y="1551"/>
                    <a:pt x="13961" y="1551"/>
                  </a:cubicBezTo>
                  <a:lnTo>
                    <a:pt x="14019" y="1530"/>
                  </a:lnTo>
                  <a:cubicBezTo>
                    <a:pt x="14027" y="1531"/>
                    <a:pt x="14034" y="1531"/>
                    <a:pt x="14041" y="1531"/>
                  </a:cubicBezTo>
                  <a:cubicBezTo>
                    <a:pt x="14202" y="1531"/>
                    <a:pt x="14378" y="1509"/>
                    <a:pt x="14535" y="1509"/>
                  </a:cubicBezTo>
                  <a:cubicBezTo>
                    <a:pt x="14548" y="1509"/>
                    <a:pt x="14562" y="1509"/>
                    <a:pt x="14575" y="1510"/>
                  </a:cubicBezTo>
                  <a:cubicBezTo>
                    <a:pt x="14633" y="1524"/>
                    <a:pt x="14251" y="1528"/>
                    <a:pt x="14367" y="1542"/>
                  </a:cubicBezTo>
                  <a:cubicBezTo>
                    <a:pt x="14523" y="1514"/>
                    <a:pt x="15125" y="1484"/>
                    <a:pt x="15380" y="1484"/>
                  </a:cubicBezTo>
                  <a:cubicBezTo>
                    <a:pt x="15398" y="1484"/>
                    <a:pt x="15414" y="1484"/>
                    <a:pt x="15428" y="1484"/>
                  </a:cubicBezTo>
                  <a:cubicBezTo>
                    <a:pt x="15571" y="1484"/>
                    <a:pt x="15590" y="1505"/>
                    <a:pt x="15650" y="1505"/>
                  </a:cubicBezTo>
                  <a:lnTo>
                    <a:pt x="15893" y="1496"/>
                  </a:lnTo>
                  <a:cubicBezTo>
                    <a:pt x="15919" y="1505"/>
                    <a:pt x="15947" y="1512"/>
                    <a:pt x="15972" y="1519"/>
                  </a:cubicBezTo>
                  <a:cubicBezTo>
                    <a:pt x="16065" y="1517"/>
                    <a:pt x="16155" y="1512"/>
                    <a:pt x="16248" y="1503"/>
                  </a:cubicBezTo>
                  <a:lnTo>
                    <a:pt x="16248" y="1503"/>
                  </a:lnTo>
                  <a:cubicBezTo>
                    <a:pt x="16567" y="1505"/>
                    <a:pt x="16396" y="1528"/>
                    <a:pt x="16234" y="1549"/>
                  </a:cubicBezTo>
                  <a:lnTo>
                    <a:pt x="16056" y="1549"/>
                  </a:lnTo>
                  <a:cubicBezTo>
                    <a:pt x="15924" y="1563"/>
                    <a:pt x="15736" y="1565"/>
                    <a:pt x="15847" y="1581"/>
                  </a:cubicBezTo>
                  <a:cubicBezTo>
                    <a:pt x="15889" y="1581"/>
                    <a:pt x="15928" y="1574"/>
                    <a:pt x="15968" y="1563"/>
                  </a:cubicBezTo>
                  <a:lnTo>
                    <a:pt x="16072" y="1570"/>
                  </a:lnTo>
                  <a:cubicBezTo>
                    <a:pt x="16178" y="1558"/>
                    <a:pt x="16473" y="1542"/>
                    <a:pt x="16440" y="1528"/>
                  </a:cubicBezTo>
                  <a:lnTo>
                    <a:pt x="16440" y="1528"/>
                  </a:lnTo>
                  <a:cubicBezTo>
                    <a:pt x="16460" y="1529"/>
                    <a:pt x="16480" y="1529"/>
                    <a:pt x="16500" y="1529"/>
                  </a:cubicBezTo>
                  <a:cubicBezTo>
                    <a:pt x="16672" y="1529"/>
                    <a:pt x="16857" y="1515"/>
                    <a:pt x="17015" y="1515"/>
                  </a:cubicBezTo>
                  <a:cubicBezTo>
                    <a:pt x="17042" y="1515"/>
                    <a:pt x="17068" y="1516"/>
                    <a:pt x="17093" y="1517"/>
                  </a:cubicBezTo>
                  <a:cubicBezTo>
                    <a:pt x="16961" y="1510"/>
                    <a:pt x="17128" y="1498"/>
                    <a:pt x="17089" y="1486"/>
                  </a:cubicBezTo>
                  <a:lnTo>
                    <a:pt x="17089" y="1486"/>
                  </a:lnTo>
                  <a:lnTo>
                    <a:pt x="16859" y="1491"/>
                  </a:lnTo>
                  <a:cubicBezTo>
                    <a:pt x="17025" y="1481"/>
                    <a:pt x="17258" y="1463"/>
                    <a:pt x="17429" y="1463"/>
                  </a:cubicBezTo>
                  <a:cubicBezTo>
                    <a:pt x="17448" y="1463"/>
                    <a:pt x="17466" y="1463"/>
                    <a:pt x="17482" y="1463"/>
                  </a:cubicBezTo>
                  <a:cubicBezTo>
                    <a:pt x="17462" y="1475"/>
                    <a:pt x="17453" y="1477"/>
                    <a:pt x="17540" y="1484"/>
                  </a:cubicBezTo>
                  <a:lnTo>
                    <a:pt x="17540" y="1484"/>
                  </a:lnTo>
                  <a:cubicBezTo>
                    <a:pt x="17424" y="1475"/>
                    <a:pt x="17860" y="1454"/>
                    <a:pt x="17594" y="1447"/>
                  </a:cubicBezTo>
                  <a:lnTo>
                    <a:pt x="17594" y="1447"/>
                  </a:lnTo>
                  <a:cubicBezTo>
                    <a:pt x="17496" y="1456"/>
                    <a:pt x="17404" y="1461"/>
                    <a:pt x="17276" y="1466"/>
                  </a:cubicBezTo>
                  <a:cubicBezTo>
                    <a:pt x="17191" y="1447"/>
                    <a:pt x="17392" y="1435"/>
                    <a:pt x="17503" y="1422"/>
                  </a:cubicBezTo>
                  <a:cubicBezTo>
                    <a:pt x="17645" y="1412"/>
                    <a:pt x="17920" y="1396"/>
                    <a:pt x="18113" y="1382"/>
                  </a:cubicBezTo>
                  <a:cubicBezTo>
                    <a:pt x="18193" y="1382"/>
                    <a:pt x="18236" y="1391"/>
                    <a:pt x="18316" y="1391"/>
                  </a:cubicBezTo>
                  <a:cubicBezTo>
                    <a:pt x="18357" y="1391"/>
                    <a:pt x="18406" y="1389"/>
                    <a:pt x="18474" y="1382"/>
                  </a:cubicBezTo>
                  <a:cubicBezTo>
                    <a:pt x="18212" y="1373"/>
                    <a:pt x="18719" y="1338"/>
                    <a:pt x="18787" y="1315"/>
                  </a:cubicBezTo>
                  <a:cubicBezTo>
                    <a:pt x="18957" y="1315"/>
                    <a:pt x="19072" y="1292"/>
                    <a:pt x="19204" y="1292"/>
                  </a:cubicBezTo>
                  <a:cubicBezTo>
                    <a:pt x="19224" y="1292"/>
                    <a:pt x="19245" y="1293"/>
                    <a:pt x="19266" y="1294"/>
                  </a:cubicBezTo>
                  <a:cubicBezTo>
                    <a:pt x="19185" y="1306"/>
                    <a:pt x="18882" y="1317"/>
                    <a:pt x="18805" y="1336"/>
                  </a:cubicBezTo>
                  <a:cubicBezTo>
                    <a:pt x="18794" y="1352"/>
                    <a:pt x="18872" y="1373"/>
                    <a:pt x="18574" y="1391"/>
                  </a:cubicBezTo>
                  <a:cubicBezTo>
                    <a:pt x="18935" y="1385"/>
                    <a:pt x="18784" y="1371"/>
                    <a:pt x="18949" y="1359"/>
                  </a:cubicBezTo>
                  <a:lnTo>
                    <a:pt x="18949" y="1359"/>
                  </a:lnTo>
                  <a:lnTo>
                    <a:pt x="18826" y="1366"/>
                  </a:lnTo>
                  <a:cubicBezTo>
                    <a:pt x="18882" y="1357"/>
                    <a:pt x="18775" y="1350"/>
                    <a:pt x="18884" y="1345"/>
                  </a:cubicBezTo>
                  <a:cubicBezTo>
                    <a:pt x="19011" y="1342"/>
                    <a:pt x="19106" y="1340"/>
                    <a:pt x="19186" y="1340"/>
                  </a:cubicBezTo>
                  <a:cubicBezTo>
                    <a:pt x="19371" y="1340"/>
                    <a:pt x="19468" y="1348"/>
                    <a:pt x="19669" y="1354"/>
                  </a:cubicBezTo>
                  <a:cubicBezTo>
                    <a:pt x="19604" y="1345"/>
                    <a:pt x="19736" y="1331"/>
                    <a:pt x="19804" y="1327"/>
                  </a:cubicBezTo>
                  <a:lnTo>
                    <a:pt x="19804" y="1327"/>
                  </a:lnTo>
                  <a:cubicBezTo>
                    <a:pt x="20079" y="1329"/>
                    <a:pt x="19801" y="1359"/>
                    <a:pt x="19970" y="1373"/>
                  </a:cubicBezTo>
                  <a:cubicBezTo>
                    <a:pt x="20065" y="1357"/>
                    <a:pt x="20253" y="1352"/>
                    <a:pt x="20190" y="1345"/>
                  </a:cubicBezTo>
                  <a:cubicBezTo>
                    <a:pt x="20217" y="1344"/>
                    <a:pt x="20233" y="1344"/>
                    <a:pt x="20244" y="1344"/>
                  </a:cubicBezTo>
                  <a:cubicBezTo>
                    <a:pt x="20279" y="1344"/>
                    <a:pt x="20260" y="1348"/>
                    <a:pt x="20320" y="1350"/>
                  </a:cubicBezTo>
                  <a:cubicBezTo>
                    <a:pt x="20420" y="1329"/>
                    <a:pt x="20522" y="1317"/>
                    <a:pt x="20624" y="1317"/>
                  </a:cubicBezTo>
                  <a:cubicBezTo>
                    <a:pt x="20610" y="1324"/>
                    <a:pt x="20589" y="1334"/>
                    <a:pt x="20443" y="1338"/>
                  </a:cubicBezTo>
                  <a:cubicBezTo>
                    <a:pt x="20452" y="1338"/>
                    <a:pt x="20461" y="1338"/>
                    <a:pt x="20470" y="1338"/>
                  </a:cubicBezTo>
                  <a:cubicBezTo>
                    <a:pt x="20614" y="1338"/>
                    <a:pt x="20664" y="1355"/>
                    <a:pt x="20598" y="1371"/>
                  </a:cubicBezTo>
                  <a:lnTo>
                    <a:pt x="20332" y="1373"/>
                  </a:lnTo>
                  <a:cubicBezTo>
                    <a:pt x="20293" y="1380"/>
                    <a:pt x="20306" y="1382"/>
                    <a:pt x="20341" y="1382"/>
                  </a:cubicBezTo>
                  <a:cubicBezTo>
                    <a:pt x="20383" y="1382"/>
                    <a:pt x="20459" y="1379"/>
                    <a:pt x="20511" y="1379"/>
                  </a:cubicBezTo>
                  <a:cubicBezTo>
                    <a:pt x="20547" y="1379"/>
                    <a:pt x="20573" y="1380"/>
                    <a:pt x="20570" y="1385"/>
                  </a:cubicBezTo>
                  <a:cubicBezTo>
                    <a:pt x="20454" y="1394"/>
                    <a:pt x="20364" y="1387"/>
                    <a:pt x="20290" y="1396"/>
                  </a:cubicBezTo>
                  <a:cubicBezTo>
                    <a:pt x="20304" y="1398"/>
                    <a:pt x="20323" y="1399"/>
                    <a:pt x="20345" y="1399"/>
                  </a:cubicBezTo>
                  <a:cubicBezTo>
                    <a:pt x="20445" y="1399"/>
                    <a:pt x="20618" y="1381"/>
                    <a:pt x="20728" y="1375"/>
                  </a:cubicBezTo>
                  <a:cubicBezTo>
                    <a:pt x="20765" y="1374"/>
                    <a:pt x="20794" y="1373"/>
                    <a:pt x="20816" y="1373"/>
                  </a:cubicBezTo>
                  <a:cubicBezTo>
                    <a:pt x="20916" y="1373"/>
                    <a:pt x="20865" y="1388"/>
                    <a:pt x="20867" y="1394"/>
                  </a:cubicBezTo>
                  <a:cubicBezTo>
                    <a:pt x="21226" y="1352"/>
                    <a:pt x="20450" y="1385"/>
                    <a:pt x="20783" y="1345"/>
                  </a:cubicBezTo>
                  <a:cubicBezTo>
                    <a:pt x="20911" y="1322"/>
                    <a:pt x="21233" y="1310"/>
                    <a:pt x="21458" y="1294"/>
                  </a:cubicBezTo>
                  <a:cubicBezTo>
                    <a:pt x="21263" y="1283"/>
                    <a:pt x="21478" y="1264"/>
                    <a:pt x="21710" y="1248"/>
                  </a:cubicBezTo>
                  <a:lnTo>
                    <a:pt x="21710" y="1248"/>
                  </a:lnTo>
                  <a:cubicBezTo>
                    <a:pt x="21660" y="1250"/>
                    <a:pt x="21625" y="1250"/>
                    <a:pt x="21598" y="1250"/>
                  </a:cubicBezTo>
                  <a:cubicBezTo>
                    <a:pt x="21519" y="1250"/>
                    <a:pt x="21525" y="1244"/>
                    <a:pt x="21481" y="1244"/>
                  </a:cubicBezTo>
                  <a:cubicBezTo>
                    <a:pt x="21450" y="1244"/>
                    <a:pt x="21397" y="1247"/>
                    <a:pt x="21277" y="1257"/>
                  </a:cubicBezTo>
                  <a:lnTo>
                    <a:pt x="21268" y="1241"/>
                  </a:lnTo>
                  <a:cubicBezTo>
                    <a:pt x="21420" y="1234"/>
                    <a:pt x="21601" y="1232"/>
                    <a:pt x="21752" y="1225"/>
                  </a:cubicBezTo>
                  <a:lnTo>
                    <a:pt x="21752" y="1225"/>
                  </a:lnTo>
                  <a:cubicBezTo>
                    <a:pt x="21722" y="1232"/>
                    <a:pt x="21756" y="1234"/>
                    <a:pt x="21708" y="1239"/>
                  </a:cubicBezTo>
                  <a:lnTo>
                    <a:pt x="22159" y="1211"/>
                  </a:lnTo>
                  <a:lnTo>
                    <a:pt x="22159" y="1211"/>
                  </a:lnTo>
                  <a:lnTo>
                    <a:pt x="22113" y="1222"/>
                  </a:lnTo>
                  <a:cubicBezTo>
                    <a:pt x="22254" y="1218"/>
                    <a:pt x="22410" y="1213"/>
                    <a:pt x="22551" y="1211"/>
                  </a:cubicBezTo>
                  <a:cubicBezTo>
                    <a:pt x="22692" y="1206"/>
                    <a:pt x="22820" y="1202"/>
                    <a:pt x="22903" y="1192"/>
                  </a:cubicBezTo>
                  <a:lnTo>
                    <a:pt x="22903" y="1192"/>
                  </a:lnTo>
                  <a:cubicBezTo>
                    <a:pt x="22865" y="1195"/>
                    <a:pt x="22829" y="1196"/>
                    <a:pt x="22800" y="1196"/>
                  </a:cubicBezTo>
                  <a:cubicBezTo>
                    <a:pt x="22723" y="1196"/>
                    <a:pt x="22690" y="1188"/>
                    <a:pt x="22792" y="1178"/>
                  </a:cubicBezTo>
                  <a:cubicBezTo>
                    <a:pt x="22873" y="1167"/>
                    <a:pt x="23021" y="1153"/>
                    <a:pt x="23146" y="1146"/>
                  </a:cubicBezTo>
                  <a:cubicBezTo>
                    <a:pt x="23168" y="1151"/>
                    <a:pt x="23232" y="1152"/>
                    <a:pt x="23299" y="1152"/>
                  </a:cubicBezTo>
                  <a:cubicBezTo>
                    <a:pt x="23337" y="1152"/>
                    <a:pt x="23376" y="1152"/>
                    <a:pt x="23409" y="1152"/>
                  </a:cubicBezTo>
                  <a:cubicBezTo>
                    <a:pt x="23499" y="1152"/>
                    <a:pt x="23543" y="1154"/>
                    <a:pt x="23392" y="1171"/>
                  </a:cubicBezTo>
                  <a:cubicBezTo>
                    <a:pt x="23783" y="1141"/>
                    <a:pt x="23640" y="1146"/>
                    <a:pt x="24013" y="1113"/>
                  </a:cubicBezTo>
                  <a:lnTo>
                    <a:pt x="24013" y="1113"/>
                  </a:lnTo>
                  <a:lnTo>
                    <a:pt x="23762" y="1132"/>
                  </a:lnTo>
                  <a:cubicBezTo>
                    <a:pt x="23731" y="1119"/>
                    <a:pt x="23923" y="1086"/>
                    <a:pt x="23719" y="1086"/>
                  </a:cubicBezTo>
                  <a:cubicBezTo>
                    <a:pt x="23712" y="1086"/>
                    <a:pt x="23705" y="1086"/>
                    <a:pt x="23698" y="1086"/>
                  </a:cubicBezTo>
                  <a:cubicBezTo>
                    <a:pt x="23978" y="1060"/>
                    <a:pt x="23797" y="1044"/>
                    <a:pt x="24175" y="1021"/>
                  </a:cubicBezTo>
                  <a:cubicBezTo>
                    <a:pt x="24328" y="1021"/>
                    <a:pt x="24131" y="1053"/>
                    <a:pt x="23918" y="1069"/>
                  </a:cubicBezTo>
                  <a:cubicBezTo>
                    <a:pt x="24024" y="1069"/>
                    <a:pt x="24128" y="1063"/>
                    <a:pt x="24233" y="1051"/>
                  </a:cubicBezTo>
                  <a:lnTo>
                    <a:pt x="24233" y="1051"/>
                  </a:lnTo>
                  <a:cubicBezTo>
                    <a:pt x="24314" y="1060"/>
                    <a:pt x="24033" y="1083"/>
                    <a:pt x="24043" y="1088"/>
                  </a:cubicBezTo>
                  <a:cubicBezTo>
                    <a:pt x="24237" y="1079"/>
                    <a:pt x="24040" y="1081"/>
                    <a:pt x="24223" y="1067"/>
                  </a:cubicBezTo>
                  <a:cubicBezTo>
                    <a:pt x="24314" y="1057"/>
                    <a:pt x="24370" y="1054"/>
                    <a:pt x="24411" y="1054"/>
                  </a:cubicBezTo>
                  <a:cubicBezTo>
                    <a:pt x="24480" y="1054"/>
                    <a:pt x="24504" y="1063"/>
                    <a:pt x="24582" y="1063"/>
                  </a:cubicBezTo>
                  <a:cubicBezTo>
                    <a:pt x="24618" y="1063"/>
                    <a:pt x="24666" y="1061"/>
                    <a:pt x="24735" y="1056"/>
                  </a:cubicBezTo>
                  <a:lnTo>
                    <a:pt x="24735" y="1056"/>
                  </a:lnTo>
                  <a:cubicBezTo>
                    <a:pt x="24709" y="1057"/>
                    <a:pt x="24675" y="1058"/>
                    <a:pt x="24648" y="1058"/>
                  </a:cubicBezTo>
                  <a:cubicBezTo>
                    <a:pt x="24605" y="1058"/>
                    <a:pt x="24579" y="1056"/>
                    <a:pt x="24629" y="1049"/>
                  </a:cubicBezTo>
                  <a:cubicBezTo>
                    <a:pt x="25043" y="1028"/>
                    <a:pt x="24858" y="1021"/>
                    <a:pt x="25157" y="998"/>
                  </a:cubicBezTo>
                  <a:cubicBezTo>
                    <a:pt x="25300" y="1007"/>
                    <a:pt x="25272" y="1028"/>
                    <a:pt x="25417" y="1028"/>
                  </a:cubicBezTo>
                  <a:cubicBezTo>
                    <a:pt x="25446" y="1028"/>
                    <a:pt x="25482" y="1027"/>
                    <a:pt x="25528" y="1025"/>
                  </a:cubicBezTo>
                  <a:lnTo>
                    <a:pt x="25528" y="1025"/>
                  </a:lnTo>
                  <a:lnTo>
                    <a:pt x="25375" y="1035"/>
                  </a:lnTo>
                  <a:cubicBezTo>
                    <a:pt x="25415" y="1036"/>
                    <a:pt x="25455" y="1037"/>
                    <a:pt x="25495" y="1037"/>
                  </a:cubicBezTo>
                  <a:cubicBezTo>
                    <a:pt x="25567" y="1037"/>
                    <a:pt x="25640" y="1035"/>
                    <a:pt x="25713" y="1030"/>
                  </a:cubicBezTo>
                  <a:cubicBezTo>
                    <a:pt x="26276" y="979"/>
                    <a:pt x="26739" y="919"/>
                    <a:pt x="27320" y="866"/>
                  </a:cubicBezTo>
                  <a:lnTo>
                    <a:pt x="27320" y="866"/>
                  </a:lnTo>
                  <a:lnTo>
                    <a:pt x="27112" y="884"/>
                  </a:lnTo>
                  <a:cubicBezTo>
                    <a:pt x="27042" y="882"/>
                    <a:pt x="27286" y="863"/>
                    <a:pt x="27281" y="856"/>
                  </a:cubicBezTo>
                  <a:lnTo>
                    <a:pt x="27281" y="856"/>
                  </a:lnTo>
                  <a:lnTo>
                    <a:pt x="27413" y="859"/>
                  </a:lnTo>
                  <a:cubicBezTo>
                    <a:pt x="27427" y="851"/>
                    <a:pt x="27383" y="850"/>
                    <a:pt x="27329" y="850"/>
                  </a:cubicBezTo>
                  <a:cubicBezTo>
                    <a:pt x="27307" y="850"/>
                    <a:pt x="27282" y="850"/>
                    <a:pt x="27260" y="850"/>
                  </a:cubicBezTo>
                  <a:cubicBezTo>
                    <a:pt x="27204" y="850"/>
                    <a:pt x="27163" y="849"/>
                    <a:pt x="27195" y="840"/>
                  </a:cubicBezTo>
                  <a:cubicBezTo>
                    <a:pt x="27223" y="840"/>
                    <a:pt x="27251" y="840"/>
                    <a:pt x="27281" y="836"/>
                  </a:cubicBezTo>
                  <a:lnTo>
                    <a:pt x="27281" y="836"/>
                  </a:lnTo>
                  <a:lnTo>
                    <a:pt x="27161" y="838"/>
                  </a:lnTo>
                  <a:cubicBezTo>
                    <a:pt x="27394" y="828"/>
                    <a:pt x="27584" y="796"/>
                    <a:pt x="27764" y="796"/>
                  </a:cubicBezTo>
                  <a:cubicBezTo>
                    <a:pt x="27793" y="796"/>
                    <a:pt x="27822" y="797"/>
                    <a:pt x="27851" y="798"/>
                  </a:cubicBezTo>
                  <a:cubicBezTo>
                    <a:pt x="27347" y="832"/>
                    <a:pt x="27732" y="848"/>
                    <a:pt x="27322" y="885"/>
                  </a:cubicBezTo>
                  <a:lnTo>
                    <a:pt x="27322" y="885"/>
                  </a:lnTo>
                  <a:cubicBezTo>
                    <a:pt x="27348" y="883"/>
                    <a:pt x="27366" y="883"/>
                    <a:pt x="27377" y="883"/>
                  </a:cubicBezTo>
                  <a:cubicBezTo>
                    <a:pt x="27435" y="883"/>
                    <a:pt x="27311" y="906"/>
                    <a:pt x="27334" y="910"/>
                  </a:cubicBezTo>
                  <a:cubicBezTo>
                    <a:pt x="27478" y="905"/>
                    <a:pt x="27404" y="893"/>
                    <a:pt x="27566" y="889"/>
                  </a:cubicBezTo>
                  <a:lnTo>
                    <a:pt x="27566" y="889"/>
                  </a:lnTo>
                  <a:cubicBezTo>
                    <a:pt x="27564" y="900"/>
                    <a:pt x="27237" y="931"/>
                    <a:pt x="27357" y="931"/>
                  </a:cubicBezTo>
                  <a:cubicBezTo>
                    <a:pt x="27361" y="931"/>
                    <a:pt x="27366" y="931"/>
                    <a:pt x="27371" y="930"/>
                  </a:cubicBezTo>
                  <a:cubicBezTo>
                    <a:pt x="27388" y="912"/>
                    <a:pt x="27531" y="907"/>
                    <a:pt x="27603" y="889"/>
                  </a:cubicBezTo>
                  <a:cubicBezTo>
                    <a:pt x="27612" y="889"/>
                    <a:pt x="27620" y="889"/>
                    <a:pt x="27627" y="889"/>
                  </a:cubicBezTo>
                  <a:cubicBezTo>
                    <a:pt x="27706" y="889"/>
                    <a:pt x="27605" y="901"/>
                    <a:pt x="27654" y="903"/>
                  </a:cubicBezTo>
                  <a:cubicBezTo>
                    <a:pt x="27719" y="898"/>
                    <a:pt x="27758" y="889"/>
                    <a:pt x="27818" y="886"/>
                  </a:cubicBezTo>
                  <a:lnTo>
                    <a:pt x="27818" y="886"/>
                  </a:lnTo>
                  <a:lnTo>
                    <a:pt x="27774" y="900"/>
                  </a:lnTo>
                  <a:cubicBezTo>
                    <a:pt x="28110" y="896"/>
                    <a:pt x="27874" y="877"/>
                    <a:pt x="28256" y="859"/>
                  </a:cubicBezTo>
                  <a:cubicBezTo>
                    <a:pt x="28259" y="853"/>
                    <a:pt x="28248" y="851"/>
                    <a:pt x="28224" y="851"/>
                  </a:cubicBezTo>
                  <a:cubicBezTo>
                    <a:pt x="28180" y="851"/>
                    <a:pt x="28094" y="859"/>
                    <a:pt x="27990" y="868"/>
                  </a:cubicBezTo>
                  <a:cubicBezTo>
                    <a:pt x="27909" y="840"/>
                    <a:pt x="28479" y="801"/>
                    <a:pt x="28446" y="768"/>
                  </a:cubicBezTo>
                  <a:cubicBezTo>
                    <a:pt x="28533" y="761"/>
                    <a:pt x="28572" y="758"/>
                    <a:pt x="28586" y="758"/>
                  </a:cubicBezTo>
                  <a:cubicBezTo>
                    <a:pt x="28625" y="758"/>
                    <a:pt x="28471" y="779"/>
                    <a:pt x="28594" y="779"/>
                  </a:cubicBezTo>
                  <a:cubicBezTo>
                    <a:pt x="28610" y="779"/>
                    <a:pt x="28632" y="778"/>
                    <a:pt x="28659" y="778"/>
                  </a:cubicBezTo>
                  <a:lnTo>
                    <a:pt x="28659" y="778"/>
                  </a:lnTo>
                  <a:cubicBezTo>
                    <a:pt x="28828" y="787"/>
                    <a:pt x="28435" y="815"/>
                    <a:pt x="28358" y="836"/>
                  </a:cubicBezTo>
                  <a:lnTo>
                    <a:pt x="28676" y="829"/>
                  </a:lnTo>
                  <a:lnTo>
                    <a:pt x="28676" y="829"/>
                  </a:lnTo>
                  <a:cubicBezTo>
                    <a:pt x="28571" y="863"/>
                    <a:pt x="28372" y="868"/>
                    <a:pt x="28319" y="896"/>
                  </a:cubicBezTo>
                  <a:cubicBezTo>
                    <a:pt x="28555" y="882"/>
                    <a:pt x="28527" y="877"/>
                    <a:pt x="28766" y="852"/>
                  </a:cubicBezTo>
                  <a:lnTo>
                    <a:pt x="28766" y="852"/>
                  </a:lnTo>
                  <a:cubicBezTo>
                    <a:pt x="28752" y="852"/>
                    <a:pt x="28739" y="852"/>
                    <a:pt x="28727" y="852"/>
                  </a:cubicBezTo>
                  <a:cubicBezTo>
                    <a:pt x="28417" y="852"/>
                    <a:pt x="28925" y="823"/>
                    <a:pt x="28710" y="810"/>
                  </a:cubicBezTo>
                  <a:cubicBezTo>
                    <a:pt x="28759" y="809"/>
                    <a:pt x="28790" y="809"/>
                    <a:pt x="28815" y="809"/>
                  </a:cubicBezTo>
                  <a:cubicBezTo>
                    <a:pt x="28831" y="809"/>
                    <a:pt x="28844" y="809"/>
                    <a:pt x="28857" y="809"/>
                  </a:cubicBezTo>
                  <a:cubicBezTo>
                    <a:pt x="28901" y="809"/>
                    <a:pt x="28947" y="808"/>
                    <a:pt x="29095" y="798"/>
                  </a:cubicBezTo>
                  <a:lnTo>
                    <a:pt x="29095" y="798"/>
                  </a:lnTo>
                  <a:cubicBezTo>
                    <a:pt x="28930" y="815"/>
                    <a:pt x="29090" y="822"/>
                    <a:pt x="28870" y="838"/>
                  </a:cubicBezTo>
                  <a:cubicBezTo>
                    <a:pt x="29222" y="812"/>
                    <a:pt x="29127" y="812"/>
                    <a:pt x="29479" y="787"/>
                  </a:cubicBezTo>
                  <a:cubicBezTo>
                    <a:pt x="29588" y="759"/>
                    <a:pt x="29120" y="785"/>
                    <a:pt x="29544" y="741"/>
                  </a:cubicBezTo>
                  <a:cubicBezTo>
                    <a:pt x="29565" y="739"/>
                    <a:pt x="29580" y="739"/>
                    <a:pt x="29591" y="739"/>
                  </a:cubicBezTo>
                  <a:cubicBezTo>
                    <a:pt x="29625" y="739"/>
                    <a:pt x="29606" y="744"/>
                    <a:pt x="29565" y="747"/>
                  </a:cubicBezTo>
                  <a:cubicBezTo>
                    <a:pt x="29869" y="734"/>
                    <a:pt x="29500" y="727"/>
                    <a:pt x="29690" y="703"/>
                  </a:cubicBezTo>
                  <a:cubicBezTo>
                    <a:pt x="29746" y="699"/>
                    <a:pt x="29786" y="697"/>
                    <a:pt x="29811" y="697"/>
                  </a:cubicBezTo>
                  <a:cubicBezTo>
                    <a:pt x="29845" y="697"/>
                    <a:pt x="29847" y="700"/>
                    <a:pt x="29815" y="706"/>
                  </a:cubicBezTo>
                  <a:cubicBezTo>
                    <a:pt x="30014" y="680"/>
                    <a:pt x="29903" y="673"/>
                    <a:pt x="30035" y="662"/>
                  </a:cubicBezTo>
                  <a:lnTo>
                    <a:pt x="29975" y="662"/>
                  </a:lnTo>
                  <a:cubicBezTo>
                    <a:pt x="30031" y="653"/>
                    <a:pt x="29873" y="634"/>
                    <a:pt x="30160" y="613"/>
                  </a:cubicBezTo>
                  <a:cubicBezTo>
                    <a:pt x="30219" y="609"/>
                    <a:pt x="30256" y="608"/>
                    <a:pt x="30279" y="608"/>
                  </a:cubicBezTo>
                  <a:cubicBezTo>
                    <a:pt x="30337" y="608"/>
                    <a:pt x="30305" y="617"/>
                    <a:pt x="30309" y="622"/>
                  </a:cubicBezTo>
                  <a:cubicBezTo>
                    <a:pt x="30441" y="606"/>
                    <a:pt x="30573" y="599"/>
                    <a:pt x="30707" y="599"/>
                  </a:cubicBezTo>
                  <a:cubicBezTo>
                    <a:pt x="30695" y="597"/>
                    <a:pt x="30707" y="592"/>
                    <a:pt x="30756" y="590"/>
                  </a:cubicBezTo>
                  <a:cubicBezTo>
                    <a:pt x="30840" y="581"/>
                    <a:pt x="30888" y="579"/>
                    <a:pt x="30916" y="579"/>
                  </a:cubicBezTo>
                  <a:cubicBezTo>
                    <a:pt x="30974" y="579"/>
                    <a:pt x="30953" y="590"/>
                    <a:pt x="30999" y="590"/>
                  </a:cubicBezTo>
                  <a:cubicBezTo>
                    <a:pt x="31005" y="590"/>
                    <a:pt x="31010" y="590"/>
                    <a:pt x="31017" y="590"/>
                  </a:cubicBezTo>
                  <a:cubicBezTo>
                    <a:pt x="31409" y="574"/>
                    <a:pt x="30967" y="558"/>
                    <a:pt x="31402" y="525"/>
                  </a:cubicBezTo>
                  <a:lnTo>
                    <a:pt x="31402" y="525"/>
                  </a:lnTo>
                  <a:lnTo>
                    <a:pt x="30895" y="555"/>
                  </a:lnTo>
                  <a:cubicBezTo>
                    <a:pt x="30911" y="546"/>
                    <a:pt x="30919" y="534"/>
                    <a:pt x="30868" y="534"/>
                  </a:cubicBezTo>
                  <a:cubicBezTo>
                    <a:pt x="30855" y="534"/>
                    <a:pt x="30838" y="535"/>
                    <a:pt x="30816" y="537"/>
                  </a:cubicBezTo>
                  <a:cubicBezTo>
                    <a:pt x="30807" y="551"/>
                    <a:pt x="30626" y="576"/>
                    <a:pt x="30457" y="585"/>
                  </a:cubicBezTo>
                  <a:cubicBezTo>
                    <a:pt x="30407" y="572"/>
                    <a:pt x="30881" y="537"/>
                    <a:pt x="30648" y="537"/>
                  </a:cubicBezTo>
                  <a:cubicBezTo>
                    <a:pt x="30640" y="537"/>
                    <a:pt x="30632" y="537"/>
                    <a:pt x="30624" y="537"/>
                  </a:cubicBezTo>
                  <a:cubicBezTo>
                    <a:pt x="30726" y="532"/>
                    <a:pt x="30867" y="518"/>
                    <a:pt x="30994" y="511"/>
                  </a:cubicBezTo>
                  <a:lnTo>
                    <a:pt x="30994" y="511"/>
                  </a:lnTo>
                  <a:cubicBezTo>
                    <a:pt x="30967" y="517"/>
                    <a:pt x="30971" y="519"/>
                    <a:pt x="30991" y="519"/>
                  </a:cubicBezTo>
                  <a:cubicBezTo>
                    <a:pt x="31038" y="519"/>
                    <a:pt x="31170" y="509"/>
                    <a:pt x="31217" y="509"/>
                  </a:cubicBezTo>
                  <a:cubicBezTo>
                    <a:pt x="31245" y="509"/>
                    <a:pt x="31245" y="512"/>
                    <a:pt x="31182" y="523"/>
                  </a:cubicBezTo>
                  <a:cubicBezTo>
                    <a:pt x="31736" y="479"/>
                    <a:pt x="31817" y="483"/>
                    <a:pt x="32324" y="432"/>
                  </a:cubicBezTo>
                  <a:lnTo>
                    <a:pt x="32324" y="432"/>
                  </a:lnTo>
                  <a:cubicBezTo>
                    <a:pt x="32115" y="476"/>
                    <a:pt x="31905" y="502"/>
                    <a:pt x="31692" y="511"/>
                  </a:cubicBezTo>
                  <a:lnTo>
                    <a:pt x="31671" y="504"/>
                  </a:lnTo>
                  <a:cubicBezTo>
                    <a:pt x="31568" y="516"/>
                    <a:pt x="31554" y="519"/>
                    <a:pt x="31581" y="519"/>
                  </a:cubicBezTo>
                  <a:cubicBezTo>
                    <a:pt x="31623" y="519"/>
                    <a:pt x="31760" y="511"/>
                    <a:pt x="31831" y="511"/>
                  </a:cubicBezTo>
                  <a:cubicBezTo>
                    <a:pt x="31864" y="511"/>
                    <a:pt x="31883" y="513"/>
                    <a:pt x="31870" y="518"/>
                  </a:cubicBezTo>
                  <a:cubicBezTo>
                    <a:pt x="32278" y="460"/>
                    <a:pt x="32776" y="463"/>
                    <a:pt x="33276" y="416"/>
                  </a:cubicBezTo>
                  <a:cubicBezTo>
                    <a:pt x="33188" y="414"/>
                    <a:pt x="33285" y="400"/>
                    <a:pt x="33304" y="388"/>
                  </a:cubicBezTo>
                  <a:lnTo>
                    <a:pt x="33304" y="388"/>
                  </a:lnTo>
                  <a:cubicBezTo>
                    <a:pt x="33105" y="407"/>
                    <a:pt x="33139" y="407"/>
                    <a:pt x="32991" y="407"/>
                  </a:cubicBezTo>
                  <a:cubicBezTo>
                    <a:pt x="33019" y="391"/>
                    <a:pt x="33139" y="388"/>
                    <a:pt x="33202" y="375"/>
                  </a:cubicBezTo>
                  <a:cubicBezTo>
                    <a:pt x="33215" y="370"/>
                    <a:pt x="33211" y="368"/>
                    <a:pt x="33198" y="368"/>
                  </a:cubicBezTo>
                  <a:cubicBezTo>
                    <a:pt x="33160" y="368"/>
                    <a:pt x="33044" y="382"/>
                    <a:pt x="32987" y="382"/>
                  </a:cubicBezTo>
                  <a:cubicBezTo>
                    <a:pt x="32983" y="382"/>
                    <a:pt x="32980" y="382"/>
                    <a:pt x="32977" y="382"/>
                  </a:cubicBezTo>
                  <a:cubicBezTo>
                    <a:pt x="33074" y="375"/>
                    <a:pt x="33169" y="358"/>
                    <a:pt x="33262" y="340"/>
                  </a:cubicBezTo>
                  <a:cubicBezTo>
                    <a:pt x="33369" y="344"/>
                    <a:pt x="33355" y="351"/>
                    <a:pt x="33436" y="358"/>
                  </a:cubicBezTo>
                  <a:cubicBezTo>
                    <a:pt x="33902" y="326"/>
                    <a:pt x="33854" y="303"/>
                    <a:pt x="34220" y="278"/>
                  </a:cubicBezTo>
                  <a:lnTo>
                    <a:pt x="34220" y="278"/>
                  </a:lnTo>
                  <a:cubicBezTo>
                    <a:pt x="34071" y="289"/>
                    <a:pt x="34243" y="286"/>
                    <a:pt x="34181" y="293"/>
                  </a:cubicBezTo>
                  <a:lnTo>
                    <a:pt x="34181" y="293"/>
                  </a:lnTo>
                  <a:lnTo>
                    <a:pt x="34233" y="289"/>
                  </a:lnTo>
                  <a:lnTo>
                    <a:pt x="34233" y="289"/>
                  </a:lnTo>
                  <a:cubicBezTo>
                    <a:pt x="33906" y="337"/>
                    <a:pt x="33343" y="379"/>
                    <a:pt x="33401" y="407"/>
                  </a:cubicBezTo>
                  <a:cubicBezTo>
                    <a:pt x="33670" y="384"/>
                    <a:pt x="33862" y="351"/>
                    <a:pt x="34189" y="324"/>
                  </a:cubicBezTo>
                  <a:lnTo>
                    <a:pt x="34189" y="324"/>
                  </a:lnTo>
                  <a:lnTo>
                    <a:pt x="34175" y="331"/>
                  </a:lnTo>
                  <a:cubicBezTo>
                    <a:pt x="34411" y="314"/>
                    <a:pt x="34170" y="324"/>
                    <a:pt x="34226" y="312"/>
                  </a:cubicBezTo>
                  <a:cubicBezTo>
                    <a:pt x="34329" y="299"/>
                    <a:pt x="34405" y="297"/>
                    <a:pt x="34469" y="297"/>
                  </a:cubicBezTo>
                  <a:cubicBezTo>
                    <a:pt x="34499" y="297"/>
                    <a:pt x="34527" y="298"/>
                    <a:pt x="34554" y="298"/>
                  </a:cubicBezTo>
                  <a:cubicBezTo>
                    <a:pt x="34616" y="298"/>
                    <a:pt x="34675" y="295"/>
                    <a:pt x="34752" y="280"/>
                  </a:cubicBezTo>
                  <a:lnTo>
                    <a:pt x="34752" y="280"/>
                  </a:lnTo>
                  <a:lnTo>
                    <a:pt x="34481" y="296"/>
                  </a:lnTo>
                  <a:cubicBezTo>
                    <a:pt x="34560" y="284"/>
                    <a:pt x="34568" y="282"/>
                    <a:pt x="34552" y="282"/>
                  </a:cubicBezTo>
                  <a:cubicBezTo>
                    <a:pt x="34542" y="282"/>
                    <a:pt x="34522" y="283"/>
                    <a:pt x="34504" y="283"/>
                  </a:cubicBezTo>
                  <a:cubicBezTo>
                    <a:pt x="34476" y="283"/>
                    <a:pt x="34451" y="281"/>
                    <a:pt x="34469" y="270"/>
                  </a:cubicBezTo>
                  <a:cubicBezTo>
                    <a:pt x="34830" y="226"/>
                    <a:pt x="35458" y="187"/>
                    <a:pt x="35970" y="129"/>
                  </a:cubicBezTo>
                  <a:cubicBezTo>
                    <a:pt x="35822" y="129"/>
                    <a:pt x="35780" y="131"/>
                    <a:pt x="35586" y="145"/>
                  </a:cubicBezTo>
                  <a:cubicBezTo>
                    <a:pt x="35671" y="108"/>
                    <a:pt x="35750" y="106"/>
                    <a:pt x="35653" y="87"/>
                  </a:cubicBezTo>
                  <a:lnTo>
                    <a:pt x="35653" y="87"/>
                  </a:lnTo>
                  <a:lnTo>
                    <a:pt x="35416" y="106"/>
                  </a:lnTo>
                  <a:lnTo>
                    <a:pt x="35409" y="76"/>
                  </a:lnTo>
                  <a:cubicBezTo>
                    <a:pt x="35474" y="71"/>
                    <a:pt x="35539" y="66"/>
                    <a:pt x="35597" y="66"/>
                  </a:cubicBezTo>
                  <a:cubicBezTo>
                    <a:pt x="35627" y="46"/>
                    <a:pt x="35954" y="41"/>
                    <a:pt x="35970" y="25"/>
                  </a:cubicBezTo>
                  <a:lnTo>
                    <a:pt x="35970" y="25"/>
                  </a:lnTo>
                  <a:lnTo>
                    <a:pt x="35769" y="43"/>
                  </a:lnTo>
                  <a:cubicBezTo>
                    <a:pt x="35669" y="36"/>
                    <a:pt x="35905" y="18"/>
                    <a:pt x="36046" y="2"/>
                  </a:cubicBezTo>
                  <a:cubicBezTo>
                    <a:pt x="36037" y="1"/>
                    <a:pt x="36026" y="1"/>
                    <a:pt x="36015"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7" name="Google Shape;197;p11"/>
            <p:cNvSpPr/>
            <p:nvPr/>
          </p:nvSpPr>
          <p:spPr>
            <a:xfrm>
              <a:off x="-509137" y="582601"/>
              <a:ext cx="4191125" cy="60661"/>
            </a:xfrm>
            <a:custGeom>
              <a:avLst/>
              <a:gdLst/>
              <a:ahLst/>
              <a:cxnLst/>
              <a:rect l="l" t="t" r="r" b="b"/>
              <a:pathLst>
                <a:path w="34338" h="497" extrusionOk="0">
                  <a:moveTo>
                    <a:pt x="32674" y="31"/>
                  </a:moveTo>
                  <a:cubicBezTo>
                    <a:pt x="32672" y="31"/>
                    <a:pt x="32669" y="31"/>
                    <a:pt x="32666" y="31"/>
                  </a:cubicBezTo>
                  <a:lnTo>
                    <a:pt x="32666" y="31"/>
                  </a:lnTo>
                  <a:cubicBezTo>
                    <a:pt x="32669" y="31"/>
                    <a:pt x="32671" y="31"/>
                    <a:pt x="32674" y="31"/>
                  </a:cubicBezTo>
                  <a:close/>
                  <a:moveTo>
                    <a:pt x="26998" y="28"/>
                  </a:moveTo>
                  <a:cubicBezTo>
                    <a:pt x="26991" y="28"/>
                    <a:pt x="26977" y="29"/>
                    <a:pt x="26952" y="31"/>
                  </a:cubicBezTo>
                  <a:lnTo>
                    <a:pt x="26982" y="33"/>
                  </a:lnTo>
                  <a:lnTo>
                    <a:pt x="26982" y="33"/>
                  </a:lnTo>
                  <a:cubicBezTo>
                    <a:pt x="26999" y="30"/>
                    <a:pt x="27009" y="28"/>
                    <a:pt x="26998" y="28"/>
                  </a:cubicBezTo>
                  <a:close/>
                  <a:moveTo>
                    <a:pt x="26982" y="33"/>
                  </a:moveTo>
                  <a:lnTo>
                    <a:pt x="26982" y="33"/>
                  </a:lnTo>
                  <a:cubicBezTo>
                    <a:pt x="26964" y="36"/>
                    <a:pt x="26939" y="41"/>
                    <a:pt x="26922" y="45"/>
                  </a:cubicBezTo>
                  <a:lnTo>
                    <a:pt x="26922" y="45"/>
                  </a:lnTo>
                  <a:lnTo>
                    <a:pt x="27003" y="35"/>
                  </a:lnTo>
                  <a:lnTo>
                    <a:pt x="26982" y="33"/>
                  </a:lnTo>
                  <a:close/>
                  <a:moveTo>
                    <a:pt x="30098" y="49"/>
                  </a:moveTo>
                  <a:cubicBezTo>
                    <a:pt x="30098" y="49"/>
                    <a:pt x="30098" y="50"/>
                    <a:pt x="30098" y="50"/>
                  </a:cubicBezTo>
                  <a:lnTo>
                    <a:pt x="30098" y="50"/>
                  </a:lnTo>
                  <a:cubicBezTo>
                    <a:pt x="30098" y="50"/>
                    <a:pt x="30098" y="49"/>
                    <a:pt x="30098" y="49"/>
                  </a:cubicBezTo>
                  <a:close/>
                  <a:moveTo>
                    <a:pt x="31551" y="54"/>
                  </a:moveTo>
                  <a:cubicBezTo>
                    <a:pt x="31549" y="55"/>
                    <a:pt x="31550" y="57"/>
                    <a:pt x="31551" y="58"/>
                  </a:cubicBezTo>
                  <a:lnTo>
                    <a:pt x="31551" y="58"/>
                  </a:lnTo>
                  <a:lnTo>
                    <a:pt x="31551" y="54"/>
                  </a:lnTo>
                  <a:close/>
                  <a:moveTo>
                    <a:pt x="26992" y="70"/>
                  </a:moveTo>
                  <a:cubicBezTo>
                    <a:pt x="26982" y="73"/>
                    <a:pt x="26969" y="76"/>
                    <a:pt x="26955" y="80"/>
                  </a:cubicBezTo>
                  <a:lnTo>
                    <a:pt x="26955" y="80"/>
                  </a:lnTo>
                  <a:cubicBezTo>
                    <a:pt x="27019" y="78"/>
                    <a:pt x="27072" y="75"/>
                    <a:pt x="27089" y="70"/>
                  </a:cubicBezTo>
                  <a:close/>
                  <a:moveTo>
                    <a:pt x="17437" y="158"/>
                  </a:moveTo>
                  <a:cubicBezTo>
                    <a:pt x="17439" y="158"/>
                    <a:pt x="17442" y="159"/>
                    <a:pt x="17445" y="159"/>
                  </a:cubicBezTo>
                  <a:lnTo>
                    <a:pt x="17445" y="159"/>
                  </a:lnTo>
                  <a:cubicBezTo>
                    <a:pt x="17443" y="159"/>
                    <a:pt x="17440" y="158"/>
                    <a:pt x="17437" y="158"/>
                  </a:cubicBezTo>
                  <a:close/>
                  <a:moveTo>
                    <a:pt x="20920" y="181"/>
                  </a:moveTo>
                  <a:cubicBezTo>
                    <a:pt x="20919" y="181"/>
                    <a:pt x="20918" y="181"/>
                    <a:pt x="20917" y="181"/>
                  </a:cubicBezTo>
                  <a:lnTo>
                    <a:pt x="20917" y="181"/>
                  </a:lnTo>
                  <a:cubicBezTo>
                    <a:pt x="20919" y="181"/>
                    <a:pt x="20920" y="181"/>
                    <a:pt x="20920" y="181"/>
                  </a:cubicBezTo>
                  <a:close/>
                  <a:moveTo>
                    <a:pt x="8300" y="258"/>
                  </a:moveTo>
                  <a:lnTo>
                    <a:pt x="8300" y="258"/>
                  </a:lnTo>
                  <a:cubicBezTo>
                    <a:pt x="8285" y="258"/>
                    <a:pt x="8271" y="258"/>
                    <a:pt x="8258" y="258"/>
                  </a:cubicBezTo>
                  <a:lnTo>
                    <a:pt x="8258" y="258"/>
                  </a:lnTo>
                  <a:cubicBezTo>
                    <a:pt x="8270" y="258"/>
                    <a:pt x="8285" y="258"/>
                    <a:pt x="8300" y="258"/>
                  </a:cubicBezTo>
                  <a:close/>
                  <a:moveTo>
                    <a:pt x="1777" y="330"/>
                  </a:moveTo>
                  <a:cubicBezTo>
                    <a:pt x="1774" y="330"/>
                    <a:pt x="1772" y="330"/>
                    <a:pt x="1770" y="330"/>
                  </a:cubicBezTo>
                  <a:lnTo>
                    <a:pt x="1770" y="330"/>
                  </a:lnTo>
                  <a:lnTo>
                    <a:pt x="1842" y="332"/>
                  </a:lnTo>
                  <a:cubicBezTo>
                    <a:pt x="1811" y="331"/>
                    <a:pt x="1790" y="330"/>
                    <a:pt x="1777" y="330"/>
                  </a:cubicBezTo>
                  <a:close/>
                  <a:moveTo>
                    <a:pt x="955" y="445"/>
                  </a:moveTo>
                  <a:cubicBezTo>
                    <a:pt x="937" y="445"/>
                    <a:pt x="916" y="446"/>
                    <a:pt x="890" y="448"/>
                  </a:cubicBezTo>
                  <a:cubicBezTo>
                    <a:pt x="918" y="447"/>
                    <a:pt x="939" y="446"/>
                    <a:pt x="955" y="445"/>
                  </a:cubicBezTo>
                  <a:close/>
                  <a:moveTo>
                    <a:pt x="17496" y="457"/>
                  </a:moveTo>
                  <a:lnTo>
                    <a:pt x="17496" y="457"/>
                  </a:lnTo>
                  <a:cubicBezTo>
                    <a:pt x="17495" y="457"/>
                    <a:pt x="17494" y="457"/>
                    <a:pt x="17492" y="457"/>
                  </a:cubicBezTo>
                  <a:cubicBezTo>
                    <a:pt x="17494" y="457"/>
                    <a:pt x="17495" y="457"/>
                    <a:pt x="17496" y="457"/>
                  </a:cubicBezTo>
                  <a:close/>
                  <a:moveTo>
                    <a:pt x="26322" y="0"/>
                  </a:moveTo>
                  <a:cubicBezTo>
                    <a:pt x="26031" y="0"/>
                    <a:pt x="26018" y="29"/>
                    <a:pt x="25820" y="29"/>
                  </a:cubicBezTo>
                  <a:cubicBezTo>
                    <a:pt x="25807" y="29"/>
                    <a:pt x="25793" y="29"/>
                    <a:pt x="25778" y="28"/>
                  </a:cubicBezTo>
                  <a:lnTo>
                    <a:pt x="25778" y="28"/>
                  </a:lnTo>
                  <a:cubicBezTo>
                    <a:pt x="25820" y="34"/>
                    <a:pt x="25863" y="36"/>
                    <a:pt x="25905" y="36"/>
                  </a:cubicBezTo>
                  <a:cubicBezTo>
                    <a:pt x="25919" y="36"/>
                    <a:pt x="25933" y="36"/>
                    <a:pt x="25947" y="35"/>
                  </a:cubicBezTo>
                  <a:lnTo>
                    <a:pt x="25947" y="35"/>
                  </a:lnTo>
                  <a:cubicBezTo>
                    <a:pt x="25864" y="47"/>
                    <a:pt x="26010" y="54"/>
                    <a:pt x="25871" y="63"/>
                  </a:cubicBezTo>
                  <a:cubicBezTo>
                    <a:pt x="25808" y="48"/>
                    <a:pt x="25623" y="47"/>
                    <a:pt x="25446" y="47"/>
                  </a:cubicBezTo>
                  <a:cubicBezTo>
                    <a:pt x="25402" y="47"/>
                    <a:pt x="25358" y="47"/>
                    <a:pt x="25317" y="47"/>
                  </a:cubicBezTo>
                  <a:cubicBezTo>
                    <a:pt x="25370" y="35"/>
                    <a:pt x="25238" y="26"/>
                    <a:pt x="25303" y="19"/>
                  </a:cubicBezTo>
                  <a:cubicBezTo>
                    <a:pt x="25220" y="19"/>
                    <a:pt x="25139" y="24"/>
                    <a:pt x="25058" y="35"/>
                  </a:cubicBezTo>
                  <a:cubicBezTo>
                    <a:pt x="25477" y="49"/>
                    <a:pt x="24652" y="56"/>
                    <a:pt x="24979" y="75"/>
                  </a:cubicBezTo>
                  <a:cubicBezTo>
                    <a:pt x="24652" y="75"/>
                    <a:pt x="24590" y="56"/>
                    <a:pt x="24386" y="47"/>
                  </a:cubicBezTo>
                  <a:cubicBezTo>
                    <a:pt x="24400" y="40"/>
                    <a:pt x="24763" y="31"/>
                    <a:pt x="24474" y="24"/>
                  </a:cubicBezTo>
                  <a:lnTo>
                    <a:pt x="24474" y="24"/>
                  </a:lnTo>
                  <a:cubicBezTo>
                    <a:pt x="24143" y="47"/>
                    <a:pt x="24534" y="54"/>
                    <a:pt x="24275" y="82"/>
                  </a:cubicBezTo>
                  <a:lnTo>
                    <a:pt x="24483" y="89"/>
                  </a:lnTo>
                  <a:cubicBezTo>
                    <a:pt x="24496" y="100"/>
                    <a:pt x="24424" y="103"/>
                    <a:pt x="24337" y="103"/>
                  </a:cubicBezTo>
                  <a:cubicBezTo>
                    <a:pt x="24265" y="103"/>
                    <a:pt x="24182" y="101"/>
                    <a:pt x="24126" y="101"/>
                  </a:cubicBezTo>
                  <a:cubicBezTo>
                    <a:pt x="24099" y="101"/>
                    <a:pt x="24078" y="101"/>
                    <a:pt x="24068" y="102"/>
                  </a:cubicBezTo>
                  <a:cubicBezTo>
                    <a:pt x="23939" y="95"/>
                    <a:pt x="24249" y="93"/>
                    <a:pt x="24122" y="77"/>
                  </a:cubicBezTo>
                  <a:cubicBezTo>
                    <a:pt x="24097" y="76"/>
                    <a:pt x="24073" y="76"/>
                    <a:pt x="24051" y="76"/>
                  </a:cubicBezTo>
                  <a:cubicBezTo>
                    <a:pt x="23943" y="76"/>
                    <a:pt x="23867" y="82"/>
                    <a:pt x="23792" y="82"/>
                  </a:cubicBezTo>
                  <a:cubicBezTo>
                    <a:pt x="23765" y="82"/>
                    <a:pt x="23738" y="81"/>
                    <a:pt x="23709" y="79"/>
                  </a:cubicBezTo>
                  <a:cubicBezTo>
                    <a:pt x="23830" y="61"/>
                    <a:pt x="23753" y="68"/>
                    <a:pt x="23890" y="49"/>
                  </a:cubicBezTo>
                  <a:lnTo>
                    <a:pt x="23890" y="49"/>
                  </a:lnTo>
                  <a:cubicBezTo>
                    <a:pt x="23853" y="50"/>
                    <a:pt x="23822" y="50"/>
                    <a:pt x="23797" y="50"/>
                  </a:cubicBezTo>
                  <a:cubicBezTo>
                    <a:pt x="23511" y="50"/>
                    <a:pt x="23885" y="28"/>
                    <a:pt x="23568" y="19"/>
                  </a:cubicBezTo>
                  <a:lnTo>
                    <a:pt x="23568" y="19"/>
                  </a:lnTo>
                  <a:cubicBezTo>
                    <a:pt x="23468" y="23"/>
                    <a:pt x="23519" y="36"/>
                    <a:pt x="23387" y="36"/>
                  </a:cubicBezTo>
                  <a:cubicBezTo>
                    <a:pt x="23376" y="36"/>
                    <a:pt x="23364" y="35"/>
                    <a:pt x="23350" y="35"/>
                  </a:cubicBezTo>
                  <a:lnTo>
                    <a:pt x="23350" y="35"/>
                  </a:lnTo>
                  <a:cubicBezTo>
                    <a:pt x="23455" y="54"/>
                    <a:pt x="23441" y="61"/>
                    <a:pt x="23728" y="61"/>
                  </a:cubicBezTo>
                  <a:cubicBezTo>
                    <a:pt x="23695" y="70"/>
                    <a:pt x="23643" y="72"/>
                    <a:pt x="23582" y="72"/>
                  </a:cubicBezTo>
                  <a:cubicBezTo>
                    <a:pt x="23497" y="72"/>
                    <a:pt x="23393" y="68"/>
                    <a:pt x="23294" y="68"/>
                  </a:cubicBezTo>
                  <a:cubicBezTo>
                    <a:pt x="23245" y="68"/>
                    <a:pt x="23197" y="69"/>
                    <a:pt x="23153" y="72"/>
                  </a:cubicBezTo>
                  <a:cubicBezTo>
                    <a:pt x="23251" y="74"/>
                    <a:pt x="23248" y="76"/>
                    <a:pt x="23269" y="76"/>
                  </a:cubicBezTo>
                  <a:cubicBezTo>
                    <a:pt x="23283" y="76"/>
                    <a:pt x="23308" y="75"/>
                    <a:pt x="23376" y="72"/>
                  </a:cubicBezTo>
                  <a:lnTo>
                    <a:pt x="23376" y="72"/>
                  </a:lnTo>
                  <a:cubicBezTo>
                    <a:pt x="23399" y="98"/>
                    <a:pt x="23464" y="100"/>
                    <a:pt x="23306" y="123"/>
                  </a:cubicBezTo>
                  <a:cubicBezTo>
                    <a:pt x="23476" y="117"/>
                    <a:pt x="23559" y="95"/>
                    <a:pt x="23775" y="95"/>
                  </a:cubicBezTo>
                  <a:cubicBezTo>
                    <a:pt x="23795" y="95"/>
                    <a:pt x="23815" y="95"/>
                    <a:pt x="23837" y="95"/>
                  </a:cubicBezTo>
                  <a:cubicBezTo>
                    <a:pt x="23911" y="119"/>
                    <a:pt x="23513" y="116"/>
                    <a:pt x="23508" y="146"/>
                  </a:cubicBezTo>
                  <a:cubicBezTo>
                    <a:pt x="23461" y="152"/>
                    <a:pt x="23391" y="154"/>
                    <a:pt x="23313" y="154"/>
                  </a:cubicBezTo>
                  <a:cubicBezTo>
                    <a:pt x="23171" y="154"/>
                    <a:pt x="23004" y="147"/>
                    <a:pt x="22908" y="139"/>
                  </a:cubicBezTo>
                  <a:cubicBezTo>
                    <a:pt x="22651" y="160"/>
                    <a:pt x="22336" y="163"/>
                    <a:pt x="22139" y="190"/>
                  </a:cubicBezTo>
                  <a:cubicBezTo>
                    <a:pt x="22118" y="190"/>
                    <a:pt x="22093" y="189"/>
                    <a:pt x="22066" y="189"/>
                  </a:cubicBezTo>
                  <a:cubicBezTo>
                    <a:pt x="21876" y="189"/>
                    <a:pt x="21547" y="205"/>
                    <a:pt x="21259" y="205"/>
                  </a:cubicBezTo>
                  <a:cubicBezTo>
                    <a:pt x="21217" y="205"/>
                    <a:pt x="21176" y="205"/>
                    <a:pt x="21136" y="204"/>
                  </a:cubicBezTo>
                  <a:cubicBezTo>
                    <a:pt x="21083" y="191"/>
                    <a:pt x="20706" y="195"/>
                    <a:pt x="20917" y="181"/>
                  </a:cubicBezTo>
                  <a:lnTo>
                    <a:pt x="20917" y="181"/>
                  </a:lnTo>
                  <a:cubicBezTo>
                    <a:pt x="20875" y="184"/>
                    <a:pt x="20601" y="188"/>
                    <a:pt x="20675" y="200"/>
                  </a:cubicBezTo>
                  <a:cubicBezTo>
                    <a:pt x="20696" y="199"/>
                    <a:pt x="20717" y="198"/>
                    <a:pt x="20737" y="198"/>
                  </a:cubicBezTo>
                  <a:cubicBezTo>
                    <a:pt x="20758" y="198"/>
                    <a:pt x="20779" y="199"/>
                    <a:pt x="20800" y="200"/>
                  </a:cubicBezTo>
                  <a:lnTo>
                    <a:pt x="20744" y="216"/>
                  </a:lnTo>
                  <a:cubicBezTo>
                    <a:pt x="20722" y="215"/>
                    <a:pt x="20698" y="215"/>
                    <a:pt x="20675" y="215"/>
                  </a:cubicBezTo>
                  <a:cubicBezTo>
                    <a:pt x="20560" y="215"/>
                    <a:pt x="20440" y="224"/>
                    <a:pt x="20327" y="224"/>
                  </a:cubicBezTo>
                  <a:cubicBezTo>
                    <a:pt x="20291" y="224"/>
                    <a:pt x="20257" y="223"/>
                    <a:pt x="20223" y="221"/>
                  </a:cubicBezTo>
                  <a:cubicBezTo>
                    <a:pt x="20170" y="209"/>
                    <a:pt x="20527" y="211"/>
                    <a:pt x="20418" y="195"/>
                  </a:cubicBezTo>
                  <a:lnTo>
                    <a:pt x="20418" y="195"/>
                  </a:lnTo>
                  <a:cubicBezTo>
                    <a:pt x="20298" y="217"/>
                    <a:pt x="19891" y="228"/>
                    <a:pt x="19618" y="228"/>
                  </a:cubicBezTo>
                  <a:cubicBezTo>
                    <a:pt x="19537" y="228"/>
                    <a:pt x="19468" y="227"/>
                    <a:pt x="19422" y="225"/>
                  </a:cubicBezTo>
                  <a:cubicBezTo>
                    <a:pt x="19285" y="221"/>
                    <a:pt x="19269" y="200"/>
                    <a:pt x="19213" y="197"/>
                  </a:cubicBezTo>
                  <a:lnTo>
                    <a:pt x="18984" y="200"/>
                  </a:lnTo>
                  <a:cubicBezTo>
                    <a:pt x="18961" y="190"/>
                    <a:pt x="18935" y="181"/>
                    <a:pt x="18912" y="174"/>
                  </a:cubicBezTo>
                  <a:cubicBezTo>
                    <a:pt x="18890" y="174"/>
                    <a:pt x="18868" y="173"/>
                    <a:pt x="18846" y="173"/>
                  </a:cubicBezTo>
                  <a:cubicBezTo>
                    <a:pt x="18781" y="173"/>
                    <a:pt x="18716" y="176"/>
                    <a:pt x="18650" y="181"/>
                  </a:cubicBezTo>
                  <a:cubicBezTo>
                    <a:pt x="18352" y="167"/>
                    <a:pt x="18511" y="151"/>
                    <a:pt x="18664" y="135"/>
                  </a:cubicBezTo>
                  <a:lnTo>
                    <a:pt x="18833" y="142"/>
                  </a:lnTo>
                  <a:cubicBezTo>
                    <a:pt x="18956" y="133"/>
                    <a:pt x="19132" y="137"/>
                    <a:pt x="19030" y="116"/>
                  </a:cubicBezTo>
                  <a:cubicBezTo>
                    <a:pt x="18991" y="116"/>
                    <a:pt x="18954" y="121"/>
                    <a:pt x="18917" y="133"/>
                  </a:cubicBezTo>
                  <a:lnTo>
                    <a:pt x="18817" y="121"/>
                  </a:lnTo>
                  <a:cubicBezTo>
                    <a:pt x="18717" y="130"/>
                    <a:pt x="18442" y="135"/>
                    <a:pt x="18472" y="149"/>
                  </a:cubicBezTo>
                  <a:cubicBezTo>
                    <a:pt x="18411" y="146"/>
                    <a:pt x="18348" y="145"/>
                    <a:pt x="18285" y="145"/>
                  </a:cubicBezTo>
                  <a:cubicBezTo>
                    <a:pt x="18218" y="145"/>
                    <a:pt x="18150" y="146"/>
                    <a:pt x="18085" y="146"/>
                  </a:cubicBezTo>
                  <a:cubicBezTo>
                    <a:pt x="18005" y="146"/>
                    <a:pt x="17927" y="145"/>
                    <a:pt x="17858" y="139"/>
                  </a:cubicBezTo>
                  <a:lnTo>
                    <a:pt x="17858" y="139"/>
                  </a:lnTo>
                  <a:cubicBezTo>
                    <a:pt x="17981" y="151"/>
                    <a:pt x="17826" y="156"/>
                    <a:pt x="17860" y="170"/>
                  </a:cubicBezTo>
                  <a:lnTo>
                    <a:pt x="18076" y="174"/>
                  </a:lnTo>
                  <a:cubicBezTo>
                    <a:pt x="17957" y="177"/>
                    <a:pt x="17803" y="184"/>
                    <a:pt x="17665" y="184"/>
                  </a:cubicBezTo>
                  <a:cubicBezTo>
                    <a:pt x="17602" y="184"/>
                    <a:pt x="17543" y="183"/>
                    <a:pt x="17492" y="179"/>
                  </a:cubicBezTo>
                  <a:cubicBezTo>
                    <a:pt x="17512" y="170"/>
                    <a:pt x="17519" y="167"/>
                    <a:pt x="17445" y="159"/>
                  </a:cubicBezTo>
                  <a:lnTo>
                    <a:pt x="17445" y="159"/>
                  </a:lnTo>
                  <a:cubicBezTo>
                    <a:pt x="17530" y="170"/>
                    <a:pt x="17142" y="175"/>
                    <a:pt x="17386" y="190"/>
                  </a:cubicBezTo>
                  <a:cubicBezTo>
                    <a:pt x="17453" y="187"/>
                    <a:pt x="17519" y="185"/>
                    <a:pt x="17596" y="185"/>
                  </a:cubicBezTo>
                  <a:cubicBezTo>
                    <a:pt x="17624" y="185"/>
                    <a:pt x="17654" y="185"/>
                    <a:pt x="17687" y="186"/>
                  </a:cubicBezTo>
                  <a:cubicBezTo>
                    <a:pt x="17765" y="207"/>
                    <a:pt x="17575" y="209"/>
                    <a:pt x="17469" y="221"/>
                  </a:cubicBezTo>
                  <a:lnTo>
                    <a:pt x="16899" y="239"/>
                  </a:lnTo>
                  <a:cubicBezTo>
                    <a:pt x="16811" y="236"/>
                    <a:pt x="16772" y="221"/>
                    <a:pt x="16668" y="221"/>
                  </a:cubicBezTo>
                  <a:cubicBezTo>
                    <a:pt x="16638" y="221"/>
                    <a:pt x="16602" y="222"/>
                    <a:pt x="16559" y="225"/>
                  </a:cubicBezTo>
                  <a:cubicBezTo>
                    <a:pt x="16804" y="246"/>
                    <a:pt x="16327" y="258"/>
                    <a:pt x="16264" y="278"/>
                  </a:cubicBezTo>
                  <a:cubicBezTo>
                    <a:pt x="16236" y="277"/>
                    <a:pt x="16210" y="277"/>
                    <a:pt x="16184" y="277"/>
                  </a:cubicBezTo>
                  <a:cubicBezTo>
                    <a:pt x="16085" y="277"/>
                    <a:pt x="16006" y="285"/>
                    <a:pt x="15924" y="285"/>
                  </a:cubicBezTo>
                  <a:cubicBezTo>
                    <a:pt x="15888" y="285"/>
                    <a:pt x="15851" y="283"/>
                    <a:pt x="15813" y="278"/>
                  </a:cubicBezTo>
                  <a:cubicBezTo>
                    <a:pt x="15889" y="272"/>
                    <a:pt x="16174" y="272"/>
                    <a:pt x="16248" y="258"/>
                  </a:cubicBezTo>
                  <a:cubicBezTo>
                    <a:pt x="16257" y="241"/>
                    <a:pt x="16183" y="218"/>
                    <a:pt x="16466" y="209"/>
                  </a:cubicBezTo>
                  <a:cubicBezTo>
                    <a:pt x="16419" y="208"/>
                    <a:pt x="16381" y="208"/>
                    <a:pt x="16350" y="208"/>
                  </a:cubicBezTo>
                  <a:cubicBezTo>
                    <a:pt x="16161" y="208"/>
                    <a:pt x="16245" y="224"/>
                    <a:pt x="16111" y="230"/>
                  </a:cubicBezTo>
                  <a:lnTo>
                    <a:pt x="16227" y="228"/>
                  </a:lnTo>
                  <a:lnTo>
                    <a:pt x="16227" y="228"/>
                  </a:lnTo>
                  <a:cubicBezTo>
                    <a:pt x="16174" y="232"/>
                    <a:pt x="16274" y="244"/>
                    <a:pt x="16172" y="244"/>
                  </a:cubicBezTo>
                  <a:cubicBezTo>
                    <a:pt x="15773" y="239"/>
                    <a:pt x="15701" y="223"/>
                    <a:pt x="15433" y="204"/>
                  </a:cubicBezTo>
                  <a:lnTo>
                    <a:pt x="15433" y="204"/>
                  </a:lnTo>
                  <a:cubicBezTo>
                    <a:pt x="15493" y="214"/>
                    <a:pt x="15370" y="225"/>
                    <a:pt x="15308" y="225"/>
                  </a:cubicBezTo>
                  <a:cubicBezTo>
                    <a:pt x="15048" y="211"/>
                    <a:pt x="15310" y="195"/>
                    <a:pt x="15152" y="172"/>
                  </a:cubicBezTo>
                  <a:lnTo>
                    <a:pt x="15152" y="172"/>
                  </a:lnTo>
                  <a:cubicBezTo>
                    <a:pt x="15062" y="186"/>
                    <a:pt x="14886" y="181"/>
                    <a:pt x="14946" y="193"/>
                  </a:cubicBezTo>
                  <a:cubicBezTo>
                    <a:pt x="14842" y="193"/>
                    <a:pt x="14895" y="186"/>
                    <a:pt x="14824" y="181"/>
                  </a:cubicBezTo>
                  <a:cubicBezTo>
                    <a:pt x="14740" y="195"/>
                    <a:pt x="14657" y="202"/>
                    <a:pt x="14574" y="202"/>
                  </a:cubicBezTo>
                  <a:cubicBezTo>
                    <a:pt x="14562" y="202"/>
                    <a:pt x="14551" y="202"/>
                    <a:pt x="14539" y="202"/>
                  </a:cubicBezTo>
                  <a:cubicBezTo>
                    <a:pt x="14549" y="196"/>
                    <a:pt x="14567" y="188"/>
                    <a:pt x="14668" y="188"/>
                  </a:cubicBezTo>
                  <a:cubicBezTo>
                    <a:pt x="14680" y="188"/>
                    <a:pt x="14693" y="188"/>
                    <a:pt x="14708" y="188"/>
                  </a:cubicBezTo>
                  <a:cubicBezTo>
                    <a:pt x="14555" y="183"/>
                    <a:pt x="14499" y="160"/>
                    <a:pt x="14564" y="149"/>
                  </a:cubicBezTo>
                  <a:lnTo>
                    <a:pt x="14564" y="149"/>
                  </a:lnTo>
                  <a:lnTo>
                    <a:pt x="14814" y="158"/>
                  </a:lnTo>
                  <a:cubicBezTo>
                    <a:pt x="14925" y="142"/>
                    <a:pt x="14583" y="151"/>
                    <a:pt x="14590" y="135"/>
                  </a:cubicBezTo>
                  <a:cubicBezTo>
                    <a:pt x="14602" y="135"/>
                    <a:pt x="14615" y="134"/>
                    <a:pt x="14627" y="134"/>
                  </a:cubicBezTo>
                  <a:cubicBezTo>
                    <a:pt x="14698" y="134"/>
                    <a:pt x="14757" y="138"/>
                    <a:pt x="14809" y="138"/>
                  </a:cubicBezTo>
                  <a:cubicBezTo>
                    <a:pt x="14825" y="138"/>
                    <a:pt x="14839" y="138"/>
                    <a:pt x="14854" y="137"/>
                  </a:cubicBezTo>
                  <a:cubicBezTo>
                    <a:pt x="14831" y="132"/>
                    <a:pt x="14791" y="130"/>
                    <a:pt x="14744" y="130"/>
                  </a:cubicBezTo>
                  <a:cubicBezTo>
                    <a:pt x="14650" y="130"/>
                    <a:pt x="14526" y="137"/>
                    <a:pt x="14441" y="137"/>
                  </a:cubicBezTo>
                  <a:cubicBezTo>
                    <a:pt x="14242" y="135"/>
                    <a:pt x="14316" y="119"/>
                    <a:pt x="14312" y="112"/>
                  </a:cubicBezTo>
                  <a:lnTo>
                    <a:pt x="14312" y="112"/>
                  </a:lnTo>
                  <a:cubicBezTo>
                    <a:pt x="13973" y="135"/>
                    <a:pt x="14703" y="139"/>
                    <a:pt x="14388" y="163"/>
                  </a:cubicBezTo>
                  <a:cubicBezTo>
                    <a:pt x="14270" y="181"/>
                    <a:pt x="13966" y="179"/>
                    <a:pt x="13753" y="181"/>
                  </a:cubicBezTo>
                  <a:cubicBezTo>
                    <a:pt x="13936" y="202"/>
                    <a:pt x="13735" y="211"/>
                    <a:pt x="13515" y="218"/>
                  </a:cubicBezTo>
                  <a:cubicBezTo>
                    <a:pt x="13739" y="218"/>
                    <a:pt x="13656" y="234"/>
                    <a:pt x="13773" y="234"/>
                  </a:cubicBezTo>
                  <a:cubicBezTo>
                    <a:pt x="13804" y="234"/>
                    <a:pt x="13851" y="233"/>
                    <a:pt x="13922" y="230"/>
                  </a:cubicBezTo>
                  <a:lnTo>
                    <a:pt x="13929" y="246"/>
                  </a:lnTo>
                  <a:cubicBezTo>
                    <a:pt x="13788" y="246"/>
                    <a:pt x="13619" y="239"/>
                    <a:pt x="13475" y="237"/>
                  </a:cubicBezTo>
                  <a:cubicBezTo>
                    <a:pt x="13503" y="232"/>
                    <a:pt x="13471" y="230"/>
                    <a:pt x="13519" y="228"/>
                  </a:cubicBezTo>
                  <a:lnTo>
                    <a:pt x="13519" y="228"/>
                  </a:lnTo>
                  <a:lnTo>
                    <a:pt x="13093" y="234"/>
                  </a:lnTo>
                  <a:lnTo>
                    <a:pt x="13093" y="234"/>
                  </a:lnTo>
                  <a:lnTo>
                    <a:pt x="13137" y="223"/>
                  </a:lnTo>
                  <a:cubicBezTo>
                    <a:pt x="12912" y="221"/>
                    <a:pt x="12643" y="210"/>
                    <a:pt x="12472" y="210"/>
                  </a:cubicBezTo>
                  <a:cubicBezTo>
                    <a:pt x="12444" y="210"/>
                    <a:pt x="12418" y="211"/>
                    <a:pt x="12396" y="211"/>
                  </a:cubicBezTo>
                  <a:cubicBezTo>
                    <a:pt x="12523" y="211"/>
                    <a:pt x="12632" y="228"/>
                    <a:pt x="12500" y="232"/>
                  </a:cubicBezTo>
                  <a:cubicBezTo>
                    <a:pt x="12421" y="239"/>
                    <a:pt x="12282" y="246"/>
                    <a:pt x="12164" y="246"/>
                  </a:cubicBezTo>
                  <a:cubicBezTo>
                    <a:pt x="12102" y="225"/>
                    <a:pt x="11650" y="225"/>
                    <a:pt x="11935" y="207"/>
                  </a:cubicBezTo>
                  <a:lnTo>
                    <a:pt x="11935" y="207"/>
                  </a:lnTo>
                  <a:cubicBezTo>
                    <a:pt x="11567" y="216"/>
                    <a:pt x="11703" y="218"/>
                    <a:pt x="11351" y="230"/>
                  </a:cubicBezTo>
                  <a:lnTo>
                    <a:pt x="11585" y="225"/>
                  </a:lnTo>
                  <a:lnTo>
                    <a:pt x="11585" y="225"/>
                  </a:lnTo>
                  <a:cubicBezTo>
                    <a:pt x="11615" y="241"/>
                    <a:pt x="11421" y="267"/>
                    <a:pt x="11645" y="276"/>
                  </a:cubicBezTo>
                  <a:cubicBezTo>
                    <a:pt x="11379" y="285"/>
                    <a:pt x="11550" y="313"/>
                    <a:pt x="11194" y="316"/>
                  </a:cubicBezTo>
                  <a:cubicBezTo>
                    <a:pt x="11050" y="306"/>
                    <a:pt x="11238" y="285"/>
                    <a:pt x="11437" y="281"/>
                  </a:cubicBezTo>
                  <a:cubicBezTo>
                    <a:pt x="11387" y="278"/>
                    <a:pt x="11338" y="277"/>
                    <a:pt x="11289" y="277"/>
                  </a:cubicBezTo>
                  <a:cubicBezTo>
                    <a:pt x="11239" y="277"/>
                    <a:pt x="11190" y="278"/>
                    <a:pt x="11140" y="281"/>
                  </a:cubicBezTo>
                  <a:cubicBezTo>
                    <a:pt x="11064" y="269"/>
                    <a:pt x="11330" y="260"/>
                    <a:pt x="11321" y="255"/>
                  </a:cubicBezTo>
                  <a:cubicBezTo>
                    <a:pt x="11301" y="255"/>
                    <a:pt x="11286" y="255"/>
                    <a:pt x="11274" y="255"/>
                  </a:cubicBezTo>
                  <a:cubicBezTo>
                    <a:pt x="11174" y="255"/>
                    <a:pt x="11305" y="263"/>
                    <a:pt x="11152" y="267"/>
                  </a:cubicBezTo>
                  <a:cubicBezTo>
                    <a:pt x="11102" y="270"/>
                    <a:pt x="11063" y="271"/>
                    <a:pt x="11031" y="271"/>
                  </a:cubicBezTo>
                  <a:cubicBezTo>
                    <a:pt x="10894" y="271"/>
                    <a:pt x="10905" y="249"/>
                    <a:pt x="10747" y="249"/>
                  </a:cubicBezTo>
                  <a:cubicBezTo>
                    <a:pt x="10725" y="249"/>
                    <a:pt x="10700" y="250"/>
                    <a:pt x="10670" y="251"/>
                  </a:cubicBezTo>
                  <a:cubicBezTo>
                    <a:pt x="10733" y="251"/>
                    <a:pt x="10846" y="255"/>
                    <a:pt x="10770" y="262"/>
                  </a:cubicBezTo>
                  <a:cubicBezTo>
                    <a:pt x="10744" y="262"/>
                    <a:pt x="10721" y="262"/>
                    <a:pt x="10700" y="262"/>
                  </a:cubicBezTo>
                  <a:cubicBezTo>
                    <a:pt x="10401" y="262"/>
                    <a:pt x="10536" y="277"/>
                    <a:pt x="10272" y="283"/>
                  </a:cubicBezTo>
                  <a:cubicBezTo>
                    <a:pt x="10112" y="260"/>
                    <a:pt x="10181" y="237"/>
                    <a:pt x="9927" y="230"/>
                  </a:cubicBezTo>
                  <a:lnTo>
                    <a:pt x="10068" y="230"/>
                  </a:lnTo>
                  <a:cubicBezTo>
                    <a:pt x="9964" y="218"/>
                    <a:pt x="9859" y="214"/>
                    <a:pt x="9753" y="214"/>
                  </a:cubicBezTo>
                  <a:cubicBezTo>
                    <a:pt x="9222" y="230"/>
                    <a:pt x="8785" y="262"/>
                    <a:pt x="8236" y="278"/>
                  </a:cubicBezTo>
                  <a:lnTo>
                    <a:pt x="8432" y="274"/>
                  </a:lnTo>
                  <a:lnTo>
                    <a:pt x="8432" y="274"/>
                  </a:lnTo>
                  <a:cubicBezTo>
                    <a:pt x="8500" y="281"/>
                    <a:pt x="8268" y="281"/>
                    <a:pt x="8273" y="290"/>
                  </a:cubicBezTo>
                  <a:lnTo>
                    <a:pt x="8150" y="278"/>
                  </a:lnTo>
                  <a:lnTo>
                    <a:pt x="8150" y="278"/>
                  </a:lnTo>
                  <a:cubicBezTo>
                    <a:pt x="8117" y="295"/>
                    <a:pt x="8426" y="297"/>
                    <a:pt x="8351" y="311"/>
                  </a:cubicBezTo>
                  <a:cubicBezTo>
                    <a:pt x="8339" y="310"/>
                    <a:pt x="8325" y="309"/>
                    <a:pt x="8312" y="309"/>
                  </a:cubicBezTo>
                  <a:cubicBezTo>
                    <a:pt x="8299" y="309"/>
                    <a:pt x="8285" y="310"/>
                    <a:pt x="8273" y="311"/>
                  </a:cubicBezTo>
                  <a:lnTo>
                    <a:pt x="8386" y="316"/>
                  </a:lnTo>
                  <a:cubicBezTo>
                    <a:pt x="8356" y="315"/>
                    <a:pt x="8326" y="314"/>
                    <a:pt x="8298" y="314"/>
                  </a:cubicBezTo>
                  <a:cubicBezTo>
                    <a:pt x="8162" y="314"/>
                    <a:pt x="8042" y="322"/>
                    <a:pt x="7929" y="322"/>
                  </a:cubicBezTo>
                  <a:cubicBezTo>
                    <a:pt x="7862" y="322"/>
                    <a:pt x="7798" y="319"/>
                    <a:pt x="7735" y="311"/>
                  </a:cubicBezTo>
                  <a:cubicBezTo>
                    <a:pt x="8218" y="311"/>
                    <a:pt x="7837" y="265"/>
                    <a:pt x="8258" y="258"/>
                  </a:cubicBezTo>
                  <a:lnTo>
                    <a:pt x="8258" y="258"/>
                  </a:lnTo>
                  <a:cubicBezTo>
                    <a:pt x="8252" y="258"/>
                    <a:pt x="8247" y="258"/>
                    <a:pt x="8242" y="258"/>
                  </a:cubicBezTo>
                  <a:cubicBezTo>
                    <a:pt x="8077" y="258"/>
                    <a:pt x="8252" y="238"/>
                    <a:pt x="8226" y="232"/>
                  </a:cubicBezTo>
                  <a:cubicBezTo>
                    <a:pt x="8209" y="232"/>
                    <a:pt x="8195" y="231"/>
                    <a:pt x="8184" y="231"/>
                  </a:cubicBezTo>
                  <a:cubicBezTo>
                    <a:pt x="8117" y="231"/>
                    <a:pt x="8134" y="240"/>
                    <a:pt x="8057" y="240"/>
                  </a:cubicBezTo>
                  <a:cubicBezTo>
                    <a:pt x="8044" y="240"/>
                    <a:pt x="8028" y="240"/>
                    <a:pt x="8009" y="239"/>
                  </a:cubicBezTo>
                  <a:cubicBezTo>
                    <a:pt x="8011" y="228"/>
                    <a:pt x="8340" y="218"/>
                    <a:pt x="8194" y="209"/>
                  </a:cubicBezTo>
                  <a:lnTo>
                    <a:pt x="8194" y="209"/>
                  </a:lnTo>
                  <a:cubicBezTo>
                    <a:pt x="8178" y="228"/>
                    <a:pt x="8041" y="223"/>
                    <a:pt x="7974" y="234"/>
                  </a:cubicBezTo>
                  <a:cubicBezTo>
                    <a:pt x="7863" y="230"/>
                    <a:pt x="7978" y="223"/>
                    <a:pt x="7927" y="218"/>
                  </a:cubicBezTo>
                  <a:cubicBezTo>
                    <a:pt x="7874" y="218"/>
                    <a:pt x="7839" y="223"/>
                    <a:pt x="7795" y="223"/>
                  </a:cubicBezTo>
                  <a:cubicBezTo>
                    <a:pt x="7788" y="223"/>
                    <a:pt x="7780" y="223"/>
                    <a:pt x="7772" y="223"/>
                  </a:cubicBezTo>
                  <a:lnTo>
                    <a:pt x="7814" y="214"/>
                  </a:lnTo>
                  <a:cubicBezTo>
                    <a:pt x="7747" y="210"/>
                    <a:pt x="7704" y="208"/>
                    <a:pt x="7675" y="208"/>
                  </a:cubicBezTo>
                  <a:cubicBezTo>
                    <a:pt x="7581" y="208"/>
                    <a:pt x="7627" y="224"/>
                    <a:pt x="7446" y="224"/>
                  </a:cubicBezTo>
                  <a:cubicBezTo>
                    <a:pt x="7422" y="224"/>
                    <a:pt x="7393" y="224"/>
                    <a:pt x="7360" y="223"/>
                  </a:cubicBezTo>
                  <a:lnTo>
                    <a:pt x="7360" y="223"/>
                  </a:lnTo>
                  <a:cubicBezTo>
                    <a:pt x="7354" y="232"/>
                    <a:pt x="7394" y="234"/>
                    <a:pt x="7461" y="234"/>
                  </a:cubicBezTo>
                  <a:cubicBezTo>
                    <a:pt x="7502" y="234"/>
                    <a:pt x="7553" y="233"/>
                    <a:pt x="7610" y="232"/>
                  </a:cubicBezTo>
                  <a:lnTo>
                    <a:pt x="7610" y="232"/>
                  </a:lnTo>
                  <a:cubicBezTo>
                    <a:pt x="7684" y="265"/>
                    <a:pt x="7147" y="265"/>
                    <a:pt x="7177" y="299"/>
                  </a:cubicBezTo>
                  <a:cubicBezTo>
                    <a:pt x="7136" y="300"/>
                    <a:pt x="7107" y="300"/>
                    <a:pt x="7086" y="300"/>
                  </a:cubicBezTo>
                  <a:cubicBezTo>
                    <a:pt x="6931" y="300"/>
                    <a:pt x="7233" y="286"/>
                    <a:pt x="6978" y="276"/>
                  </a:cubicBezTo>
                  <a:cubicBezTo>
                    <a:pt x="6820" y="253"/>
                    <a:pt x="7191" y="253"/>
                    <a:pt x="7265" y="239"/>
                  </a:cubicBezTo>
                  <a:lnTo>
                    <a:pt x="6966" y="223"/>
                  </a:lnTo>
                  <a:cubicBezTo>
                    <a:pt x="7066" y="195"/>
                    <a:pt x="7251" y="204"/>
                    <a:pt x="7304" y="179"/>
                  </a:cubicBezTo>
                  <a:cubicBezTo>
                    <a:pt x="7275" y="179"/>
                    <a:pt x="7250" y="178"/>
                    <a:pt x="7228" y="178"/>
                  </a:cubicBezTo>
                  <a:cubicBezTo>
                    <a:pt x="7084" y="178"/>
                    <a:pt x="7078" y="185"/>
                    <a:pt x="6883" y="193"/>
                  </a:cubicBezTo>
                  <a:cubicBezTo>
                    <a:pt x="7249" y="216"/>
                    <a:pt x="6723" y="211"/>
                    <a:pt x="6931" y="239"/>
                  </a:cubicBezTo>
                  <a:cubicBezTo>
                    <a:pt x="6762" y="232"/>
                    <a:pt x="6816" y="225"/>
                    <a:pt x="6570" y="225"/>
                  </a:cubicBezTo>
                  <a:cubicBezTo>
                    <a:pt x="6728" y="218"/>
                    <a:pt x="6577" y="202"/>
                    <a:pt x="6783" y="202"/>
                  </a:cubicBezTo>
                  <a:cubicBezTo>
                    <a:pt x="6452" y="202"/>
                    <a:pt x="6540" y="209"/>
                    <a:pt x="6209" y="209"/>
                  </a:cubicBezTo>
                  <a:cubicBezTo>
                    <a:pt x="6107" y="228"/>
                    <a:pt x="6545" y="237"/>
                    <a:pt x="6146" y="248"/>
                  </a:cubicBezTo>
                  <a:cubicBezTo>
                    <a:pt x="6058" y="248"/>
                    <a:pt x="6077" y="241"/>
                    <a:pt x="6125" y="241"/>
                  </a:cubicBezTo>
                  <a:cubicBezTo>
                    <a:pt x="6092" y="240"/>
                    <a:pt x="6068" y="240"/>
                    <a:pt x="6050" y="240"/>
                  </a:cubicBezTo>
                  <a:cubicBezTo>
                    <a:pt x="5913" y="240"/>
                    <a:pt x="6163" y="268"/>
                    <a:pt x="6005" y="276"/>
                  </a:cubicBezTo>
                  <a:cubicBezTo>
                    <a:pt x="5992" y="276"/>
                    <a:pt x="5979" y="277"/>
                    <a:pt x="5968" y="277"/>
                  </a:cubicBezTo>
                  <a:cubicBezTo>
                    <a:pt x="5873" y="277"/>
                    <a:pt x="5841" y="269"/>
                    <a:pt x="5887" y="265"/>
                  </a:cubicBezTo>
                  <a:lnTo>
                    <a:pt x="5887" y="265"/>
                  </a:lnTo>
                  <a:cubicBezTo>
                    <a:pt x="5701" y="276"/>
                    <a:pt x="5803" y="290"/>
                    <a:pt x="5681" y="295"/>
                  </a:cubicBezTo>
                  <a:lnTo>
                    <a:pt x="5738" y="297"/>
                  </a:lnTo>
                  <a:cubicBezTo>
                    <a:pt x="5685" y="302"/>
                    <a:pt x="5831" y="332"/>
                    <a:pt x="5560" y="332"/>
                  </a:cubicBezTo>
                  <a:cubicBezTo>
                    <a:pt x="5365" y="332"/>
                    <a:pt x="5426" y="320"/>
                    <a:pt x="5421" y="313"/>
                  </a:cubicBezTo>
                  <a:lnTo>
                    <a:pt x="5421" y="313"/>
                  </a:lnTo>
                  <a:cubicBezTo>
                    <a:pt x="5381" y="315"/>
                    <a:pt x="5342" y="315"/>
                    <a:pt x="5303" y="315"/>
                  </a:cubicBezTo>
                  <a:cubicBezTo>
                    <a:pt x="5218" y="315"/>
                    <a:pt x="5134" y="312"/>
                    <a:pt x="5048" y="304"/>
                  </a:cubicBezTo>
                  <a:lnTo>
                    <a:pt x="5048" y="304"/>
                  </a:lnTo>
                  <a:cubicBezTo>
                    <a:pt x="5057" y="309"/>
                    <a:pt x="5048" y="311"/>
                    <a:pt x="4999" y="311"/>
                  </a:cubicBezTo>
                  <a:cubicBezTo>
                    <a:pt x="4974" y="311"/>
                    <a:pt x="4952" y="312"/>
                    <a:pt x="4933" y="312"/>
                  </a:cubicBezTo>
                  <a:cubicBezTo>
                    <a:pt x="4762" y="312"/>
                    <a:pt x="4842" y="294"/>
                    <a:pt x="4756" y="290"/>
                  </a:cubicBezTo>
                  <a:cubicBezTo>
                    <a:pt x="4717" y="289"/>
                    <a:pt x="4686" y="288"/>
                    <a:pt x="4663" y="288"/>
                  </a:cubicBezTo>
                  <a:cubicBezTo>
                    <a:pt x="4465" y="288"/>
                    <a:pt x="4757" y="327"/>
                    <a:pt x="4390" y="327"/>
                  </a:cubicBezTo>
                  <a:lnTo>
                    <a:pt x="4867" y="336"/>
                  </a:lnTo>
                  <a:cubicBezTo>
                    <a:pt x="4847" y="346"/>
                    <a:pt x="4837" y="360"/>
                    <a:pt x="4939" y="360"/>
                  </a:cubicBezTo>
                  <a:cubicBezTo>
                    <a:pt x="4950" y="347"/>
                    <a:pt x="5092" y="336"/>
                    <a:pt x="5238" y="336"/>
                  </a:cubicBezTo>
                  <a:cubicBezTo>
                    <a:pt x="5252" y="336"/>
                    <a:pt x="5266" y="336"/>
                    <a:pt x="5280" y="336"/>
                  </a:cubicBezTo>
                  <a:cubicBezTo>
                    <a:pt x="5326" y="355"/>
                    <a:pt x="4851" y="353"/>
                    <a:pt x="5120" y="373"/>
                  </a:cubicBezTo>
                  <a:cubicBezTo>
                    <a:pt x="5071" y="372"/>
                    <a:pt x="5014" y="372"/>
                    <a:pt x="4954" y="372"/>
                  </a:cubicBezTo>
                  <a:cubicBezTo>
                    <a:pt x="4894" y="372"/>
                    <a:pt x="4832" y="372"/>
                    <a:pt x="4772" y="371"/>
                  </a:cubicBezTo>
                  <a:cubicBezTo>
                    <a:pt x="4891" y="355"/>
                    <a:pt x="4390" y="366"/>
                    <a:pt x="4596" y="348"/>
                  </a:cubicBezTo>
                  <a:cubicBezTo>
                    <a:pt x="4206" y="348"/>
                    <a:pt x="4065" y="340"/>
                    <a:pt x="3818" y="340"/>
                  </a:cubicBezTo>
                  <a:cubicBezTo>
                    <a:pt x="3735" y="340"/>
                    <a:pt x="3641" y="341"/>
                    <a:pt x="3522" y="343"/>
                  </a:cubicBezTo>
                  <a:cubicBezTo>
                    <a:pt x="3676" y="325"/>
                    <a:pt x="3831" y="316"/>
                    <a:pt x="3988" y="316"/>
                  </a:cubicBezTo>
                  <a:cubicBezTo>
                    <a:pt x="4032" y="316"/>
                    <a:pt x="4075" y="316"/>
                    <a:pt x="4119" y="318"/>
                  </a:cubicBezTo>
                  <a:lnTo>
                    <a:pt x="4138" y="327"/>
                  </a:lnTo>
                  <a:cubicBezTo>
                    <a:pt x="4451" y="318"/>
                    <a:pt x="3897" y="313"/>
                    <a:pt x="3952" y="297"/>
                  </a:cubicBezTo>
                  <a:lnTo>
                    <a:pt x="3952" y="297"/>
                  </a:lnTo>
                  <a:cubicBezTo>
                    <a:pt x="3868" y="303"/>
                    <a:pt x="3780" y="305"/>
                    <a:pt x="3688" y="305"/>
                  </a:cubicBezTo>
                  <a:cubicBezTo>
                    <a:pt x="3392" y="305"/>
                    <a:pt x="3063" y="282"/>
                    <a:pt x="2728" y="282"/>
                  </a:cubicBezTo>
                  <a:cubicBezTo>
                    <a:pt x="2695" y="282"/>
                    <a:pt x="2661" y="283"/>
                    <a:pt x="2627" y="283"/>
                  </a:cubicBezTo>
                  <a:cubicBezTo>
                    <a:pt x="2711" y="295"/>
                    <a:pt x="2618" y="299"/>
                    <a:pt x="2597" y="309"/>
                  </a:cubicBezTo>
                  <a:cubicBezTo>
                    <a:pt x="2682" y="309"/>
                    <a:pt x="2722" y="308"/>
                    <a:pt x="2753" y="308"/>
                  </a:cubicBezTo>
                  <a:cubicBezTo>
                    <a:pt x="2792" y="308"/>
                    <a:pt x="2817" y="309"/>
                    <a:pt x="2894" y="316"/>
                  </a:cubicBezTo>
                  <a:cubicBezTo>
                    <a:pt x="2866" y="329"/>
                    <a:pt x="2753" y="322"/>
                    <a:pt x="2695" y="332"/>
                  </a:cubicBezTo>
                  <a:cubicBezTo>
                    <a:pt x="2672" y="338"/>
                    <a:pt x="2697" y="339"/>
                    <a:pt x="2737" y="339"/>
                  </a:cubicBezTo>
                  <a:cubicBezTo>
                    <a:pt x="2763" y="339"/>
                    <a:pt x="2795" y="339"/>
                    <a:pt x="2825" y="339"/>
                  </a:cubicBezTo>
                  <a:cubicBezTo>
                    <a:pt x="2855" y="339"/>
                    <a:pt x="2884" y="339"/>
                    <a:pt x="2903" y="341"/>
                  </a:cubicBezTo>
                  <a:cubicBezTo>
                    <a:pt x="2813" y="343"/>
                    <a:pt x="2722" y="348"/>
                    <a:pt x="2634" y="360"/>
                  </a:cubicBezTo>
                  <a:cubicBezTo>
                    <a:pt x="2579" y="353"/>
                    <a:pt x="2526" y="343"/>
                    <a:pt x="2472" y="329"/>
                  </a:cubicBezTo>
                  <a:cubicBezTo>
                    <a:pt x="2418" y="329"/>
                    <a:pt x="2371" y="328"/>
                    <a:pt x="2330" y="328"/>
                  </a:cubicBezTo>
                  <a:cubicBezTo>
                    <a:pt x="2075" y="328"/>
                    <a:pt x="2039" y="342"/>
                    <a:pt x="1834" y="342"/>
                  </a:cubicBezTo>
                  <a:cubicBezTo>
                    <a:pt x="1811" y="342"/>
                    <a:pt x="1786" y="342"/>
                    <a:pt x="1758" y="342"/>
                  </a:cubicBezTo>
                  <a:lnTo>
                    <a:pt x="1758" y="342"/>
                  </a:lnTo>
                  <a:cubicBezTo>
                    <a:pt x="1761" y="342"/>
                    <a:pt x="1763" y="342"/>
                    <a:pt x="1765" y="342"/>
                  </a:cubicBezTo>
                  <a:cubicBezTo>
                    <a:pt x="1844" y="342"/>
                    <a:pt x="1718" y="331"/>
                    <a:pt x="1770" y="330"/>
                  </a:cubicBezTo>
                  <a:lnTo>
                    <a:pt x="1770" y="330"/>
                  </a:lnTo>
                  <a:lnTo>
                    <a:pt x="1722" y="329"/>
                  </a:lnTo>
                  <a:cubicBezTo>
                    <a:pt x="2030" y="311"/>
                    <a:pt x="2563" y="316"/>
                    <a:pt x="2509" y="281"/>
                  </a:cubicBezTo>
                  <a:cubicBezTo>
                    <a:pt x="2257" y="281"/>
                    <a:pt x="2076" y="299"/>
                    <a:pt x="1766" y="299"/>
                  </a:cubicBezTo>
                  <a:lnTo>
                    <a:pt x="1780" y="292"/>
                  </a:lnTo>
                  <a:cubicBezTo>
                    <a:pt x="1744" y="292"/>
                    <a:pt x="1720" y="291"/>
                    <a:pt x="1704" y="291"/>
                  </a:cubicBezTo>
                  <a:cubicBezTo>
                    <a:pt x="1620" y="291"/>
                    <a:pt x="1773" y="300"/>
                    <a:pt x="1729" y="306"/>
                  </a:cubicBezTo>
                  <a:cubicBezTo>
                    <a:pt x="1706" y="307"/>
                    <a:pt x="1684" y="308"/>
                    <a:pt x="1664" y="308"/>
                  </a:cubicBezTo>
                  <a:cubicBezTo>
                    <a:pt x="1511" y="308"/>
                    <a:pt x="1431" y="286"/>
                    <a:pt x="1330" y="286"/>
                  </a:cubicBezTo>
                  <a:cubicBezTo>
                    <a:pt x="1301" y="286"/>
                    <a:pt x="1270" y="288"/>
                    <a:pt x="1235" y="292"/>
                  </a:cubicBezTo>
                  <a:lnTo>
                    <a:pt x="1490" y="299"/>
                  </a:lnTo>
                  <a:cubicBezTo>
                    <a:pt x="1298" y="313"/>
                    <a:pt x="1546" y="304"/>
                    <a:pt x="1499" y="325"/>
                  </a:cubicBezTo>
                  <a:cubicBezTo>
                    <a:pt x="1381" y="330"/>
                    <a:pt x="1233" y="331"/>
                    <a:pt x="1070" y="331"/>
                  </a:cubicBezTo>
                  <a:cubicBezTo>
                    <a:pt x="905" y="331"/>
                    <a:pt x="725" y="330"/>
                    <a:pt x="545" y="330"/>
                  </a:cubicBezTo>
                  <a:cubicBezTo>
                    <a:pt x="388" y="330"/>
                    <a:pt x="230" y="331"/>
                    <a:pt x="82" y="334"/>
                  </a:cubicBezTo>
                  <a:cubicBezTo>
                    <a:pt x="202" y="348"/>
                    <a:pt x="323" y="353"/>
                    <a:pt x="443" y="353"/>
                  </a:cubicBezTo>
                  <a:cubicBezTo>
                    <a:pt x="360" y="380"/>
                    <a:pt x="286" y="376"/>
                    <a:pt x="376" y="404"/>
                  </a:cubicBezTo>
                  <a:lnTo>
                    <a:pt x="598" y="406"/>
                  </a:lnTo>
                  <a:lnTo>
                    <a:pt x="601" y="436"/>
                  </a:lnTo>
                  <a:cubicBezTo>
                    <a:pt x="540" y="436"/>
                    <a:pt x="480" y="434"/>
                    <a:pt x="427" y="431"/>
                  </a:cubicBezTo>
                  <a:cubicBezTo>
                    <a:pt x="419" y="436"/>
                    <a:pt x="391" y="437"/>
                    <a:pt x="355" y="437"/>
                  </a:cubicBezTo>
                  <a:cubicBezTo>
                    <a:pt x="291" y="437"/>
                    <a:pt x="198" y="433"/>
                    <a:pt x="137" y="433"/>
                  </a:cubicBezTo>
                  <a:cubicBezTo>
                    <a:pt x="103" y="433"/>
                    <a:pt x="78" y="434"/>
                    <a:pt x="75" y="438"/>
                  </a:cubicBezTo>
                  <a:lnTo>
                    <a:pt x="265" y="438"/>
                  </a:lnTo>
                  <a:cubicBezTo>
                    <a:pt x="357" y="455"/>
                    <a:pt x="133" y="450"/>
                    <a:pt x="1" y="455"/>
                  </a:cubicBezTo>
                  <a:cubicBezTo>
                    <a:pt x="46" y="461"/>
                    <a:pt x="113" y="463"/>
                    <a:pt x="193" y="463"/>
                  </a:cubicBezTo>
                  <a:cubicBezTo>
                    <a:pt x="332" y="463"/>
                    <a:pt x="511" y="457"/>
                    <a:pt x="682" y="457"/>
                  </a:cubicBezTo>
                  <a:cubicBezTo>
                    <a:pt x="663" y="448"/>
                    <a:pt x="932" y="429"/>
                    <a:pt x="668" y="424"/>
                  </a:cubicBezTo>
                  <a:cubicBezTo>
                    <a:pt x="672" y="413"/>
                    <a:pt x="828" y="408"/>
                    <a:pt x="932" y="408"/>
                  </a:cubicBezTo>
                  <a:cubicBezTo>
                    <a:pt x="885" y="414"/>
                    <a:pt x="1079" y="435"/>
                    <a:pt x="955" y="445"/>
                  </a:cubicBezTo>
                  <a:lnTo>
                    <a:pt x="955" y="445"/>
                  </a:lnTo>
                  <a:cubicBezTo>
                    <a:pt x="993" y="443"/>
                    <a:pt x="1015" y="442"/>
                    <a:pt x="1032" y="442"/>
                  </a:cubicBezTo>
                  <a:cubicBezTo>
                    <a:pt x="1073" y="442"/>
                    <a:pt x="1082" y="446"/>
                    <a:pt x="1189" y="446"/>
                  </a:cubicBezTo>
                  <a:cubicBezTo>
                    <a:pt x="1208" y="446"/>
                    <a:pt x="1229" y="445"/>
                    <a:pt x="1254" y="445"/>
                  </a:cubicBezTo>
                  <a:lnTo>
                    <a:pt x="1254" y="445"/>
                  </a:lnTo>
                  <a:cubicBezTo>
                    <a:pt x="1217" y="452"/>
                    <a:pt x="1706" y="448"/>
                    <a:pt x="1675" y="473"/>
                  </a:cubicBezTo>
                  <a:cubicBezTo>
                    <a:pt x="1753" y="464"/>
                    <a:pt x="1677" y="438"/>
                    <a:pt x="1936" y="438"/>
                  </a:cubicBezTo>
                  <a:cubicBezTo>
                    <a:pt x="1946" y="438"/>
                    <a:pt x="1958" y="438"/>
                    <a:pt x="1970" y="438"/>
                  </a:cubicBezTo>
                  <a:cubicBezTo>
                    <a:pt x="1898" y="420"/>
                    <a:pt x="1564" y="415"/>
                    <a:pt x="1789" y="399"/>
                  </a:cubicBezTo>
                  <a:lnTo>
                    <a:pt x="1789" y="399"/>
                  </a:lnTo>
                  <a:lnTo>
                    <a:pt x="1643" y="408"/>
                  </a:lnTo>
                  <a:cubicBezTo>
                    <a:pt x="1434" y="399"/>
                    <a:pt x="1701" y="392"/>
                    <a:pt x="1428" y="383"/>
                  </a:cubicBezTo>
                  <a:lnTo>
                    <a:pt x="1428" y="383"/>
                  </a:lnTo>
                  <a:cubicBezTo>
                    <a:pt x="1437" y="383"/>
                    <a:pt x="1448" y="383"/>
                    <a:pt x="1460" y="383"/>
                  </a:cubicBezTo>
                  <a:cubicBezTo>
                    <a:pt x="1501" y="383"/>
                    <a:pt x="1552" y="382"/>
                    <a:pt x="1598" y="382"/>
                  </a:cubicBezTo>
                  <a:cubicBezTo>
                    <a:pt x="1647" y="382"/>
                    <a:pt x="1690" y="383"/>
                    <a:pt x="1706" y="390"/>
                  </a:cubicBezTo>
                  <a:cubicBezTo>
                    <a:pt x="1636" y="353"/>
                    <a:pt x="2111" y="376"/>
                    <a:pt x="2125" y="348"/>
                  </a:cubicBezTo>
                  <a:cubicBezTo>
                    <a:pt x="2171" y="357"/>
                    <a:pt x="2229" y="360"/>
                    <a:pt x="2323" y="360"/>
                  </a:cubicBezTo>
                  <a:cubicBezTo>
                    <a:pt x="2350" y="360"/>
                    <a:pt x="2381" y="360"/>
                    <a:pt x="2414" y="360"/>
                  </a:cubicBezTo>
                  <a:lnTo>
                    <a:pt x="2414" y="360"/>
                  </a:lnTo>
                  <a:cubicBezTo>
                    <a:pt x="2393" y="369"/>
                    <a:pt x="2477" y="380"/>
                    <a:pt x="2361" y="385"/>
                  </a:cubicBezTo>
                  <a:cubicBezTo>
                    <a:pt x="2264" y="383"/>
                    <a:pt x="2194" y="385"/>
                    <a:pt x="2088" y="376"/>
                  </a:cubicBezTo>
                  <a:lnTo>
                    <a:pt x="2088" y="376"/>
                  </a:lnTo>
                  <a:cubicBezTo>
                    <a:pt x="2117" y="394"/>
                    <a:pt x="2214" y="398"/>
                    <a:pt x="2335" y="398"/>
                  </a:cubicBezTo>
                  <a:cubicBezTo>
                    <a:pt x="2408" y="398"/>
                    <a:pt x="2489" y="397"/>
                    <a:pt x="2569" y="397"/>
                  </a:cubicBezTo>
                  <a:cubicBezTo>
                    <a:pt x="2622" y="397"/>
                    <a:pt x="2675" y="397"/>
                    <a:pt x="2725" y="399"/>
                  </a:cubicBezTo>
                  <a:cubicBezTo>
                    <a:pt x="2690" y="397"/>
                    <a:pt x="2681" y="394"/>
                    <a:pt x="2750" y="390"/>
                  </a:cubicBezTo>
                  <a:cubicBezTo>
                    <a:pt x="2901" y="394"/>
                    <a:pt x="3237" y="404"/>
                    <a:pt x="3142" y="420"/>
                  </a:cubicBezTo>
                  <a:lnTo>
                    <a:pt x="3908" y="420"/>
                  </a:lnTo>
                  <a:cubicBezTo>
                    <a:pt x="3909" y="424"/>
                    <a:pt x="3889" y="425"/>
                    <a:pt x="3861" y="425"/>
                  </a:cubicBezTo>
                  <a:cubicBezTo>
                    <a:pt x="3835" y="425"/>
                    <a:pt x="3803" y="424"/>
                    <a:pt x="3778" y="424"/>
                  </a:cubicBezTo>
                  <a:cubicBezTo>
                    <a:pt x="3768" y="424"/>
                    <a:pt x="3758" y="424"/>
                    <a:pt x="3751" y="424"/>
                  </a:cubicBezTo>
                  <a:lnTo>
                    <a:pt x="4179" y="429"/>
                  </a:lnTo>
                  <a:cubicBezTo>
                    <a:pt x="4279" y="441"/>
                    <a:pt x="4034" y="438"/>
                    <a:pt x="3990" y="450"/>
                  </a:cubicBezTo>
                  <a:lnTo>
                    <a:pt x="4300" y="450"/>
                  </a:lnTo>
                  <a:lnTo>
                    <a:pt x="4256" y="461"/>
                  </a:lnTo>
                  <a:cubicBezTo>
                    <a:pt x="4289" y="458"/>
                    <a:pt x="4372" y="456"/>
                    <a:pt x="4465" y="456"/>
                  </a:cubicBezTo>
                  <a:cubicBezTo>
                    <a:pt x="4587" y="456"/>
                    <a:pt x="4725" y="460"/>
                    <a:pt x="4775" y="471"/>
                  </a:cubicBezTo>
                  <a:cubicBezTo>
                    <a:pt x="5046" y="469"/>
                    <a:pt x="5095" y="445"/>
                    <a:pt x="5340" y="445"/>
                  </a:cubicBezTo>
                  <a:cubicBezTo>
                    <a:pt x="5401" y="445"/>
                    <a:pt x="5474" y="446"/>
                    <a:pt x="5565" y="450"/>
                  </a:cubicBezTo>
                  <a:cubicBezTo>
                    <a:pt x="5546" y="468"/>
                    <a:pt x="5305" y="455"/>
                    <a:pt x="5199" y="466"/>
                  </a:cubicBezTo>
                  <a:cubicBezTo>
                    <a:pt x="5229" y="468"/>
                    <a:pt x="5279" y="469"/>
                    <a:pt x="5334" y="469"/>
                  </a:cubicBezTo>
                  <a:cubicBezTo>
                    <a:pt x="5350" y="469"/>
                    <a:pt x="5366" y="469"/>
                    <a:pt x="5383" y="469"/>
                  </a:cubicBezTo>
                  <a:cubicBezTo>
                    <a:pt x="5480" y="469"/>
                    <a:pt x="5580" y="469"/>
                    <a:pt x="5606" y="480"/>
                  </a:cubicBezTo>
                  <a:cubicBezTo>
                    <a:pt x="5935" y="471"/>
                    <a:pt x="5901" y="438"/>
                    <a:pt x="6058" y="422"/>
                  </a:cubicBezTo>
                  <a:cubicBezTo>
                    <a:pt x="6327" y="422"/>
                    <a:pt x="6088" y="438"/>
                    <a:pt x="6100" y="443"/>
                  </a:cubicBezTo>
                  <a:cubicBezTo>
                    <a:pt x="6103" y="443"/>
                    <a:pt x="6105" y="443"/>
                    <a:pt x="6108" y="443"/>
                  </a:cubicBezTo>
                  <a:cubicBezTo>
                    <a:pt x="6166" y="443"/>
                    <a:pt x="6246" y="428"/>
                    <a:pt x="6313" y="428"/>
                  </a:cubicBezTo>
                  <a:cubicBezTo>
                    <a:pt x="6338" y="428"/>
                    <a:pt x="6361" y="430"/>
                    <a:pt x="6380" y="436"/>
                  </a:cubicBezTo>
                  <a:cubicBezTo>
                    <a:pt x="6510" y="424"/>
                    <a:pt x="6584" y="408"/>
                    <a:pt x="6392" y="401"/>
                  </a:cubicBezTo>
                  <a:lnTo>
                    <a:pt x="6392" y="401"/>
                  </a:lnTo>
                  <a:cubicBezTo>
                    <a:pt x="6413" y="402"/>
                    <a:pt x="6434" y="402"/>
                    <a:pt x="6455" y="402"/>
                  </a:cubicBezTo>
                  <a:cubicBezTo>
                    <a:pt x="6562" y="402"/>
                    <a:pt x="6668" y="397"/>
                    <a:pt x="6774" y="387"/>
                  </a:cubicBezTo>
                  <a:lnTo>
                    <a:pt x="6774" y="387"/>
                  </a:lnTo>
                  <a:cubicBezTo>
                    <a:pt x="6658" y="413"/>
                    <a:pt x="6936" y="399"/>
                    <a:pt x="6952" y="420"/>
                  </a:cubicBezTo>
                  <a:cubicBezTo>
                    <a:pt x="7056" y="423"/>
                    <a:pt x="7222" y="427"/>
                    <a:pt x="7388" y="427"/>
                  </a:cubicBezTo>
                  <a:cubicBezTo>
                    <a:pt x="7566" y="427"/>
                    <a:pt x="7745" y="423"/>
                    <a:pt x="7849" y="408"/>
                  </a:cubicBezTo>
                  <a:lnTo>
                    <a:pt x="7849" y="408"/>
                  </a:lnTo>
                  <a:lnTo>
                    <a:pt x="7789" y="436"/>
                  </a:lnTo>
                  <a:lnTo>
                    <a:pt x="8041" y="436"/>
                  </a:lnTo>
                  <a:cubicBezTo>
                    <a:pt x="8193" y="451"/>
                    <a:pt x="7959" y="452"/>
                    <a:pt x="7796" y="452"/>
                  </a:cubicBezTo>
                  <a:cubicBezTo>
                    <a:pt x="7755" y="452"/>
                    <a:pt x="7719" y="452"/>
                    <a:pt x="7694" y="452"/>
                  </a:cubicBezTo>
                  <a:cubicBezTo>
                    <a:pt x="8036" y="459"/>
                    <a:pt x="8266" y="457"/>
                    <a:pt x="8574" y="459"/>
                  </a:cubicBezTo>
                  <a:cubicBezTo>
                    <a:pt x="8483" y="452"/>
                    <a:pt x="8537" y="445"/>
                    <a:pt x="8495" y="436"/>
                  </a:cubicBezTo>
                  <a:cubicBezTo>
                    <a:pt x="8538" y="431"/>
                    <a:pt x="8588" y="430"/>
                    <a:pt x="8639" y="430"/>
                  </a:cubicBezTo>
                  <a:cubicBezTo>
                    <a:pt x="8699" y="430"/>
                    <a:pt x="8760" y="432"/>
                    <a:pt x="8816" y="432"/>
                  </a:cubicBezTo>
                  <a:cubicBezTo>
                    <a:pt x="8830" y="432"/>
                    <a:pt x="8843" y="432"/>
                    <a:pt x="8856" y="431"/>
                  </a:cubicBezTo>
                  <a:lnTo>
                    <a:pt x="8856" y="431"/>
                  </a:lnTo>
                  <a:cubicBezTo>
                    <a:pt x="8884" y="438"/>
                    <a:pt x="8870" y="445"/>
                    <a:pt x="8785" y="448"/>
                  </a:cubicBezTo>
                  <a:lnTo>
                    <a:pt x="8995" y="443"/>
                  </a:lnTo>
                  <a:lnTo>
                    <a:pt x="8995" y="443"/>
                  </a:lnTo>
                  <a:cubicBezTo>
                    <a:pt x="8979" y="461"/>
                    <a:pt x="9083" y="461"/>
                    <a:pt x="8873" y="473"/>
                  </a:cubicBezTo>
                  <a:lnTo>
                    <a:pt x="9069" y="468"/>
                  </a:lnTo>
                  <a:lnTo>
                    <a:pt x="9069" y="468"/>
                  </a:lnTo>
                  <a:cubicBezTo>
                    <a:pt x="9285" y="473"/>
                    <a:pt x="9058" y="482"/>
                    <a:pt x="9005" y="489"/>
                  </a:cubicBezTo>
                  <a:lnTo>
                    <a:pt x="9347" y="494"/>
                  </a:lnTo>
                  <a:cubicBezTo>
                    <a:pt x="9470" y="482"/>
                    <a:pt x="9278" y="478"/>
                    <a:pt x="9514" y="473"/>
                  </a:cubicBezTo>
                  <a:cubicBezTo>
                    <a:pt x="9829" y="489"/>
                    <a:pt x="10230" y="485"/>
                    <a:pt x="10589" y="492"/>
                  </a:cubicBezTo>
                  <a:lnTo>
                    <a:pt x="10337" y="473"/>
                  </a:lnTo>
                  <a:lnTo>
                    <a:pt x="10337" y="473"/>
                  </a:lnTo>
                  <a:cubicBezTo>
                    <a:pt x="10358" y="474"/>
                    <a:pt x="10378" y="474"/>
                    <a:pt x="10395" y="474"/>
                  </a:cubicBezTo>
                  <a:cubicBezTo>
                    <a:pt x="10545" y="474"/>
                    <a:pt x="10517" y="449"/>
                    <a:pt x="10575" y="438"/>
                  </a:cubicBezTo>
                  <a:cubicBezTo>
                    <a:pt x="10777" y="441"/>
                    <a:pt x="11045" y="441"/>
                    <a:pt x="11212" y="448"/>
                  </a:cubicBezTo>
                  <a:cubicBezTo>
                    <a:pt x="11020" y="461"/>
                    <a:pt x="11101" y="482"/>
                    <a:pt x="11279" y="496"/>
                  </a:cubicBezTo>
                  <a:cubicBezTo>
                    <a:pt x="11294" y="496"/>
                    <a:pt x="11309" y="496"/>
                    <a:pt x="11322" y="496"/>
                  </a:cubicBezTo>
                  <a:cubicBezTo>
                    <a:pt x="11678" y="496"/>
                    <a:pt x="11593" y="468"/>
                    <a:pt x="11810" y="459"/>
                  </a:cubicBezTo>
                  <a:lnTo>
                    <a:pt x="11810" y="459"/>
                  </a:lnTo>
                  <a:cubicBezTo>
                    <a:pt x="11634" y="494"/>
                    <a:pt x="12092" y="471"/>
                    <a:pt x="12053" y="492"/>
                  </a:cubicBezTo>
                  <a:cubicBezTo>
                    <a:pt x="12567" y="492"/>
                    <a:pt x="13086" y="480"/>
                    <a:pt x="13617" y="480"/>
                  </a:cubicBezTo>
                  <a:cubicBezTo>
                    <a:pt x="13607" y="475"/>
                    <a:pt x="13455" y="471"/>
                    <a:pt x="13547" y="464"/>
                  </a:cubicBezTo>
                  <a:cubicBezTo>
                    <a:pt x="13574" y="463"/>
                    <a:pt x="13599" y="463"/>
                    <a:pt x="13622" y="463"/>
                  </a:cubicBezTo>
                  <a:cubicBezTo>
                    <a:pt x="13767" y="463"/>
                    <a:pt x="13840" y="474"/>
                    <a:pt x="13862" y="480"/>
                  </a:cubicBezTo>
                  <a:cubicBezTo>
                    <a:pt x="13879" y="480"/>
                    <a:pt x="13895" y="480"/>
                    <a:pt x="13912" y="480"/>
                  </a:cubicBezTo>
                  <a:cubicBezTo>
                    <a:pt x="14057" y="480"/>
                    <a:pt x="14201" y="471"/>
                    <a:pt x="14344" y="457"/>
                  </a:cubicBezTo>
                  <a:lnTo>
                    <a:pt x="14344" y="457"/>
                  </a:lnTo>
                  <a:cubicBezTo>
                    <a:pt x="14325" y="457"/>
                    <a:pt x="14310" y="457"/>
                    <a:pt x="14296" y="457"/>
                  </a:cubicBezTo>
                  <a:cubicBezTo>
                    <a:pt x="14232" y="457"/>
                    <a:pt x="14227" y="453"/>
                    <a:pt x="14244" y="445"/>
                  </a:cubicBezTo>
                  <a:cubicBezTo>
                    <a:pt x="14257" y="445"/>
                    <a:pt x="14268" y="445"/>
                    <a:pt x="14279" y="445"/>
                  </a:cubicBezTo>
                  <a:cubicBezTo>
                    <a:pt x="14432" y="445"/>
                    <a:pt x="14448" y="456"/>
                    <a:pt x="14530" y="456"/>
                  </a:cubicBezTo>
                  <a:cubicBezTo>
                    <a:pt x="14562" y="456"/>
                    <a:pt x="14603" y="454"/>
                    <a:pt x="14666" y="450"/>
                  </a:cubicBezTo>
                  <a:lnTo>
                    <a:pt x="14666" y="450"/>
                  </a:lnTo>
                  <a:cubicBezTo>
                    <a:pt x="14729" y="468"/>
                    <a:pt x="14400" y="459"/>
                    <a:pt x="14423" y="480"/>
                  </a:cubicBezTo>
                  <a:cubicBezTo>
                    <a:pt x="14645" y="480"/>
                    <a:pt x="14786" y="473"/>
                    <a:pt x="14949" y="464"/>
                  </a:cubicBezTo>
                  <a:lnTo>
                    <a:pt x="14949" y="464"/>
                  </a:lnTo>
                  <a:cubicBezTo>
                    <a:pt x="14986" y="475"/>
                    <a:pt x="14798" y="466"/>
                    <a:pt x="14921" y="478"/>
                  </a:cubicBezTo>
                  <a:lnTo>
                    <a:pt x="15940" y="448"/>
                  </a:lnTo>
                  <a:lnTo>
                    <a:pt x="16010" y="464"/>
                  </a:lnTo>
                  <a:cubicBezTo>
                    <a:pt x="16176" y="464"/>
                    <a:pt x="16285" y="459"/>
                    <a:pt x="16362" y="452"/>
                  </a:cubicBezTo>
                  <a:lnTo>
                    <a:pt x="16362" y="452"/>
                  </a:lnTo>
                  <a:cubicBezTo>
                    <a:pt x="16452" y="459"/>
                    <a:pt x="16383" y="461"/>
                    <a:pt x="16297" y="464"/>
                  </a:cubicBezTo>
                  <a:cubicBezTo>
                    <a:pt x="16314" y="464"/>
                    <a:pt x="16331" y="464"/>
                    <a:pt x="16349" y="464"/>
                  </a:cubicBezTo>
                  <a:cubicBezTo>
                    <a:pt x="16560" y="464"/>
                    <a:pt x="16800" y="452"/>
                    <a:pt x="16918" y="452"/>
                  </a:cubicBezTo>
                  <a:cubicBezTo>
                    <a:pt x="16907" y="457"/>
                    <a:pt x="16875" y="457"/>
                    <a:pt x="16841" y="457"/>
                  </a:cubicBezTo>
                  <a:cubicBezTo>
                    <a:pt x="16808" y="457"/>
                    <a:pt x="16772" y="457"/>
                    <a:pt x="16753" y="461"/>
                  </a:cubicBezTo>
                  <a:cubicBezTo>
                    <a:pt x="16771" y="462"/>
                    <a:pt x="16789" y="462"/>
                    <a:pt x="16808" y="462"/>
                  </a:cubicBezTo>
                  <a:cubicBezTo>
                    <a:pt x="17004" y="462"/>
                    <a:pt x="17227" y="446"/>
                    <a:pt x="17400" y="446"/>
                  </a:cubicBezTo>
                  <a:cubicBezTo>
                    <a:pt x="17465" y="446"/>
                    <a:pt x="17522" y="449"/>
                    <a:pt x="17569" y="455"/>
                  </a:cubicBezTo>
                  <a:cubicBezTo>
                    <a:pt x="17545" y="457"/>
                    <a:pt x="17520" y="457"/>
                    <a:pt x="17496" y="457"/>
                  </a:cubicBezTo>
                  <a:lnTo>
                    <a:pt x="17496" y="457"/>
                  </a:lnTo>
                  <a:cubicBezTo>
                    <a:pt x="17907" y="457"/>
                    <a:pt x="18267" y="445"/>
                    <a:pt x="18713" y="443"/>
                  </a:cubicBezTo>
                  <a:cubicBezTo>
                    <a:pt x="18785" y="446"/>
                    <a:pt x="18836" y="448"/>
                    <a:pt x="18873" y="448"/>
                  </a:cubicBezTo>
                  <a:cubicBezTo>
                    <a:pt x="19043" y="448"/>
                    <a:pt x="18924" y="420"/>
                    <a:pt x="19220" y="420"/>
                  </a:cubicBezTo>
                  <a:cubicBezTo>
                    <a:pt x="19230" y="420"/>
                    <a:pt x="19240" y="420"/>
                    <a:pt x="19250" y="420"/>
                  </a:cubicBezTo>
                  <a:cubicBezTo>
                    <a:pt x="19252" y="435"/>
                    <a:pt x="19322" y="440"/>
                    <a:pt x="19420" y="440"/>
                  </a:cubicBezTo>
                  <a:cubicBezTo>
                    <a:pt x="19575" y="440"/>
                    <a:pt x="19798" y="428"/>
                    <a:pt x="19925" y="428"/>
                  </a:cubicBezTo>
                  <a:cubicBezTo>
                    <a:pt x="19943" y="428"/>
                    <a:pt x="19959" y="428"/>
                    <a:pt x="19973" y="429"/>
                  </a:cubicBezTo>
                  <a:lnTo>
                    <a:pt x="19917" y="422"/>
                  </a:lnTo>
                  <a:cubicBezTo>
                    <a:pt x="20001" y="417"/>
                    <a:pt x="20083" y="415"/>
                    <a:pt x="20166" y="415"/>
                  </a:cubicBezTo>
                  <a:cubicBezTo>
                    <a:pt x="20288" y="415"/>
                    <a:pt x="20411" y="420"/>
                    <a:pt x="20534" y="431"/>
                  </a:cubicBezTo>
                  <a:cubicBezTo>
                    <a:pt x="20594" y="432"/>
                    <a:pt x="20660" y="432"/>
                    <a:pt x="20730" y="432"/>
                  </a:cubicBezTo>
                  <a:cubicBezTo>
                    <a:pt x="21009" y="432"/>
                    <a:pt x="21347" y="428"/>
                    <a:pt x="21588" y="413"/>
                  </a:cubicBezTo>
                  <a:lnTo>
                    <a:pt x="21588" y="413"/>
                  </a:lnTo>
                  <a:lnTo>
                    <a:pt x="21527" y="422"/>
                  </a:lnTo>
                  <a:cubicBezTo>
                    <a:pt x="21652" y="416"/>
                    <a:pt x="21754" y="416"/>
                    <a:pt x="21855" y="416"/>
                  </a:cubicBezTo>
                  <a:cubicBezTo>
                    <a:pt x="21956" y="416"/>
                    <a:pt x="22058" y="416"/>
                    <a:pt x="22183" y="411"/>
                  </a:cubicBezTo>
                  <a:lnTo>
                    <a:pt x="22183" y="411"/>
                  </a:lnTo>
                  <a:cubicBezTo>
                    <a:pt x="22176" y="415"/>
                    <a:pt x="22083" y="420"/>
                    <a:pt x="22181" y="422"/>
                  </a:cubicBezTo>
                  <a:cubicBezTo>
                    <a:pt x="22330" y="423"/>
                    <a:pt x="22480" y="424"/>
                    <a:pt x="22630" y="424"/>
                  </a:cubicBezTo>
                  <a:cubicBezTo>
                    <a:pt x="23685" y="424"/>
                    <a:pt x="24755" y="399"/>
                    <a:pt x="25806" y="397"/>
                  </a:cubicBezTo>
                  <a:cubicBezTo>
                    <a:pt x="28099" y="397"/>
                    <a:pt x="30955" y="380"/>
                    <a:pt x="33214" y="325"/>
                  </a:cubicBezTo>
                  <a:lnTo>
                    <a:pt x="33214" y="325"/>
                  </a:lnTo>
                  <a:cubicBezTo>
                    <a:pt x="33214" y="325"/>
                    <a:pt x="33214" y="325"/>
                    <a:pt x="33214" y="325"/>
                  </a:cubicBezTo>
                  <a:cubicBezTo>
                    <a:pt x="33220" y="325"/>
                    <a:pt x="34276" y="139"/>
                    <a:pt x="34115" y="68"/>
                  </a:cubicBezTo>
                  <a:cubicBezTo>
                    <a:pt x="34027" y="58"/>
                    <a:pt x="34337" y="40"/>
                    <a:pt x="34150" y="38"/>
                  </a:cubicBezTo>
                  <a:lnTo>
                    <a:pt x="34150" y="38"/>
                  </a:lnTo>
                  <a:lnTo>
                    <a:pt x="33967" y="61"/>
                  </a:lnTo>
                  <a:cubicBezTo>
                    <a:pt x="33997" y="51"/>
                    <a:pt x="33893" y="40"/>
                    <a:pt x="33872" y="33"/>
                  </a:cubicBezTo>
                  <a:lnTo>
                    <a:pt x="33872" y="33"/>
                  </a:lnTo>
                  <a:cubicBezTo>
                    <a:pt x="33798" y="51"/>
                    <a:pt x="34108" y="61"/>
                    <a:pt x="33890" y="91"/>
                  </a:cubicBezTo>
                  <a:cubicBezTo>
                    <a:pt x="33855" y="99"/>
                    <a:pt x="33762" y="100"/>
                    <a:pt x="33680" y="100"/>
                  </a:cubicBezTo>
                  <a:cubicBezTo>
                    <a:pt x="33648" y="100"/>
                    <a:pt x="33618" y="100"/>
                    <a:pt x="33594" y="100"/>
                  </a:cubicBezTo>
                  <a:cubicBezTo>
                    <a:pt x="33779" y="100"/>
                    <a:pt x="33589" y="116"/>
                    <a:pt x="33515" y="126"/>
                  </a:cubicBezTo>
                  <a:cubicBezTo>
                    <a:pt x="33399" y="119"/>
                    <a:pt x="33218" y="126"/>
                    <a:pt x="33165" y="112"/>
                  </a:cubicBezTo>
                  <a:cubicBezTo>
                    <a:pt x="33123" y="117"/>
                    <a:pt x="33082" y="120"/>
                    <a:pt x="33040" y="120"/>
                  </a:cubicBezTo>
                  <a:cubicBezTo>
                    <a:pt x="33026" y="120"/>
                    <a:pt x="33012" y="119"/>
                    <a:pt x="32998" y="119"/>
                  </a:cubicBezTo>
                  <a:lnTo>
                    <a:pt x="32991" y="112"/>
                  </a:lnTo>
                  <a:lnTo>
                    <a:pt x="32991" y="112"/>
                  </a:lnTo>
                  <a:cubicBezTo>
                    <a:pt x="32855" y="119"/>
                    <a:pt x="33038" y="116"/>
                    <a:pt x="33003" y="123"/>
                  </a:cubicBezTo>
                  <a:cubicBezTo>
                    <a:pt x="32989" y="124"/>
                    <a:pt x="32973" y="124"/>
                    <a:pt x="32957" y="124"/>
                  </a:cubicBezTo>
                  <a:cubicBezTo>
                    <a:pt x="32877" y="124"/>
                    <a:pt x="32771" y="118"/>
                    <a:pt x="32659" y="118"/>
                  </a:cubicBezTo>
                  <a:cubicBezTo>
                    <a:pt x="32636" y="118"/>
                    <a:pt x="32612" y="118"/>
                    <a:pt x="32588" y="119"/>
                  </a:cubicBezTo>
                  <a:cubicBezTo>
                    <a:pt x="32751" y="114"/>
                    <a:pt x="32885" y="105"/>
                    <a:pt x="32998" y="95"/>
                  </a:cubicBezTo>
                  <a:cubicBezTo>
                    <a:pt x="32704" y="89"/>
                    <a:pt x="33049" y="63"/>
                    <a:pt x="33114" y="45"/>
                  </a:cubicBezTo>
                  <a:lnTo>
                    <a:pt x="33114" y="45"/>
                  </a:lnTo>
                  <a:cubicBezTo>
                    <a:pt x="32880" y="56"/>
                    <a:pt x="32790" y="68"/>
                    <a:pt x="32595" y="82"/>
                  </a:cubicBezTo>
                  <a:cubicBezTo>
                    <a:pt x="32371" y="70"/>
                    <a:pt x="32594" y="36"/>
                    <a:pt x="32666" y="31"/>
                  </a:cubicBezTo>
                  <a:lnTo>
                    <a:pt x="32666" y="31"/>
                  </a:lnTo>
                  <a:cubicBezTo>
                    <a:pt x="32453" y="43"/>
                    <a:pt x="32233" y="65"/>
                    <a:pt x="32120" y="75"/>
                  </a:cubicBezTo>
                  <a:cubicBezTo>
                    <a:pt x="32280" y="47"/>
                    <a:pt x="32253" y="40"/>
                    <a:pt x="32396" y="17"/>
                  </a:cubicBezTo>
                  <a:cubicBezTo>
                    <a:pt x="32352" y="13"/>
                    <a:pt x="32316" y="12"/>
                    <a:pt x="32287" y="12"/>
                  </a:cubicBezTo>
                  <a:cubicBezTo>
                    <a:pt x="32202" y="12"/>
                    <a:pt x="32167" y="24"/>
                    <a:pt x="32107" y="31"/>
                  </a:cubicBezTo>
                  <a:cubicBezTo>
                    <a:pt x="32130" y="29"/>
                    <a:pt x="32153" y="29"/>
                    <a:pt x="32176" y="29"/>
                  </a:cubicBezTo>
                  <a:cubicBezTo>
                    <a:pt x="32199" y="29"/>
                    <a:pt x="32222" y="29"/>
                    <a:pt x="32246" y="31"/>
                  </a:cubicBezTo>
                  <a:cubicBezTo>
                    <a:pt x="32042" y="31"/>
                    <a:pt x="32076" y="70"/>
                    <a:pt x="31970" y="89"/>
                  </a:cubicBezTo>
                  <a:cubicBezTo>
                    <a:pt x="31830" y="80"/>
                    <a:pt x="31572" y="77"/>
                    <a:pt x="31551" y="58"/>
                  </a:cubicBezTo>
                  <a:lnTo>
                    <a:pt x="31551" y="58"/>
                  </a:lnTo>
                  <a:lnTo>
                    <a:pt x="31553" y="77"/>
                  </a:lnTo>
                  <a:cubicBezTo>
                    <a:pt x="31526" y="78"/>
                    <a:pt x="31505" y="78"/>
                    <a:pt x="31489" y="78"/>
                  </a:cubicBezTo>
                  <a:cubicBezTo>
                    <a:pt x="31400" y="78"/>
                    <a:pt x="31456" y="64"/>
                    <a:pt x="31432" y="58"/>
                  </a:cubicBezTo>
                  <a:lnTo>
                    <a:pt x="31432" y="58"/>
                  </a:lnTo>
                  <a:cubicBezTo>
                    <a:pt x="31368" y="75"/>
                    <a:pt x="31451" y="98"/>
                    <a:pt x="31152" y="107"/>
                  </a:cubicBezTo>
                  <a:cubicBezTo>
                    <a:pt x="31173" y="89"/>
                    <a:pt x="31122" y="88"/>
                    <a:pt x="31060" y="88"/>
                  </a:cubicBezTo>
                  <a:cubicBezTo>
                    <a:pt x="31043" y="88"/>
                    <a:pt x="31025" y="88"/>
                    <a:pt x="31008" y="88"/>
                  </a:cubicBezTo>
                  <a:cubicBezTo>
                    <a:pt x="30947" y="88"/>
                    <a:pt x="30891" y="86"/>
                    <a:pt x="30895" y="70"/>
                  </a:cubicBezTo>
                  <a:lnTo>
                    <a:pt x="30895" y="70"/>
                  </a:lnTo>
                  <a:cubicBezTo>
                    <a:pt x="30768" y="74"/>
                    <a:pt x="30704" y="92"/>
                    <a:pt x="30588" y="92"/>
                  </a:cubicBezTo>
                  <a:cubicBezTo>
                    <a:pt x="30575" y="92"/>
                    <a:pt x="30562" y="91"/>
                    <a:pt x="30548" y="91"/>
                  </a:cubicBezTo>
                  <a:cubicBezTo>
                    <a:pt x="30401" y="74"/>
                    <a:pt x="30699" y="46"/>
                    <a:pt x="30821" y="46"/>
                  </a:cubicBezTo>
                  <a:cubicBezTo>
                    <a:pt x="30834" y="46"/>
                    <a:pt x="30845" y="46"/>
                    <a:pt x="30853" y="47"/>
                  </a:cubicBezTo>
                  <a:cubicBezTo>
                    <a:pt x="30865" y="47"/>
                    <a:pt x="30875" y="47"/>
                    <a:pt x="30884" y="47"/>
                  </a:cubicBezTo>
                  <a:cubicBezTo>
                    <a:pt x="31027" y="47"/>
                    <a:pt x="30830" y="63"/>
                    <a:pt x="30907" y="63"/>
                  </a:cubicBezTo>
                  <a:lnTo>
                    <a:pt x="31099" y="49"/>
                  </a:lnTo>
                  <a:cubicBezTo>
                    <a:pt x="30992" y="42"/>
                    <a:pt x="30782" y="35"/>
                    <a:pt x="30807" y="21"/>
                  </a:cubicBezTo>
                  <a:lnTo>
                    <a:pt x="30807" y="21"/>
                  </a:lnTo>
                  <a:cubicBezTo>
                    <a:pt x="30610" y="31"/>
                    <a:pt x="30965" y="35"/>
                    <a:pt x="30749" y="47"/>
                  </a:cubicBezTo>
                  <a:lnTo>
                    <a:pt x="30619" y="40"/>
                  </a:lnTo>
                  <a:lnTo>
                    <a:pt x="30619" y="40"/>
                  </a:lnTo>
                  <a:cubicBezTo>
                    <a:pt x="30406" y="51"/>
                    <a:pt x="30666" y="68"/>
                    <a:pt x="30385" y="75"/>
                  </a:cubicBezTo>
                  <a:cubicBezTo>
                    <a:pt x="30571" y="54"/>
                    <a:pt x="30090" y="77"/>
                    <a:pt x="30098" y="50"/>
                  </a:cubicBezTo>
                  <a:lnTo>
                    <a:pt x="30098" y="50"/>
                  </a:lnTo>
                  <a:cubicBezTo>
                    <a:pt x="30080" y="84"/>
                    <a:pt x="29597" y="59"/>
                    <a:pt x="29540" y="86"/>
                  </a:cubicBezTo>
                  <a:lnTo>
                    <a:pt x="29688" y="91"/>
                  </a:lnTo>
                  <a:lnTo>
                    <a:pt x="29656" y="77"/>
                  </a:lnTo>
                  <a:cubicBezTo>
                    <a:pt x="29784" y="75"/>
                    <a:pt x="29897" y="69"/>
                    <a:pt x="30022" y="69"/>
                  </a:cubicBezTo>
                  <a:cubicBezTo>
                    <a:pt x="30053" y="69"/>
                    <a:pt x="30084" y="69"/>
                    <a:pt x="30117" y="70"/>
                  </a:cubicBezTo>
                  <a:cubicBezTo>
                    <a:pt x="29985" y="84"/>
                    <a:pt x="30161" y="98"/>
                    <a:pt x="30010" y="109"/>
                  </a:cubicBezTo>
                  <a:cubicBezTo>
                    <a:pt x="29950" y="114"/>
                    <a:pt x="29911" y="115"/>
                    <a:pt x="29888" y="115"/>
                  </a:cubicBezTo>
                  <a:cubicBezTo>
                    <a:pt x="29804" y="115"/>
                    <a:pt x="29917" y="93"/>
                    <a:pt x="29897" y="93"/>
                  </a:cubicBezTo>
                  <a:cubicBezTo>
                    <a:pt x="29896" y="93"/>
                    <a:pt x="29895" y="93"/>
                    <a:pt x="29894" y="93"/>
                  </a:cubicBezTo>
                  <a:lnTo>
                    <a:pt x="29665" y="112"/>
                  </a:lnTo>
                  <a:lnTo>
                    <a:pt x="29820" y="123"/>
                  </a:lnTo>
                  <a:cubicBezTo>
                    <a:pt x="29644" y="133"/>
                    <a:pt x="29401" y="135"/>
                    <a:pt x="29158" y="135"/>
                  </a:cubicBezTo>
                  <a:cubicBezTo>
                    <a:pt x="28796" y="119"/>
                    <a:pt x="29202" y="116"/>
                    <a:pt x="28942" y="100"/>
                  </a:cubicBezTo>
                  <a:lnTo>
                    <a:pt x="28942" y="100"/>
                  </a:lnTo>
                  <a:cubicBezTo>
                    <a:pt x="28839" y="106"/>
                    <a:pt x="28852" y="114"/>
                    <a:pt x="28737" y="114"/>
                  </a:cubicBezTo>
                  <a:cubicBezTo>
                    <a:pt x="28723" y="114"/>
                    <a:pt x="28708" y="114"/>
                    <a:pt x="28690" y="114"/>
                  </a:cubicBezTo>
                  <a:lnTo>
                    <a:pt x="28690" y="114"/>
                  </a:lnTo>
                  <a:cubicBezTo>
                    <a:pt x="28712" y="116"/>
                    <a:pt x="28734" y="117"/>
                    <a:pt x="28754" y="117"/>
                  </a:cubicBezTo>
                  <a:cubicBezTo>
                    <a:pt x="28814" y="117"/>
                    <a:pt x="28865" y="109"/>
                    <a:pt x="28910" y="109"/>
                  </a:cubicBezTo>
                  <a:cubicBezTo>
                    <a:pt x="28991" y="130"/>
                    <a:pt x="28616" y="121"/>
                    <a:pt x="28634" y="142"/>
                  </a:cubicBezTo>
                  <a:cubicBezTo>
                    <a:pt x="28565" y="135"/>
                    <a:pt x="28579" y="126"/>
                    <a:pt x="28632" y="116"/>
                  </a:cubicBezTo>
                  <a:lnTo>
                    <a:pt x="28632" y="116"/>
                  </a:lnTo>
                  <a:cubicBezTo>
                    <a:pt x="28528" y="120"/>
                    <a:pt x="28426" y="122"/>
                    <a:pt x="28333" y="122"/>
                  </a:cubicBezTo>
                  <a:cubicBezTo>
                    <a:pt x="28179" y="122"/>
                    <a:pt x="28051" y="116"/>
                    <a:pt x="27986" y="100"/>
                  </a:cubicBezTo>
                  <a:lnTo>
                    <a:pt x="27865" y="126"/>
                  </a:lnTo>
                  <a:cubicBezTo>
                    <a:pt x="27393" y="121"/>
                    <a:pt x="28189" y="100"/>
                    <a:pt x="27791" y="89"/>
                  </a:cubicBezTo>
                  <a:cubicBezTo>
                    <a:pt x="27757" y="87"/>
                    <a:pt x="27723" y="87"/>
                    <a:pt x="27689" y="87"/>
                  </a:cubicBezTo>
                  <a:cubicBezTo>
                    <a:pt x="27591" y="87"/>
                    <a:pt x="27493" y="92"/>
                    <a:pt x="27395" y="100"/>
                  </a:cubicBezTo>
                  <a:lnTo>
                    <a:pt x="27536" y="100"/>
                  </a:lnTo>
                  <a:cubicBezTo>
                    <a:pt x="27427" y="114"/>
                    <a:pt x="27437" y="123"/>
                    <a:pt x="27263" y="133"/>
                  </a:cubicBezTo>
                  <a:cubicBezTo>
                    <a:pt x="27176" y="133"/>
                    <a:pt x="27182" y="124"/>
                    <a:pt x="27143" y="124"/>
                  </a:cubicBezTo>
                  <a:cubicBezTo>
                    <a:pt x="27126" y="124"/>
                    <a:pt x="27100" y="125"/>
                    <a:pt x="27054" y="130"/>
                  </a:cubicBezTo>
                  <a:cubicBezTo>
                    <a:pt x="26743" y="119"/>
                    <a:pt x="26869" y="99"/>
                    <a:pt x="26955" y="80"/>
                  </a:cubicBezTo>
                  <a:lnTo>
                    <a:pt x="26955" y="80"/>
                  </a:lnTo>
                  <a:cubicBezTo>
                    <a:pt x="26828" y="83"/>
                    <a:pt x="26659" y="82"/>
                    <a:pt x="26637" y="93"/>
                  </a:cubicBezTo>
                  <a:cubicBezTo>
                    <a:pt x="26636" y="88"/>
                    <a:pt x="26654" y="77"/>
                    <a:pt x="26721" y="70"/>
                  </a:cubicBezTo>
                  <a:lnTo>
                    <a:pt x="26721" y="70"/>
                  </a:lnTo>
                  <a:cubicBezTo>
                    <a:pt x="26778" y="76"/>
                    <a:pt x="26815" y="78"/>
                    <a:pt x="26839" y="78"/>
                  </a:cubicBezTo>
                  <a:cubicBezTo>
                    <a:pt x="26904" y="78"/>
                    <a:pt x="26877" y="63"/>
                    <a:pt x="26892" y="63"/>
                  </a:cubicBezTo>
                  <a:cubicBezTo>
                    <a:pt x="26897" y="63"/>
                    <a:pt x="26908" y="65"/>
                    <a:pt x="26929" y="70"/>
                  </a:cubicBezTo>
                  <a:lnTo>
                    <a:pt x="26992" y="70"/>
                  </a:lnTo>
                  <a:cubicBezTo>
                    <a:pt x="26995" y="69"/>
                    <a:pt x="26997" y="68"/>
                    <a:pt x="26999" y="68"/>
                  </a:cubicBezTo>
                  <a:cubicBezTo>
                    <a:pt x="26885" y="63"/>
                    <a:pt x="26890" y="54"/>
                    <a:pt x="26922" y="45"/>
                  </a:cubicBezTo>
                  <a:lnTo>
                    <a:pt x="26922" y="45"/>
                  </a:lnTo>
                  <a:lnTo>
                    <a:pt x="26815" y="58"/>
                  </a:lnTo>
                  <a:lnTo>
                    <a:pt x="26815" y="58"/>
                  </a:lnTo>
                  <a:lnTo>
                    <a:pt x="26739" y="35"/>
                  </a:lnTo>
                  <a:cubicBezTo>
                    <a:pt x="26734" y="35"/>
                    <a:pt x="26729" y="35"/>
                    <a:pt x="26724" y="35"/>
                  </a:cubicBezTo>
                  <a:cubicBezTo>
                    <a:pt x="26661" y="35"/>
                    <a:pt x="26612" y="45"/>
                    <a:pt x="26571" y="45"/>
                  </a:cubicBezTo>
                  <a:cubicBezTo>
                    <a:pt x="26556" y="45"/>
                    <a:pt x="26542" y="43"/>
                    <a:pt x="26529" y="40"/>
                  </a:cubicBezTo>
                  <a:cubicBezTo>
                    <a:pt x="26385" y="19"/>
                    <a:pt x="26737" y="5"/>
                    <a:pt x="26385" y="0"/>
                  </a:cubicBezTo>
                  <a:cubicBezTo>
                    <a:pt x="26363" y="0"/>
                    <a:pt x="26342" y="0"/>
                    <a:pt x="26322"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98" name="Google Shape;198;p11"/>
          <p:cNvSpPr/>
          <p:nvPr/>
        </p:nvSpPr>
        <p:spPr>
          <a:xfrm rot="-1290010" flipH="1">
            <a:off x="-336024" y="-136436"/>
            <a:ext cx="2775365" cy="1342871"/>
          </a:xfrm>
          <a:custGeom>
            <a:avLst/>
            <a:gdLst/>
            <a:ahLst/>
            <a:cxnLst/>
            <a:rect l="l" t="t" r="r" b="b"/>
            <a:pathLst>
              <a:path w="21889" h="10202" extrusionOk="0">
                <a:moveTo>
                  <a:pt x="11978" y="0"/>
                </a:moveTo>
                <a:cubicBezTo>
                  <a:pt x="8962" y="0"/>
                  <a:pt x="5952" y="431"/>
                  <a:pt x="3042" y="1286"/>
                </a:cubicBezTo>
                <a:cubicBezTo>
                  <a:pt x="1552" y="1724"/>
                  <a:pt x="364" y="1400"/>
                  <a:pt x="10" y="2861"/>
                </a:cubicBezTo>
                <a:cubicBezTo>
                  <a:pt x="0" y="2905"/>
                  <a:pt x="0" y="2949"/>
                  <a:pt x="14" y="2993"/>
                </a:cubicBezTo>
                <a:lnTo>
                  <a:pt x="17" y="2993"/>
                </a:lnTo>
                <a:lnTo>
                  <a:pt x="21" y="3007"/>
                </a:lnTo>
                <a:cubicBezTo>
                  <a:pt x="350" y="4279"/>
                  <a:pt x="570" y="5122"/>
                  <a:pt x="899" y="6394"/>
                </a:cubicBezTo>
                <a:cubicBezTo>
                  <a:pt x="1251" y="7751"/>
                  <a:pt x="1823" y="9336"/>
                  <a:pt x="3188" y="9672"/>
                </a:cubicBezTo>
                <a:cubicBezTo>
                  <a:pt x="3356" y="9713"/>
                  <a:pt x="3522" y="9732"/>
                  <a:pt x="3687" y="9732"/>
                </a:cubicBezTo>
                <a:cubicBezTo>
                  <a:pt x="4873" y="9732"/>
                  <a:pt x="5960" y="8752"/>
                  <a:pt x="7061" y="8150"/>
                </a:cubicBezTo>
                <a:cubicBezTo>
                  <a:pt x="7953" y="7661"/>
                  <a:pt x="8970" y="7411"/>
                  <a:pt x="9987" y="7411"/>
                </a:cubicBezTo>
                <a:cubicBezTo>
                  <a:pt x="10613" y="7411"/>
                  <a:pt x="11239" y="7506"/>
                  <a:pt x="11835" y="7698"/>
                </a:cubicBezTo>
                <a:cubicBezTo>
                  <a:pt x="13100" y="8106"/>
                  <a:pt x="14191" y="8914"/>
                  <a:pt x="15382" y="9507"/>
                </a:cubicBezTo>
                <a:cubicBezTo>
                  <a:pt x="16175" y="9904"/>
                  <a:pt x="17071" y="10202"/>
                  <a:pt x="17943" y="10202"/>
                </a:cubicBezTo>
                <a:cubicBezTo>
                  <a:pt x="18381" y="10202"/>
                  <a:pt x="18811" y="10127"/>
                  <a:pt x="19220" y="9952"/>
                </a:cubicBezTo>
                <a:cubicBezTo>
                  <a:pt x="20742" y="9301"/>
                  <a:pt x="21416" y="7522"/>
                  <a:pt x="21680" y="5889"/>
                </a:cubicBezTo>
                <a:cubicBezTo>
                  <a:pt x="21812" y="5062"/>
                  <a:pt x="21881" y="4228"/>
                  <a:pt x="21886" y="3392"/>
                </a:cubicBezTo>
                <a:cubicBezTo>
                  <a:pt x="21888" y="3021"/>
                  <a:pt x="21872" y="2634"/>
                  <a:pt x="21689" y="2312"/>
                </a:cubicBezTo>
                <a:cubicBezTo>
                  <a:pt x="21515" y="2009"/>
                  <a:pt x="21212" y="1800"/>
                  <a:pt x="20906" y="1627"/>
                </a:cubicBezTo>
                <a:cubicBezTo>
                  <a:pt x="19665" y="918"/>
                  <a:pt x="18240" y="594"/>
                  <a:pt x="16825" y="374"/>
                </a:cubicBezTo>
                <a:cubicBezTo>
                  <a:pt x="15217" y="124"/>
                  <a:pt x="13597" y="0"/>
                  <a:pt x="11978"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99" name="Google Shape;199;p11"/>
          <p:cNvSpPr/>
          <p:nvPr/>
        </p:nvSpPr>
        <p:spPr>
          <a:xfrm rot="-1092333" flipH="1">
            <a:off x="8123275" y="331276"/>
            <a:ext cx="1490291" cy="1924106"/>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4"/>
          </a:solidFill>
          <a:ln>
            <a:noFill/>
          </a:ln>
        </p:spPr>
        <p:txBody>
          <a:bodyPr spcFirstLastPara="1" wrap="square" lIns="91425" tIns="91425" rIns="91425" bIns="91425" anchor="ctr" anchorCtr="0">
            <a:noAutofit/>
          </a:bodyPr>
          <a:lstStyle/>
          <a:p>
            <a:pPr marL="0" lvl="0" indent="0" algn="l" rtl="0">
              <a:spcBef>
                <a:spcPts val="0"/>
              </a:spcBef>
              <a:spcAft>
                <a:spcPts val="0"/>
              </a:spcAft>
              <a:buNone/>
            </a:pPr>
            <a:r>
              <a:rPr lang="en"/>
              <a:t>`</a:t>
            </a:r>
            <a:endParaRPr/>
          </a:p>
        </p:txBody>
      </p:sp>
      <p:sp>
        <p:nvSpPr>
          <p:cNvPr id="200" name="Google Shape;200;p11"/>
          <p:cNvSpPr/>
          <p:nvPr/>
        </p:nvSpPr>
        <p:spPr>
          <a:xfrm>
            <a:off x="-534200" y="1121200"/>
            <a:ext cx="1490287" cy="1924102"/>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1" name="Google Shape;201;p11"/>
          <p:cNvSpPr/>
          <p:nvPr/>
        </p:nvSpPr>
        <p:spPr>
          <a:xfrm rot="7199989" flipH="1">
            <a:off x="-506371" y="-1311479"/>
            <a:ext cx="4545547" cy="3234001"/>
          </a:xfrm>
          <a:custGeom>
            <a:avLst/>
            <a:gdLst/>
            <a:ahLst/>
            <a:cxnLst/>
            <a:rect l="l" t="t" r="r" b="b"/>
            <a:pathLst>
              <a:path w="51519" h="36654" fill="none" extrusionOk="0">
                <a:moveTo>
                  <a:pt x="0" y="34286"/>
                </a:moveTo>
                <a:cubicBezTo>
                  <a:pt x="3758" y="36568"/>
                  <a:pt x="8747" y="36653"/>
                  <a:pt x="12583" y="34504"/>
                </a:cubicBezTo>
                <a:cubicBezTo>
                  <a:pt x="16417" y="32354"/>
                  <a:pt x="18946" y="28050"/>
                  <a:pt x="18958" y="23653"/>
                </a:cubicBezTo>
                <a:cubicBezTo>
                  <a:pt x="18965" y="21682"/>
                  <a:pt x="18504" y="19743"/>
                  <a:pt x="18180" y="17797"/>
                </a:cubicBezTo>
                <a:cubicBezTo>
                  <a:pt x="17853" y="15852"/>
                  <a:pt x="17663" y="13829"/>
                  <a:pt x="18198" y="11930"/>
                </a:cubicBezTo>
                <a:cubicBezTo>
                  <a:pt x="18736" y="10033"/>
                  <a:pt x="20130" y="8272"/>
                  <a:pt x="22044" y="7793"/>
                </a:cubicBezTo>
                <a:cubicBezTo>
                  <a:pt x="23957" y="7316"/>
                  <a:pt x="26271" y="8513"/>
                  <a:pt x="26575" y="10461"/>
                </a:cubicBezTo>
                <a:cubicBezTo>
                  <a:pt x="26815" y="12013"/>
                  <a:pt x="25632" y="13646"/>
                  <a:pt x="24080" y="13897"/>
                </a:cubicBezTo>
                <a:cubicBezTo>
                  <a:pt x="22530" y="14147"/>
                  <a:pt x="20890" y="12970"/>
                  <a:pt x="20633" y="11420"/>
                </a:cubicBezTo>
                <a:cubicBezTo>
                  <a:pt x="20373" y="9873"/>
                  <a:pt x="21541" y="8226"/>
                  <a:pt x="23088" y="7959"/>
                </a:cubicBezTo>
                <a:cubicBezTo>
                  <a:pt x="24728" y="7677"/>
                  <a:pt x="26285" y="8770"/>
                  <a:pt x="27439" y="9970"/>
                </a:cubicBezTo>
                <a:cubicBezTo>
                  <a:pt x="28594" y="11170"/>
                  <a:pt x="29630" y="12583"/>
                  <a:pt x="31154" y="13253"/>
                </a:cubicBezTo>
                <a:cubicBezTo>
                  <a:pt x="33943" y="14478"/>
                  <a:pt x="37615" y="12129"/>
                  <a:pt x="37668" y="9083"/>
                </a:cubicBezTo>
                <a:cubicBezTo>
                  <a:pt x="37714" y="6553"/>
                  <a:pt x="35773" y="3811"/>
                  <a:pt x="37184" y="1707"/>
                </a:cubicBezTo>
                <a:cubicBezTo>
                  <a:pt x="38328" y="0"/>
                  <a:pt x="41032" y="155"/>
                  <a:pt x="42692" y="1369"/>
                </a:cubicBezTo>
                <a:cubicBezTo>
                  <a:pt x="44356" y="2583"/>
                  <a:pt x="45322" y="4501"/>
                  <a:pt x="46521" y="6171"/>
                </a:cubicBezTo>
                <a:cubicBezTo>
                  <a:pt x="47724" y="7841"/>
                  <a:pt x="49461" y="9419"/>
                  <a:pt x="51518" y="9352"/>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202" name="Google Shape;202;p11"/>
          <p:cNvGrpSpPr/>
          <p:nvPr/>
        </p:nvGrpSpPr>
        <p:grpSpPr>
          <a:xfrm>
            <a:off x="1920605" y="4317418"/>
            <a:ext cx="458386" cy="825933"/>
            <a:chOff x="7124634" y="4277738"/>
            <a:chExt cx="316981" cy="571145"/>
          </a:xfrm>
        </p:grpSpPr>
        <p:sp>
          <p:nvSpPr>
            <p:cNvPr id="203" name="Google Shape;203;p11"/>
            <p:cNvSpPr/>
            <p:nvPr/>
          </p:nvSpPr>
          <p:spPr>
            <a:xfrm>
              <a:off x="7143958" y="4332159"/>
              <a:ext cx="297657" cy="344044"/>
            </a:xfrm>
            <a:custGeom>
              <a:avLst/>
              <a:gdLst/>
              <a:ahLst/>
              <a:cxnLst/>
              <a:rect l="l" t="t" r="r" b="b"/>
              <a:pathLst>
                <a:path w="3510" h="4057" extrusionOk="0">
                  <a:moveTo>
                    <a:pt x="1839" y="1"/>
                  </a:moveTo>
                  <a:cubicBezTo>
                    <a:pt x="1185" y="1"/>
                    <a:pt x="773" y="661"/>
                    <a:pt x="846" y="1041"/>
                  </a:cubicBezTo>
                  <a:cubicBezTo>
                    <a:pt x="278" y="1076"/>
                    <a:pt x="241" y="2213"/>
                    <a:pt x="878" y="2387"/>
                  </a:cubicBezTo>
                  <a:cubicBezTo>
                    <a:pt x="878" y="2387"/>
                    <a:pt x="0" y="2834"/>
                    <a:pt x="310" y="3629"/>
                  </a:cubicBezTo>
                  <a:cubicBezTo>
                    <a:pt x="440" y="3960"/>
                    <a:pt x="660" y="4056"/>
                    <a:pt x="873" y="4056"/>
                  </a:cubicBezTo>
                  <a:cubicBezTo>
                    <a:pt x="1168" y="4056"/>
                    <a:pt x="1448" y="3870"/>
                    <a:pt x="1448" y="3870"/>
                  </a:cubicBezTo>
                  <a:cubicBezTo>
                    <a:pt x="1519" y="3921"/>
                    <a:pt x="1587" y="3939"/>
                    <a:pt x="1648" y="3939"/>
                  </a:cubicBezTo>
                  <a:cubicBezTo>
                    <a:pt x="1813" y="3939"/>
                    <a:pt x="1930" y="3802"/>
                    <a:pt x="1930" y="3800"/>
                  </a:cubicBezTo>
                  <a:cubicBezTo>
                    <a:pt x="2088" y="3863"/>
                    <a:pt x="2233" y="3891"/>
                    <a:pt x="2363" y="3891"/>
                  </a:cubicBezTo>
                  <a:cubicBezTo>
                    <a:pt x="3163" y="3891"/>
                    <a:pt x="3433" y="2856"/>
                    <a:pt x="3137" y="2619"/>
                  </a:cubicBezTo>
                  <a:cubicBezTo>
                    <a:pt x="3509" y="2029"/>
                    <a:pt x="3247" y="1374"/>
                    <a:pt x="2765" y="1374"/>
                  </a:cubicBezTo>
                  <a:cubicBezTo>
                    <a:pt x="2711" y="1374"/>
                    <a:pt x="2654" y="1383"/>
                    <a:pt x="2594" y="1400"/>
                  </a:cubicBezTo>
                  <a:cubicBezTo>
                    <a:pt x="2879" y="965"/>
                    <a:pt x="2826" y="291"/>
                    <a:pt x="2208" y="68"/>
                  </a:cubicBezTo>
                  <a:cubicBezTo>
                    <a:pt x="2078" y="22"/>
                    <a:pt x="1954" y="1"/>
                    <a:pt x="1839"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4" name="Google Shape;204;p11"/>
            <p:cNvSpPr/>
            <p:nvPr/>
          </p:nvSpPr>
          <p:spPr>
            <a:xfrm>
              <a:off x="7124634" y="4277738"/>
              <a:ext cx="301218" cy="571145"/>
            </a:xfrm>
            <a:custGeom>
              <a:avLst/>
              <a:gdLst/>
              <a:ahLst/>
              <a:cxnLst/>
              <a:rect l="l" t="t" r="r" b="b"/>
              <a:pathLst>
                <a:path w="3552" h="6735" fill="none" extrusionOk="0">
                  <a:moveTo>
                    <a:pt x="1448" y="6735"/>
                  </a:moveTo>
                  <a:lnTo>
                    <a:pt x="1448" y="4112"/>
                  </a:lnTo>
                  <a:cubicBezTo>
                    <a:pt x="1448" y="4112"/>
                    <a:pt x="621" y="4666"/>
                    <a:pt x="311" y="3871"/>
                  </a:cubicBezTo>
                  <a:cubicBezTo>
                    <a:pt x="1" y="3079"/>
                    <a:pt x="879" y="2630"/>
                    <a:pt x="879" y="2630"/>
                  </a:cubicBezTo>
                  <a:cubicBezTo>
                    <a:pt x="242" y="2458"/>
                    <a:pt x="279" y="1319"/>
                    <a:pt x="846" y="1286"/>
                  </a:cubicBezTo>
                  <a:cubicBezTo>
                    <a:pt x="760" y="837"/>
                    <a:pt x="1347" y="1"/>
                    <a:pt x="2208" y="311"/>
                  </a:cubicBezTo>
                  <a:cubicBezTo>
                    <a:pt x="2829" y="536"/>
                    <a:pt x="2880" y="1210"/>
                    <a:pt x="2595" y="1643"/>
                  </a:cubicBezTo>
                  <a:cubicBezTo>
                    <a:pt x="3181" y="1472"/>
                    <a:pt x="3552" y="2208"/>
                    <a:pt x="3139" y="2861"/>
                  </a:cubicBezTo>
                  <a:cubicBezTo>
                    <a:pt x="3482" y="3139"/>
                    <a:pt x="3061" y="4492"/>
                    <a:pt x="1930" y="4045"/>
                  </a:cubicBezTo>
                </a:path>
              </a:pathLst>
            </a:custGeom>
            <a:noFill/>
            <a:ln w="19050" cap="flat" cmpd="sng">
              <a:solidFill>
                <a:schemeClr val="dk1"/>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205" name="Google Shape;205;p11"/>
          <p:cNvSpPr txBox="1">
            <a:spLocks noGrp="1"/>
          </p:cNvSpPr>
          <p:nvPr>
            <p:ph type="title" hasCustomPrompt="1"/>
          </p:nvPr>
        </p:nvSpPr>
        <p:spPr>
          <a:xfrm>
            <a:off x="1725600" y="1334125"/>
            <a:ext cx="5692800" cy="1352100"/>
          </a:xfrm>
          <a:prstGeom prst="rect">
            <a:avLst/>
          </a:prstGeom>
        </p:spPr>
        <p:txBody>
          <a:bodyPr spcFirstLastPara="1" wrap="square" lIns="91425" tIns="91425" rIns="91425" bIns="91425" anchor="ctr" anchorCtr="0">
            <a:noAutofit/>
          </a:bodyPr>
          <a:lstStyle>
            <a:lvl1pPr lvl="0" algn="ctr">
              <a:spcBef>
                <a:spcPts val="0"/>
              </a:spcBef>
              <a:spcAft>
                <a:spcPts val="0"/>
              </a:spcAft>
              <a:buSzPts val="9600"/>
              <a:buNone/>
              <a:defRPr sz="9600"/>
            </a:lvl1pPr>
            <a:lvl2pPr lvl="1" algn="ctr">
              <a:spcBef>
                <a:spcPts val="0"/>
              </a:spcBef>
              <a:spcAft>
                <a:spcPts val="0"/>
              </a:spcAft>
              <a:buSzPts val="9600"/>
              <a:buNone/>
              <a:defRPr sz="9600"/>
            </a:lvl2pPr>
            <a:lvl3pPr lvl="2" algn="ctr">
              <a:spcBef>
                <a:spcPts val="0"/>
              </a:spcBef>
              <a:spcAft>
                <a:spcPts val="0"/>
              </a:spcAft>
              <a:buSzPts val="9600"/>
              <a:buNone/>
              <a:defRPr sz="9600"/>
            </a:lvl3pPr>
            <a:lvl4pPr lvl="3" algn="ctr">
              <a:spcBef>
                <a:spcPts val="0"/>
              </a:spcBef>
              <a:spcAft>
                <a:spcPts val="0"/>
              </a:spcAft>
              <a:buSzPts val="9600"/>
              <a:buNone/>
              <a:defRPr sz="9600"/>
            </a:lvl4pPr>
            <a:lvl5pPr lvl="4" algn="ctr">
              <a:spcBef>
                <a:spcPts val="0"/>
              </a:spcBef>
              <a:spcAft>
                <a:spcPts val="0"/>
              </a:spcAft>
              <a:buSzPts val="9600"/>
              <a:buNone/>
              <a:defRPr sz="9600"/>
            </a:lvl5pPr>
            <a:lvl6pPr lvl="5" algn="ctr">
              <a:spcBef>
                <a:spcPts val="0"/>
              </a:spcBef>
              <a:spcAft>
                <a:spcPts val="0"/>
              </a:spcAft>
              <a:buSzPts val="9600"/>
              <a:buNone/>
              <a:defRPr sz="9600"/>
            </a:lvl6pPr>
            <a:lvl7pPr lvl="6" algn="ctr">
              <a:spcBef>
                <a:spcPts val="0"/>
              </a:spcBef>
              <a:spcAft>
                <a:spcPts val="0"/>
              </a:spcAft>
              <a:buSzPts val="9600"/>
              <a:buNone/>
              <a:defRPr sz="9600"/>
            </a:lvl7pPr>
            <a:lvl8pPr lvl="7" algn="ctr">
              <a:spcBef>
                <a:spcPts val="0"/>
              </a:spcBef>
              <a:spcAft>
                <a:spcPts val="0"/>
              </a:spcAft>
              <a:buSzPts val="9600"/>
              <a:buNone/>
              <a:defRPr sz="9600"/>
            </a:lvl8pPr>
            <a:lvl9pPr lvl="8" algn="ctr">
              <a:spcBef>
                <a:spcPts val="0"/>
              </a:spcBef>
              <a:spcAft>
                <a:spcPts val="0"/>
              </a:spcAft>
              <a:buSzPts val="9600"/>
              <a:buNone/>
              <a:defRPr sz="9600"/>
            </a:lvl9pPr>
          </a:lstStyle>
          <a:p>
            <a:r>
              <a:t>xx%</a:t>
            </a:r>
          </a:p>
        </p:txBody>
      </p:sp>
      <p:sp>
        <p:nvSpPr>
          <p:cNvPr id="206" name="Google Shape;206;p11"/>
          <p:cNvSpPr txBox="1">
            <a:spLocks noGrp="1"/>
          </p:cNvSpPr>
          <p:nvPr>
            <p:ph type="subTitle" idx="1"/>
          </p:nvPr>
        </p:nvSpPr>
        <p:spPr>
          <a:xfrm>
            <a:off x="1284000" y="2729950"/>
            <a:ext cx="6576000" cy="4698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600"/>
              <a:buNone/>
              <a:defRPr sz="1600"/>
            </a:lvl1pPr>
            <a:lvl2pPr lvl="1" algn="ctr" rtl="0">
              <a:lnSpc>
                <a:spcPct val="100000"/>
              </a:lnSpc>
              <a:spcBef>
                <a:spcPts val="0"/>
              </a:spcBef>
              <a:spcAft>
                <a:spcPts val="0"/>
              </a:spcAft>
              <a:buSzPts val="1600"/>
              <a:buNone/>
              <a:defRPr sz="1600"/>
            </a:lvl2pPr>
            <a:lvl3pPr lvl="2" algn="ctr" rtl="0">
              <a:lnSpc>
                <a:spcPct val="100000"/>
              </a:lnSpc>
              <a:spcBef>
                <a:spcPts val="0"/>
              </a:spcBef>
              <a:spcAft>
                <a:spcPts val="0"/>
              </a:spcAft>
              <a:buSzPts val="1600"/>
              <a:buNone/>
              <a:defRPr sz="1600"/>
            </a:lvl3pPr>
            <a:lvl4pPr lvl="3" algn="ctr" rtl="0">
              <a:lnSpc>
                <a:spcPct val="100000"/>
              </a:lnSpc>
              <a:spcBef>
                <a:spcPts val="0"/>
              </a:spcBef>
              <a:spcAft>
                <a:spcPts val="0"/>
              </a:spcAft>
              <a:buSzPts val="1600"/>
              <a:buNone/>
              <a:defRPr sz="1600"/>
            </a:lvl4pPr>
            <a:lvl5pPr lvl="4" algn="ctr" rtl="0">
              <a:lnSpc>
                <a:spcPct val="100000"/>
              </a:lnSpc>
              <a:spcBef>
                <a:spcPts val="0"/>
              </a:spcBef>
              <a:spcAft>
                <a:spcPts val="0"/>
              </a:spcAft>
              <a:buSzPts val="1600"/>
              <a:buNone/>
              <a:defRPr sz="1600"/>
            </a:lvl5pPr>
            <a:lvl6pPr lvl="5" algn="ctr" rtl="0">
              <a:lnSpc>
                <a:spcPct val="100000"/>
              </a:lnSpc>
              <a:spcBef>
                <a:spcPts val="0"/>
              </a:spcBef>
              <a:spcAft>
                <a:spcPts val="0"/>
              </a:spcAft>
              <a:buSzPts val="1600"/>
              <a:buNone/>
              <a:defRPr sz="1600"/>
            </a:lvl6pPr>
            <a:lvl7pPr lvl="6" algn="ctr" rtl="0">
              <a:lnSpc>
                <a:spcPct val="100000"/>
              </a:lnSpc>
              <a:spcBef>
                <a:spcPts val="0"/>
              </a:spcBef>
              <a:spcAft>
                <a:spcPts val="0"/>
              </a:spcAft>
              <a:buSzPts val="1600"/>
              <a:buNone/>
              <a:defRPr sz="1600"/>
            </a:lvl7pPr>
            <a:lvl8pPr lvl="7" algn="ctr" rtl="0">
              <a:lnSpc>
                <a:spcPct val="100000"/>
              </a:lnSpc>
              <a:spcBef>
                <a:spcPts val="0"/>
              </a:spcBef>
              <a:spcAft>
                <a:spcPts val="0"/>
              </a:spcAft>
              <a:buSzPts val="1600"/>
              <a:buNone/>
              <a:defRPr sz="1600"/>
            </a:lvl8pPr>
            <a:lvl9pPr lvl="8" algn="ctr" rtl="0">
              <a:lnSpc>
                <a:spcPct val="100000"/>
              </a:lnSpc>
              <a:spcBef>
                <a:spcPts val="0"/>
              </a:spcBef>
              <a:spcAft>
                <a:spcPts val="0"/>
              </a:spcAft>
              <a:buSzPts val="1600"/>
              <a:buNone/>
              <a:defRPr sz="1600"/>
            </a:lvl9pPr>
          </a:lstStyle>
          <a:p>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Quote">
  <p:cSld name="BLANK_1_1">
    <p:spTree>
      <p:nvGrpSpPr>
        <p:cNvPr id="1" name="Shape 239"/>
        <p:cNvGrpSpPr/>
        <p:nvPr/>
      </p:nvGrpSpPr>
      <p:grpSpPr>
        <a:xfrm>
          <a:off x="0" y="0"/>
          <a:ext cx="0" cy="0"/>
          <a:chOff x="0" y="0"/>
          <a:chExt cx="0" cy="0"/>
        </a:xfrm>
      </p:grpSpPr>
      <p:sp>
        <p:nvSpPr>
          <p:cNvPr id="240" name="Google Shape;240;p14"/>
          <p:cNvSpPr/>
          <p:nvPr/>
        </p:nvSpPr>
        <p:spPr>
          <a:xfrm>
            <a:off x="-465550" y="3867150"/>
            <a:ext cx="10532289" cy="3146303"/>
          </a:xfrm>
          <a:custGeom>
            <a:avLst/>
            <a:gdLst/>
            <a:ahLst/>
            <a:cxnLst/>
            <a:rect l="l" t="t" r="r" b="b"/>
            <a:pathLst>
              <a:path w="88140" h="26330" extrusionOk="0">
                <a:moveTo>
                  <a:pt x="2658" y="0"/>
                </a:moveTo>
                <a:cubicBezTo>
                  <a:pt x="2403" y="0"/>
                  <a:pt x="2149" y="55"/>
                  <a:pt x="1896" y="186"/>
                </a:cubicBezTo>
                <a:cubicBezTo>
                  <a:pt x="392" y="962"/>
                  <a:pt x="920" y="3036"/>
                  <a:pt x="1696" y="4113"/>
                </a:cubicBezTo>
                <a:cubicBezTo>
                  <a:pt x="2577" y="5334"/>
                  <a:pt x="3126" y="5994"/>
                  <a:pt x="2762" y="7692"/>
                </a:cubicBezTo>
                <a:cubicBezTo>
                  <a:pt x="2312" y="9781"/>
                  <a:pt x="566" y="11762"/>
                  <a:pt x="295" y="13858"/>
                </a:cubicBezTo>
                <a:cubicBezTo>
                  <a:pt x="1" y="16140"/>
                  <a:pt x="1469" y="18373"/>
                  <a:pt x="2917" y="20532"/>
                </a:cubicBezTo>
                <a:cubicBezTo>
                  <a:pt x="3839" y="21908"/>
                  <a:pt x="4821" y="23335"/>
                  <a:pt x="6793" y="24370"/>
                </a:cubicBezTo>
                <a:cubicBezTo>
                  <a:pt x="9648" y="25874"/>
                  <a:pt x="13793" y="26217"/>
                  <a:pt x="17987" y="26217"/>
                </a:cubicBezTo>
                <a:cubicBezTo>
                  <a:pt x="19570" y="26217"/>
                  <a:pt x="21160" y="26168"/>
                  <a:pt x="22690" y="26114"/>
                </a:cubicBezTo>
                <a:cubicBezTo>
                  <a:pt x="30093" y="25852"/>
                  <a:pt x="37513" y="25721"/>
                  <a:pt x="44934" y="25721"/>
                </a:cubicBezTo>
                <a:cubicBezTo>
                  <a:pt x="51537" y="25721"/>
                  <a:pt x="58139" y="25825"/>
                  <a:pt x="64729" y="26031"/>
                </a:cubicBezTo>
                <a:cubicBezTo>
                  <a:pt x="68829" y="26161"/>
                  <a:pt x="72939" y="26330"/>
                  <a:pt x="77039" y="26330"/>
                </a:cubicBezTo>
                <a:cubicBezTo>
                  <a:pt x="78940" y="26330"/>
                  <a:pt x="80838" y="26293"/>
                  <a:pt x="82733" y="26200"/>
                </a:cubicBezTo>
                <a:cubicBezTo>
                  <a:pt x="83761" y="26151"/>
                  <a:pt x="84854" y="26068"/>
                  <a:pt x="85635" y="25718"/>
                </a:cubicBezTo>
                <a:cubicBezTo>
                  <a:pt x="86383" y="25385"/>
                  <a:pt x="86710" y="24861"/>
                  <a:pt x="86851" y="24354"/>
                </a:cubicBezTo>
                <a:cubicBezTo>
                  <a:pt x="87488" y="22056"/>
                  <a:pt x="84970" y="19774"/>
                  <a:pt x="85434" y="17467"/>
                </a:cubicBezTo>
                <a:cubicBezTo>
                  <a:pt x="85756" y="15857"/>
                  <a:pt x="87509" y="14238"/>
                  <a:pt x="86499" y="12707"/>
                </a:cubicBezTo>
                <a:cubicBezTo>
                  <a:pt x="86145" y="12169"/>
                  <a:pt x="85471" y="11704"/>
                  <a:pt x="85065" y="11176"/>
                </a:cubicBezTo>
                <a:cubicBezTo>
                  <a:pt x="83532" y="9181"/>
                  <a:pt x="86075" y="6997"/>
                  <a:pt x="86844" y="5264"/>
                </a:cubicBezTo>
                <a:cubicBezTo>
                  <a:pt x="88139" y="2348"/>
                  <a:pt x="84419" y="3084"/>
                  <a:pt x="82700" y="1854"/>
                </a:cubicBezTo>
                <a:cubicBezTo>
                  <a:pt x="82107" y="1433"/>
                  <a:pt x="81579" y="898"/>
                  <a:pt x="80898" y="643"/>
                </a:cubicBezTo>
                <a:cubicBezTo>
                  <a:pt x="80596" y="530"/>
                  <a:pt x="80286" y="479"/>
                  <a:pt x="79973" y="479"/>
                </a:cubicBezTo>
                <a:cubicBezTo>
                  <a:pt x="79021" y="479"/>
                  <a:pt x="78051" y="945"/>
                  <a:pt x="77268" y="1535"/>
                </a:cubicBezTo>
                <a:cubicBezTo>
                  <a:pt x="76228" y="2315"/>
                  <a:pt x="75348" y="3323"/>
                  <a:pt x="74201" y="3937"/>
                </a:cubicBezTo>
                <a:cubicBezTo>
                  <a:pt x="73248" y="4448"/>
                  <a:pt x="72233" y="4645"/>
                  <a:pt x="71187" y="4645"/>
                </a:cubicBezTo>
                <a:cubicBezTo>
                  <a:pt x="68894" y="4645"/>
                  <a:pt x="66449" y="3701"/>
                  <a:pt x="64162" y="3068"/>
                </a:cubicBezTo>
                <a:cubicBezTo>
                  <a:pt x="61434" y="2313"/>
                  <a:pt x="58631" y="2027"/>
                  <a:pt x="55806" y="2027"/>
                </a:cubicBezTo>
                <a:cubicBezTo>
                  <a:pt x="52164" y="2027"/>
                  <a:pt x="48483" y="2503"/>
                  <a:pt x="44877" y="3061"/>
                </a:cubicBezTo>
                <a:cubicBezTo>
                  <a:pt x="42795" y="3383"/>
                  <a:pt x="40661" y="3730"/>
                  <a:pt x="38563" y="3730"/>
                </a:cubicBezTo>
                <a:cubicBezTo>
                  <a:pt x="37163" y="3730"/>
                  <a:pt x="35778" y="3575"/>
                  <a:pt x="34435" y="3156"/>
                </a:cubicBezTo>
                <a:cubicBezTo>
                  <a:pt x="31936" y="2375"/>
                  <a:pt x="29548" y="689"/>
                  <a:pt x="27012" y="689"/>
                </a:cubicBezTo>
                <a:cubicBezTo>
                  <a:pt x="26692" y="689"/>
                  <a:pt x="26370" y="716"/>
                  <a:pt x="26045" y="775"/>
                </a:cubicBezTo>
                <a:cubicBezTo>
                  <a:pt x="24875" y="986"/>
                  <a:pt x="23804" y="1609"/>
                  <a:pt x="22628" y="1785"/>
                </a:cubicBezTo>
                <a:cubicBezTo>
                  <a:pt x="22379" y="1822"/>
                  <a:pt x="22132" y="1838"/>
                  <a:pt x="21885" y="1838"/>
                </a:cubicBezTo>
                <a:cubicBezTo>
                  <a:pt x="20819" y="1838"/>
                  <a:pt x="19768" y="1528"/>
                  <a:pt x="18713" y="1208"/>
                </a:cubicBezTo>
                <a:cubicBezTo>
                  <a:pt x="17995" y="990"/>
                  <a:pt x="17272" y="766"/>
                  <a:pt x="16542" y="634"/>
                </a:cubicBezTo>
                <a:cubicBezTo>
                  <a:pt x="15937" y="523"/>
                  <a:pt x="15328" y="477"/>
                  <a:pt x="14719" y="477"/>
                </a:cubicBezTo>
                <a:cubicBezTo>
                  <a:pt x="12675" y="477"/>
                  <a:pt x="10619" y="1002"/>
                  <a:pt x="8597" y="1423"/>
                </a:cubicBezTo>
                <a:cubicBezTo>
                  <a:pt x="8113" y="1524"/>
                  <a:pt x="7616" y="1618"/>
                  <a:pt x="7123" y="1618"/>
                </a:cubicBezTo>
                <a:cubicBezTo>
                  <a:pt x="6898" y="1618"/>
                  <a:pt x="6675" y="1599"/>
                  <a:pt x="6454" y="1551"/>
                </a:cubicBezTo>
                <a:cubicBezTo>
                  <a:pt x="5123" y="1263"/>
                  <a:pt x="3877" y="0"/>
                  <a:pt x="2658" y="0"/>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1" name="Google Shape;241;p14"/>
          <p:cNvSpPr/>
          <p:nvPr/>
        </p:nvSpPr>
        <p:spPr>
          <a:xfrm>
            <a:off x="8422450" y="-568724"/>
            <a:ext cx="1200530" cy="2804614"/>
          </a:xfrm>
          <a:custGeom>
            <a:avLst/>
            <a:gdLst/>
            <a:ahLst/>
            <a:cxnLst/>
            <a:rect l="l" t="t" r="r" b="b"/>
            <a:pathLst>
              <a:path w="8178" h="19105" extrusionOk="0">
                <a:moveTo>
                  <a:pt x="4806" y="0"/>
                </a:moveTo>
                <a:cubicBezTo>
                  <a:pt x="4270" y="0"/>
                  <a:pt x="3760" y="379"/>
                  <a:pt x="3343" y="752"/>
                </a:cubicBezTo>
                <a:cubicBezTo>
                  <a:pt x="2417" y="1583"/>
                  <a:pt x="1539" y="2505"/>
                  <a:pt x="994" y="3624"/>
                </a:cubicBezTo>
                <a:cubicBezTo>
                  <a:pt x="448" y="4743"/>
                  <a:pt x="269" y="6089"/>
                  <a:pt x="749" y="7238"/>
                </a:cubicBezTo>
                <a:cubicBezTo>
                  <a:pt x="1147" y="8192"/>
                  <a:pt x="1990" y="9028"/>
                  <a:pt x="1932" y="10062"/>
                </a:cubicBezTo>
                <a:cubicBezTo>
                  <a:pt x="1881" y="11000"/>
                  <a:pt x="1103" y="11715"/>
                  <a:pt x="698" y="12563"/>
                </a:cubicBezTo>
                <a:cubicBezTo>
                  <a:pt x="0" y="14016"/>
                  <a:pt x="480" y="15825"/>
                  <a:pt x="1502" y="17069"/>
                </a:cubicBezTo>
                <a:cubicBezTo>
                  <a:pt x="2266" y="18003"/>
                  <a:pt x="3391" y="19105"/>
                  <a:pt x="4438" y="19105"/>
                </a:cubicBezTo>
                <a:cubicBezTo>
                  <a:pt x="4860" y="19105"/>
                  <a:pt x="5269" y="18925"/>
                  <a:pt x="5636" y="18484"/>
                </a:cubicBezTo>
                <a:cubicBezTo>
                  <a:pt x="6751" y="17148"/>
                  <a:pt x="7200" y="14548"/>
                  <a:pt x="7494" y="12883"/>
                </a:cubicBezTo>
                <a:cubicBezTo>
                  <a:pt x="8178" y="9033"/>
                  <a:pt x="7779" y="4982"/>
                  <a:pt x="6253" y="1373"/>
                </a:cubicBezTo>
                <a:cubicBezTo>
                  <a:pt x="6012" y="800"/>
                  <a:pt x="5669" y="175"/>
                  <a:pt x="5067" y="31"/>
                </a:cubicBezTo>
                <a:cubicBezTo>
                  <a:pt x="4979" y="10"/>
                  <a:pt x="4892" y="0"/>
                  <a:pt x="4806"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2" name="Google Shape;242;p14"/>
          <p:cNvSpPr/>
          <p:nvPr/>
        </p:nvSpPr>
        <p:spPr>
          <a:xfrm rot="-9509990">
            <a:off x="-336024" y="4281407"/>
            <a:ext cx="2775365" cy="1342871"/>
          </a:xfrm>
          <a:custGeom>
            <a:avLst/>
            <a:gdLst/>
            <a:ahLst/>
            <a:cxnLst/>
            <a:rect l="l" t="t" r="r" b="b"/>
            <a:pathLst>
              <a:path w="21889" h="10202" extrusionOk="0">
                <a:moveTo>
                  <a:pt x="11978" y="0"/>
                </a:moveTo>
                <a:cubicBezTo>
                  <a:pt x="8962" y="0"/>
                  <a:pt x="5952" y="431"/>
                  <a:pt x="3042" y="1286"/>
                </a:cubicBezTo>
                <a:cubicBezTo>
                  <a:pt x="1552" y="1724"/>
                  <a:pt x="364" y="1400"/>
                  <a:pt x="10" y="2861"/>
                </a:cubicBezTo>
                <a:cubicBezTo>
                  <a:pt x="0" y="2905"/>
                  <a:pt x="0" y="2949"/>
                  <a:pt x="14" y="2993"/>
                </a:cubicBezTo>
                <a:lnTo>
                  <a:pt x="17" y="2993"/>
                </a:lnTo>
                <a:lnTo>
                  <a:pt x="21" y="3007"/>
                </a:lnTo>
                <a:cubicBezTo>
                  <a:pt x="350" y="4279"/>
                  <a:pt x="570" y="5122"/>
                  <a:pt x="899" y="6394"/>
                </a:cubicBezTo>
                <a:cubicBezTo>
                  <a:pt x="1251" y="7751"/>
                  <a:pt x="1823" y="9336"/>
                  <a:pt x="3188" y="9672"/>
                </a:cubicBezTo>
                <a:cubicBezTo>
                  <a:pt x="3356" y="9713"/>
                  <a:pt x="3522" y="9732"/>
                  <a:pt x="3687" y="9732"/>
                </a:cubicBezTo>
                <a:cubicBezTo>
                  <a:pt x="4873" y="9732"/>
                  <a:pt x="5960" y="8752"/>
                  <a:pt x="7061" y="8150"/>
                </a:cubicBezTo>
                <a:cubicBezTo>
                  <a:pt x="7953" y="7661"/>
                  <a:pt x="8970" y="7411"/>
                  <a:pt x="9987" y="7411"/>
                </a:cubicBezTo>
                <a:cubicBezTo>
                  <a:pt x="10613" y="7411"/>
                  <a:pt x="11239" y="7506"/>
                  <a:pt x="11835" y="7698"/>
                </a:cubicBezTo>
                <a:cubicBezTo>
                  <a:pt x="13100" y="8106"/>
                  <a:pt x="14191" y="8914"/>
                  <a:pt x="15382" y="9507"/>
                </a:cubicBezTo>
                <a:cubicBezTo>
                  <a:pt x="16175" y="9904"/>
                  <a:pt x="17071" y="10202"/>
                  <a:pt x="17943" y="10202"/>
                </a:cubicBezTo>
                <a:cubicBezTo>
                  <a:pt x="18381" y="10202"/>
                  <a:pt x="18811" y="10127"/>
                  <a:pt x="19220" y="9952"/>
                </a:cubicBezTo>
                <a:cubicBezTo>
                  <a:pt x="20742" y="9301"/>
                  <a:pt x="21416" y="7522"/>
                  <a:pt x="21680" y="5889"/>
                </a:cubicBezTo>
                <a:cubicBezTo>
                  <a:pt x="21812" y="5062"/>
                  <a:pt x="21881" y="4228"/>
                  <a:pt x="21886" y="3392"/>
                </a:cubicBezTo>
                <a:cubicBezTo>
                  <a:pt x="21888" y="3021"/>
                  <a:pt x="21872" y="2634"/>
                  <a:pt x="21689" y="2312"/>
                </a:cubicBezTo>
                <a:cubicBezTo>
                  <a:pt x="21515" y="2009"/>
                  <a:pt x="21212" y="1800"/>
                  <a:pt x="20906" y="1627"/>
                </a:cubicBezTo>
                <a:cubicBezTo>
                  <a:pt x="19665" y="918"/>
                  <a:pt x="18240" y="594"/>
                  <a:pt x="16825" y="374"/>
                </a:cubicBezTo>
                <a:cubicBezTo>
                  <a:pt x="15217" y="124"/>
                  <a:pt x="13597" y="0"/>
                  <a:pt x="11978"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3" name="Google Shape;243;p14"/>
          <p:cNvSpPr/>
          <p:nvPr/>
        </p:nvSpPr>
        <p:spPr>
          <a:xfrm rot="10800000" flipH="1">
            <a:off x="-534200" y="2442540"/>
            <a:ext cx="1490287" cy="1924102"/>
          </a:xfrm>
          <a:custGeom>
            <a:avLst/>
            <a:gdLst/>
            <a:ahLst/>
            <a:cxnLst/>
            <a:rect l="l" t="t" r="r" b="b"/>
            <a:pathLst>
              <a:path w="9983" h="12889" extrusionOk="0">
                <a:moveTo>
                  <a:pt x="6948" y="417"/>
                </a:moveTo>
                <a:cubicBezTo>
                  <a:pt x="6875" y="417"/>
                  <a:pt x="6790" y="462"/>
                  <a:pt x="6795" y="566"/>
                </a:cubicBezTo>
                <a:cubicBezTo>
                  <a:pt x="6797" y="670"/>
                  <a:pt x="6853" y="733"/>
                  <a:pt x="6980" y="733"/>
                </a:cubicBezTo>
                <a:cubicBezTo>
                  <a:pt x="7077" y="728"/>
                  <a:pt x="7133" y="647"/>
                  <a:pt x="7117" y="554"/>
                </a:cubicBezTo>
                <a:cubicBezTo>
                  <a:pt x="7105" y="499"/>
                  <a:pt x="7019" y="422"/>
                  <a:pt x="6964" y="418"/>
                </a:cubicBezTo>
                <a:cubicBezTo>
                  <a:pt x="6959" y="417"/>
                  <a:pt x="6953" y="417"/>
                  <a:pt x="6948" y="417"/>
                </a:cubicBezTo>
                <a:close/>
                <a:moveTo>
                  <a:pt x="5957" y="1"/>
                </a:moveTo>
                <a:cubicBezTo>
                  <a:pt x="5954" y="1"/>
                  <a:pt x="5952" y="1"/>
                  <a:pt x="5949" y="1"/>
                </a:cubicBezTo>
                <a:cubicBezTo>
                  <a:pt x="5683" y="8"/>
                  <a:pt x="5567" y="142"/>
                  <a:pt x="5569" y="450"/>
                </a:cubicBezTo>
                <a:cubicBezTo>
                  <a:pt x="5569" y="671"/>
                  <a:pt x="5768" y="851"/>
                  <a:pt x="6023" y="851"/>
                </a:cubicBezTo>
                <a:cubicBezTo>
                  <a:pt x="6025" y="851"/>
                  <a:pt x="6026" y="851"/>
                  <a:pt x="6028" y="851"/>
                </a:cubicBezTo>
                <a:cubicBezTo>
                  <a:pt x="6169" y="849"/>
                  <a:pt x="6348" y="679"/>
                  <a:pt x="6345" y="420"/>
                </a:cubicBezTo>
                <a:cubicBezTo>
                  <a:pt x="6343" y="191"/>
                  <a:pt x="6167" y="1"/>
                  <a:pt x="5957" y="1"/>
                </a:cubicBezTo>
                <a:close/>
                <a:moveTo>
                  <a:pt x="9390" y="1070"/>
                </a:moveTo>
                <a:cubicBezTo>
                  <a:pt x="9297" y="1070"/>
                  <a:pt x="9218" y="1171"/>
                  <a:pt x="9218" y="1275"/>
                </a:cubicBezTo>
                <a:cubicBezTo>
                  <a:pt x="9211" y="1381"/>
                  <a:pt x="9295" y="1468"/>
                  <a:pt x="9399" y="1468"/>
                </a:cubicBezTo>
                <a:cubicBezTo>
                  <a:pt x="9404" y="1468"/>
                  <a:pt x="9409" y="1467"/>
                  <a:pt x="9415" y="1467"/>
                </a:cubicBezTo>
                <a:lnTo>
                  <a:pt x="9415" y="1465"/>
                </a:lnTo>
                <a:cubicBezTo>
                  <a:pt x="9537" y="1462"/>
                  <a:pt x="9623" y="1358"/>
                  <a:pt x="9614" y="1212"/>
                </a:cubicBezTo>
                <a:cubicBezTo>
                  <a:pt x="9607" y="1080"/>
                  <a:pt x="9491" y="1082"/>
                  <a:pt x="9405" y="1071"/>
                </a:cubicBezTo>
                <a:cubicBezTo>
                  <a:pt x="9400" y="1070"/>
                  <a:pt x="9395" y="1070"/>
                  <a:pt x="9390" y="1070"/>
                </a:cubicBezTo>
                <a:close/>
                <a:moveTo>
                  <a:pt x="7374" y="1696"/>
                </a:moveTo>
                <a:cubicBezTo>
                  <a:pt x="7339" y="1738"/>
                  <a:pt x="7284" y="1775"/>
                  <a:pt x="7274" y="1821"/>
                </a:cubicBezTo>
                <a:cubicBezTo>
                  <a:pt x="7267" y="1856"/>
                  <a:pt x="7323" y="1902"/>
                  <a:pt x="7374" y="1979"/>
                </a:cubicBezTo>
                <a:cubicBezTo>
                  <a:pt x="7429" y="1907"/>
                  <a:pt x="7494" y="1858"/>
                  <a:pt x="7485" y="1828"/>
                </a:cubicBezTo>
                <a:lnTo>
                  <a:pt x="7487" y="1826"/>
                </a:lnTo>
                <a:cubicBezTo>
                  <a:pt x="7473" y="1777"/>
                  <a:pt x="7416" y="1740"/>
                  <a:pt x="7374" y="1696"/>
                </a:cubicBezTo>
                <a:close/>
                <a:moveTo>
                  <a:pt x="4455" y="3077"/>
                </a:moveTo>
                <a:cubicBezTo>
                  <a:pt x="4310" y="3077"/>
                  <a:pt x="4207" y="3182"/>
                  <a:pt x="4198" y="3341"/>
                </a:cubicBezTo>
                <a:cubicBezTo>
                  <a:pt x="4191" y="3475"/>
                  <a:pt x="4305" y="3596"/>
                  <a:pt x="4444" y="3600"/>
                </a:cubicBezTo>
                <a:cubicBezTo>
                  <a:pt x="4449" y="3601"/>
                  <a:pt x="4455" y="3601"/>
                  <a:pt x="4460" y="3601"/>
                </a:cubicBezTo>
                <a:cubicBezTo>
                  <a:pt x="4625" y="3601"/>
                  <a:pt x="4731" y="3502"/>
                  <a:pt x="4742" y="3341"/>
                </a:cubicBezTo>
                <a:cubicBezTo>
                  <a:pt x="4747" y="3239"/>
                  <a:pt x="4585" y="3084"/>
                  <a:pt x="4469" y="3077"/>
                </a:cubicBezTo>
                <a:cubicBezTo>
                  <a:pt x="4464" y="3077"/>
                  <a:pt x="4460" y="3077"/>
                  <a:pt x="4455" y="3077"/>
                </a:cubicBezTo>
                <a:close/>
                <a:moveTo>
                  <a:pt x="5202" y="4501"/>
                </a:moveTo>
                <a:cubicBezTo>
                  <a:pt x="5197" y="4501"/>
                  <a:pt x="5179" y="4511"/>
                  <a:pt x="5162" y="4518"/>
                </a:cubicBezTo>
                <a:lnTo>
                  <a:pt x="5231" y="4580"/>
                </a:lnTo>
                <a:cubicBezTo>
                  <a:pt x="5185" y="4617"/>
                  <a:pt x="5148" y="4638"/>
                  <a:pt x="5122" y="4668"/>
                </a:cubicBezTo>
                <a:lnTo>
                  <a:pt x="5122" y="4666"/>
                </a:lnTo>
                <a:lnTo>
                  <a:pt x="5122" y="4666"/>
                </a:lnTo>
                <a:cubicBezTo>
                  <a:pt x="5111" y="4692"/>
                  <a:pt x="5113" y="4719"/>
                  <a:pt x="5125" y="4745"/>
                </a:cubicBezTo>
                <a:cubicBezTo>
                  <a:pt x="5128" y="4754"/>
                  <a:pt x="5159" y="4763"/>
                  <a:pt x="5176" y="4763"/>
                </a:cubicBezTo>
                <a:cubicBezTo>
                  <a:pt x="5180" y="4763"/>
                  <a:pt x="5183" y="4762"/>
                  <a:pt x="5185" y="4761"/>
                </a:cubicBezTo>
                <a:cubicBezTo>
                  <a:pt x="5224" y="4717"/>
                  <a:pt x="5273" y="4673"/>
                  <a:pt x="5282" y="4622"/>
                </a:cubicBezTo>
                <a:cubicBezTo>
                  <a:pt x="5289" y="4587"/>
                  <a:pt x="5233" y="4541"/>
                  <a:pt x="5203" y="4502"/>
                </a:cubicBezTo>
                <a:cubicBezTo>
                  <a:pt x="5203" y="4501"/>
                  <a:pt x="5203" y="4501"/>
                  <a:pt x="5202" y="4501"/>
                </a:cubicBezTo>
                <a:close/>
                <a:moveTo>
                  <a:pt x="8478" y="5261"/>
                </a:moveTo>
                <a:cubicBezTo>
                  <a:pt x="8473" y="5261"/>
                  <a:pt x="8468" y="5261"/>
                  <a:pt x="8463" y="5261"/>
                </a:cubicBezTo>
                <a:cubicBezTo>
                  <a:pt x="8402" y="5268"/>
                  <a:pt x="8349" y="5340"/>
                  <a:pt x="8293" y="5382"/>
                </a:cubicBezTo>
                <a:lnTo>
                  <a:pt x="8291" y="5447"/>
                </a:lnTo>
                <a:cubicBezTo>
                  <a:pt x="8349" y="5488"/>
                  <a:pt x="8400" y="5556"/>
                  <a:pt x="8465" y="5567"/>
                </a:cubicBezTo>
                <a:cubicBezTo>
                  <a:pt x="8474" y="5569"/>
                  <a:pt x="8483" y="5570"/>
                  <a:pt x="8492" y="5570"/>
                </a:cubicBezTo>
                <a:cubicBezTo>
                  <a:pt x="8564" y="5570"/>
                  <a:pt x="8618" y="5510"/>
                  <a:pt x="8620" y="5423"/>
                </a:cubicBezTo>
                <a:cubicBezTo>
                  <a:pt x="8620" y="5334"/>
                  <a:pt x="8562" y="5261"/>
                  <a:pt x="8478" y="5261"/>
                </a:cubicBezTo>
                <a:close/>
                <a:moveTo>
                  <a:pt x="3046" y="5071"/>
                </a:moveTo>
                <a:cubicBezTo>
                  <a:pt x="3045" y="5071"/>
                  <a:pt x="3044" y="5071"/>
                  <a:pt x="3042" y="5071"/>
                </a:cubicBezTo>
                <a:cubicBezTo>
                  <a:pt x="2887" y="5074"/>
                  <a:pt x="2808" y="5157"/>
                  <a:pt x="2810" y="5308"/>
                </a:cubicBezTo>
                <a:cubicBezTo>
                  <a:pt x="2810" y="5441"/>
                  <a:pt x="2918" y="5574"/>
                  <a:pt x="3021" y="5574"/>
                </a:cubicBezTo>
                <a:cubicBezTo>
                  <a:pt x="3023" y="5574"/>
                  <a:pt x="3026" y="5574"/>
                  <a:pt x="3028" y="5574"/>
                </a:cubicBezTo>
                <a:cubicBezTo>
                  <a:pt x="3190" y="5565"/>
                  <a:pt x="3271" y="5470"/>
                  <a:pt x="3267" y="5291"/>
                </a:cubicBezTo>
                <a:cubicBezTo>
                  <a:pt x="3267" y="5170"/>
                  <a:pt x="3167" y="5071"/>
                  <a:pt x="3046" y="5071"/>
                </a:cubicBezTo>
                <a:close/>
                <a:moveTo>
                  <a:pt x="6127" y="4820"/>
                </a:moveTo>
                <a:cubicBezTo>
                  <a:pt x="5916" y="4820"/>
                  <a:pt x="5694" y="4997"/>
                  <a:pt x="5685" y="5180"/>
                </a:cubicBezTo>
                <a:cubicBezTo>
                  <a:pt x="5674" y="5400"/>
                  <a:pt x="5801" y="5572"/>
                  <a:pt x="5989" y="5581"/>
                </a:cubicBezTo>
                <a:cubicBezTo>
                  <a:pt x="5992" y="5581"/>
                  <a:pt x="5996" y="5581"/>
                  <a:pt x="5999" y="5581"/>
                </a:cubicBezTo>
                <a:cubicBezTo>
                  <a:pt x="6178" y="5581"/>
                  <a:pt x="6445" y="5413"/>
                  <a:pt x="6436" y="5213"/>
                </a:cubicBezTo>
                <a:cubicBezTo>
                  <a:pt x="6445" y="5034"/>
                  <a:pt x="6301" y="4833"/>
                  <a:pt x="6158" y="4821"/>
                </a:cubicBezTo>
                <a:cubicBezTo>
                  <a:pt x="6147" y="4820"/>
                  <a:pt x="6137" y="4820"/>
                  <a:pt x="6127" y="4820"/>
                </a:cubicBezTo>
                <a:close/>
                <a:moveTo>
                  <a:pt x="6356" y="5925"/>
                </a:moveTo>
                <a:cubicBezTo>
                  <a:pt x="6274" y="5925"/>
                  <a:pt x="6209" y="6056"/>
                  <a:pt x="6225" y="6202"/>
                </a:cubicBezTo>
                <a:cubicBezTo>
                  <a:pt x="6232" y="6244"/>
                  <a:pt x="6262" y="6278"/>
                  <a:pt x="6301" y="6294"/>
                </a:cubicBezTo>
                <a:cubicBezTo>
                  <a:pt x="6305" y="6295"/>
                  <a:pt x="6309" y="6296"/>
                  <a:pt x="6312" y="6296"/>
                </a:cubicBezTo>
                <a:cubicBezTo>
                  <a:pt x="6392" y="6296"/>
                  <a:pt x="6532" y="6141"/>
                  <a:pt x="6552" y="6028"/>
                </a:cubicBezTo>
                <a:cubicBezTo>
                  <a:pt x="6489" y="5996"/>
                  <a:pt x="6433" y="5940"/>
                  <a:pt x="6369" y="5928"/>
                </a:cubicBezTo>
                <a:lnTo>
                  <a:pt x="6369" y="5926"/>
                </a:lnTo>
                <a:cubicBezTo>
                  <a:pt x="6364" y="5926"/>
                  <a:pt x="6360" y="5925"/>
                  <a:pt x="6356" y="5925"/>
                </a:cubicBezTo>
                <a:close/>
                <a:moveTo>
                  <a:pt x="2229" y="6459"/>
                </a:moveTo>
                <a:cubicBezTo>
                  <a:pt x="2220" y="6477"/>
                  <a:pt x="2215" y="6496"/>
                  <a:pt x="2217" y="6515"/>
                </a:cubicBezTo>
                <a:cubicBezTo>
                  <a:pt x="2255" y="6538"/>
                  <a:pt x="2296" y="6552"/>
                  <a:pt x="2338" y="6559"/>
                </a:cubicBezTo>
                <a:cubicBezTo>
                  <a:pt x="2375" y="6559"/>
                  <a:pt x="2412" y="6528"/>
                  <a:pt x="2449" y="6515"/>
                </a:cubicBezTo>
                <a:cubicBezTo>
                  <a:pt x="2447" y="6508"/>
                  <a:pt x="2444" y="6496"/>
                  <a:pt x="2442" y="6487"/>
                </a:cubicBezTo>
                <a:lnTo>
                  <a:pt x="2442" y="6484"/>
                </a:lnTo>
                <a:cubicBezTo>
                  <a:pt x="2410" y="6480"/>
                  <a:pt x="2377" y="6471"/>
                  <a:pt x="2343" y="6468"/>
                </a:cubicBezTo>
                <a:cubicBezTo>
                  <a:pt x="2305" y="6461"/>
                  <a:pt x="2266" y="6459"/>
                  <a:pt x="2229" y="6459"/>
                </a:cubicBezTo>
                <a:close/>
                <a:moveTo>
                  <a:pt x="4197" y="6580"/>
                </a:moveTo>
                <a:cubicBezTo>
                  <a:pt x="4173" y="6580"/>
                  <a:pt x="4120" y="6637"/>
                  <a:pt x="4047" y="6691"/>
                </a:cubicBezTo>
                <a:cubicBezTo>
                  <a:pt x="4126" y="6758"/>
                  <a:pt x="4173" y="6816"/>
                  <a:pt x="4223" y="6820"/>
                </a:cubicBezTo>
                <a:lnTo>
                  <a:pt x="4226" y="6818"/>
                </a:lnTo>
                <a:cubicBezTo>
                  <a:pt x="4227" y="6818"/>
                  <a:pt x="4228" y="6818"/>
                  <a:pt x="4229" y="6818"/>
                </a:cubicBezTo>
                <a:cubicBezTo>
                  <a:pt x="4263" y="6818"/>
                  <a:pt x="4306" y="6750"/>
                  <a:pt x="4344" y="6714"/>
                </a:cubicBezTo>
                <a:cubicBezTo>
                  <a:pt x="4298" y="6667"/>
                  <a:pt x="4258" y="6610"/>
                  <a:pt x="4203" y="6582"/>
                </a:cubicBezTo>
                <a:cubicBezTo>
                  <a:pt x="4201" y="6581"/>
                  <a:pt x="4199" y="6580"/>
                  <a:pt x="4197" y="6580"/>
                </a:cubicBezTo>
                <a:close/>
                <a:moveTo>
                  <a:pt x="5576" y="6874"/>
                </a:moveTo>
                <a:cubicBezTo>
                  <a:pt x="5537" y="6885"/>
                  <a:pt x="5477" y="6945"/>
                  <a:pt x="5481" y="6976"/>
                </a:cubicBezTo>
                <a:cubicBezTo>
                  <a:pt x="5498" y="7024"/>
                  <a:pt x="5537" y="7061"/>
                  <a:pt x="5586" y="7073"/>
                </a:cubicBezTo>
                <a:cubicBezTo>
                  <a:pt x="5586" y="7073"/>
                  <a:pt x="5587" y="7073"/>
                  <a:pt x="5588" y="7073"/>
                </a:cubicBezTo>
                <a:cubicBezTo>
                  <a:pt x="5622" y="7073"/>
                  <a:pt x="5663" y="7014"/>
                  <a:pt x="5734" y="6957"/>
                </a:cubicBezTo>
                <a:cubicBezTo>
                  <a:pt x="5660" y="6918"/>
                  <a:pt x="5617" y="6875"/>
                  <a:pt x="5583" y="6875"/>
                </a:cubicBezTo>
                <a:cubicBezTo>
                  <a:pt x="5581" y="6875"/>
                  <a:pt x="5579" y="6875"/>
                  <a:pt x="5576" y="6876"/>
                </a:cubicBezTo>
                <a:lnTo>
                  <a:pt x="5576" y="6874"/>
                </a:lnTo>
                <a:close/>
                <a:moveTo>
                  <a:pt x="6486" y="6510"/>
                </a:moveTo>
                <a:cubicBezTo>
                  <a:pt x="6451" y="6510"/>
                  <a:pt x="6419" y="6529"/>
                  <a:pt x="6385" y="6559"/>
                </a:cubicBezTo>
                <a:cubicBezTo>
                  <a:pt x="6269" y="6654"/>
                  <a:pt x="6315" y="6772"/>
                  <a:pt x="6334" y="6885"/>
                </a:cubicBezTo>
                <a:cubicBezTo>
                  <a:pt x="6359" y="7052"/>
                  <a:pt x="6401" y="7089"/>
                  <a:pt x="6561" y="7089"/>
                </a:cubicBezTo>
                <a:cubicBezTo>
                  <a:pt x="6721" y="7089"/>
                  <a:pt x="6813" y="6966"/>
                  <a:pt x="6783" y="6806"/>
                </a:cubicBezTo>
                <a:lnTo>
                  <a:pt x="6785" y="6806"/>
                </a:lnTo>
                <a:cubicBezTo>
                  <a:pt x="6760" y="6677"/>
                  <a:pt x="6665" y="6616"/>
                  <a:pt x="6570" y="6545"/>
                </a:cubicBezTo>
                <a:cubicBezTo>
                  <a:pt x="6539" y="6520"/>
                  <a:pt x="6512" y="6510"/>
                  <a:pt x="6486" y="6510"/>
                </a:cubicBezTo>
                <a:close/>
                <a:moveTo>
                  <a:pt x="6203" y="7263"/>
                </a:moveTo>
                <a:cubicBezTo>
                  <a:pt x="6104" y="7263"/>
                  <a:pt x="6000" y="7359"/>
                  <a:pt x="5996" y="7453"/>
                </a:cubicBezTo>
                <a:cubicBezTo>
                  <a:pt x="5989" y="7585"/>
                  <a:pt x="6111" y="7684"/>
                  <a:pt x="6311" y="7694"/>
                </a:cubicBezTo>
                <a:cubicBezTo>
                  <a:pt x="6320" y="7695"/>
                  <a:pt x="6329" y="7696"/>
                  <a:pt x="6338" y="7696"/>
                </a:cubicBezTo>
                <a:cubicBezTo>
                  <a:pt x="6408" y="7696"/>
                  <a:pt x="6453" y="7647"/>
                  <a:pt x="6459" y="7555"/>
                </a:cubicBezTo>
                <a:lnTo>
                  <a:pt x="6459" y="7552"/>
                </a:lnTo>
                <a:cubicBezTo>
                  <a:pt x="6466" y="7460"/>
                  <a:pt x="6294" y="7263"/>
                  <a:pt x="6206" y="7263"/>
                </a:cubicBezTo>
                <a:cubicBezTo>
                  <a:pt x="6205" y="7263"/>
                  <a:pt x="6204" y="7263"/>
                  <a:pt x="6203" y="7263"/>
                </a:cubicBezTo>
                <a:close/>
                <a:moveTo>
                  <a:pt x="8008" y="7538"/>
                </a:moveTo>
                <a:cubicBezTo>
                  <a:pt x="8007" y="7538"/>
                  <a:pt x="8007" y="7538"/>
                  <a:pt x="8006" y="7538"/>
                </a:cubicBezTo>
                <a:cubicBezTo>
                  <a:pt x="7965" y="7555"/>
                  <a:pt x="7927" y="7582"/>
                  <a:pt x="7904" y="7622"/>
                </a:cubicBezTo>
                <a:cubicBezTo>
                  <a:pt x="7897" y="7633"/>
                  <a:pt x="7944" y="7680"/>
                  <a:pt x="7983" y="7728"/>
                </a:cubicBezTo>
                <a:cubicBezTo>
                  <a:pt x="8022" y="7682"/>
                  <a:pt x="8064" y="7652"/>
                  <a:pt x="8071" y="7617"/>
                </a:cubicBezTo>
                <a:lnTo>
                  <a:pt x="8073" y="7615"/>
                </a:lnTo>
                <a:cubicBezTo>
                  <a:pt x="8078" y="7593"/>
                  <a:pt x="8022" y="7538"/>
                  <a:pt x="8008" y="7538"/>
                </a:cubicBezTo>
                <a:close/>
                <a:moveTo>
                  <a:pt x="6602" y="7733"/>
                </a:moveTo>
                <a:cubicBezTo>
                  <a:pt x="6596" y="7756"/>
                  <a:pt x="6586" y="7777"/>
                  <a:pt x="6577" y="7800"/>
                </a:cubicBezTo>
                <a:lnTo>
                  <a:pt x="6697" y="7874"/>
                </a:lnTo>
                <a:lnTo>
                  <a:pt x="6732" y="7768"/>
                </a:lnTo>
                <a:lnTo>
                  <a:pt x="6602" y="7733"/>
                </a:lnTo>
                <a:close/>
                <a:moveTo>
                  <a:pt x="1569" y="8013"/>
                </a:moveTo>
                <a:cubicBezTo>
                  <a:pt x="1532" y="8020"/>
                  <a:pt x="1499" y="8048"/>
                  <a:pt x="1488" y="8085"/>
                </a:cubicBezTo>
                <a:cubicBezTo>
                  <a:pt x="1481" y="8108"/>
                  <a:pt x="1523" y="8143"/>
                  <a:pt x="1553" y="8192"/>
                </a:cubicBezTo>
                <a:cubicBezTo>
                  <a:pt x="1597" y="8148"/>
                  <a:pt x="1643" y="8120"/>
                  <a:pt x="1641" y="8092"/>
                </a:cubicBezTo>
                <a:lnTo>
                  <a:pt x="1641" y="8090"/>
                </a:lnTo>
                <a:cubicBezTo>
                  <a:pt x="1631" y="8053"/>
                  <a:pt x="1604" y="8025"/>
                  <a:pt x="1569" y="8013"/>
                </a:cubicBezTo>
                <a:close/>
                <a:moveTo>
                  <a:pt x="6943" y="8187"/>
                </a:moveTo>
                <a:cubicBezTo>
                  <a:pt x="6940" y="8187"/>
                  <a:pt x="6937" y="8187"/>
                  <a:pt x="6934" y="8187"/>
                </a:cubicBezTo>
                <a:cubicBezTo>
                  <a:pt x="6832" y="8189"/>
                  <a:pt x="6751" y="8226"/>
                  <a:pt x="6748" y="8312"/>
                </a:cubicBezTo>
                <a:cubicBezTo>
                  <a:pt x="6748" y="8456"/>
                  <a:pt x="6829" y="8539"/>
                  <a:pt x="6931" y="8544"/>
                </a:cubicBezTo>
                <a:lnTo>
                  <a:pt x="6931" y="8541"/>
                </a:lnTo>
                <a:cubicBezTo>
                  <a:pt x="6935" y="8542"/>
                  <a:pt x="6938" y="8542"/>
                  <a:pt x="6941" y="8542"/>
                </a:cubicBezTo>
                <a:cubicBezTo>
                  <a:pt x="7041" y="8542"/>
                  <a:pt x="7124" y="8472"/>
                  <a:pt x="7119" y="8389"/>
                </a:cubicBezTo>
                <a:cubicBezTo>
                  <a:pt x="7115" y="8265"/>
                  <a:pt x="7049" y="8187"/>
                  <a:pt x="6943" y="8187"/>
                </a:cubicBezTo>
                <a:close/>
                <a:moveTo>
                  <a:pt x="1242" y="8311"/>
                </a:moveTo>
                <a:cubicBezTo>
                  <a:pt x="1214" y="8311"/>
                  <a:pt x="1186" y="8314"/>
                  <a:pt x="1159" y="8321"/>
                </a:cubicBezTo>
                <a:cubicBezTo>
                  <a:pt x="1113" y="8335"/>
                  <a:pt x="1073" y="8379"/>
                  <a:pt x="1034" y="8412"/>
                </a:cubicBezTo>
                <a:cubicBezTo>
                  <a:pt x="913" y="8502"/>
                  <a:pt x="902" y="8611"/>
                  <a:pt x="994" y="8724"/>
                </a:cubicBezTo>
                <a:cubicBezTo>
                  <a:pt x="1034" y="8776"/>
                  <a:pt x="1093" y="8802"/>
                  <a:pt x="1152" y="8802"/>
                </a:cubicBezTo>
                <a:cubicBezTo>
                  <a:pt x="1208" y="8802"/>
                  <a:pt x="1265" y="8778"/>
                  <a:pt x="1305" y="8729"/>
                </a:cubicBezTo>
                <a:cubicBezTo>
                  <a:pt x="1365" y="8660"/>
                  <a:pt x="1390" y="8560"/>
                  <a:pt x="1439" y="8465"/>
                </a:cubicBezTo>
                <a:cubicBezTo>
                  <a:pt x="1402" y="8407"/>
                  <a:pt x="1384" y="8342"/>
                  <a:pt x="1344" y="8328"/>
                </a:cubicBezTo>
                <a:lnTo>
                  <a:pt x="1344" y="8326"/>
                </a:lnTo>
                <a:cubicBezTo>
                  <a:pt x="1311" y="8316"/>
                  <a:pt x="1277" y="8311"/>
                  <a:pt x="1242" y="8311"/>
                </a:cubicBezTo>
                <a:close/>
                <a:moveTo>
                  <a:pt x="8013" y="8763"/>
                </a:moveTo>
                <a:cubicBezTo>
                  <a:pt x="8009" y="8763"/>
                  <a:pt x="8004" y="8764"/>
                  <a:pt x="7999" y="8764"/>
                </a:cubicBezTo>
                <a:cubicBezTo>
                  <a:pt x="7918" y="8771"/>
                  <a:pt x="7858" y="8801"/>
                  <a:pt x="7870" y="8891"/>
                </a:cubicBezTo>
                <a:cubicBezTo>
                  <a:pt x="7879" y="8970"/>
                  <a:pt x="7881" y="9063"/>
                  <a:pt x="8041" y="9063"/>
                </a:cubicBezTo>
                <a:cubicBezTo>
                  <a:pt x="8045" y="9063"/>
                  <a:pt x="8049" y="9063"/>
                  <a:pt x="8053" y="9063"/>
                </a:cubicBezTo>
                <a:cubicBezTo>
                  <a:pt x="8076" y="9028"/>
                  <a:pt x="8143" y="8972"/>
                  <a:pt x="8148" y="8910"/>
                </a:cubicBezTo>
                <a:cubicBezTo>
                  <a:pt x="8156" y="8832"/>
                  <a:pt x="8110" y="8763"/>
                  <a:pt x="8013" y="8763"/>
                </a:cubicBezTo>
                <a:close/>
                <a:moveTo>
                  <a:pt x="9320" y="8738"/>
                </a:moveTo>
                <a:cubicBezTo>
                  <a:pt x="9208" y="8738"/>
                  <a:pt x="9067" y="8850"/>
                  <a:pt x="9065" y="8940"/>
                </a:cubicBezTo>
                <a:cubicBezTo>
                  <a:pt x="9063" y="9079"/>
                  <a:pt x="9146" y="9155"/>
                  <a:pt x="9303" y="9158"/>
                </a:cubicBezTo>
                <a:cubicBezTo>
                  <a:pt x="9307" y="9158"/>
                  <a:pt x="9310" y="9158"/>
                  <a:pt x="9313" y="9158"/>
                </a:cubicBezTo>
                <a:cubicBezTo>
                  <a:pt x="9434" y="9158"/>
                  <a:pt x="9528" y="9071"/>
                  <a:pt x="9528" y="8958"/>
                </a:cubicBezTo>
                <a:cubicBezTo>
                  <a:pt x="9528" y="8831"/>
                  <a:pt x="9442" y="8738"/>
                  <a:pt x="9320" y="8738"/>
                </a:cubicBezTo>
                <a:close/>
                <a:moveTo>
                  <a:pt x="5524" y="9254"/>
                </a:moveTo>
                <a:cubicBezTo>
                  <a:pt x="5490" y="9254"/>
                  <a:pt x="5410" y="9326"/>
                  <a:pt x="5410" y="9361"/>
                </a:cubicBezTo>
                <a:cubicBezTo>
                  <a:pt x="5410" y="9412"/>
                  <a:pt x="5472" y="9463"/>
                  <a:pt x="5532" y="9547"/>
                </a:cubicBezTo>
                <a:cubicBezTo>
                  <a:pt x="5590" y="9470"/>
                  <a:pt x="5657" y="9422"/>
                  <a:pt x="5648" y="9389"/>
                </a:cubicBezTo>
                <a:lnTo>
                  <a:pt x="5650" y="9387"/>
                </a:lnTo>
                <a:cubicBezTo>
                  <a:pt x="5634" y="9334"/>
                  <a:pt x="5581" y="9269"/>
                  <a:pt x="5530" y="9255"/>
                </a:cubicBezTo>
                <a:cubicBezTo>
                  <a:pt x="5528" y="9254"/>
                  <a:pt x="5526" y="9254"/>
                  <a:pt x="5524" y="9254"/>
                </a:cubicBezTo>
                <a:close/>
                <a:moveTo>
                  <a:pt x="3193" y="9331"/>
                </a:moveTo>
                <a:cubicBezTo>
                  <a:pt x="3189" y="9331"/>
                  <a:pt x="3185" y="9331"/>
                  <a:pt x="3181" y="9331"/>
                </a:cubicBezTo>
                <a:cubicBezTo>
                  <a:pt x="3093" y="9334"/>
                  <a:pt x="3040" y="9373"/>
                  <a:pt x="3040" y="9514"/>
                </a:cubicBezTo>
                <a:cubicBezTo>
                  <a:pt x="3065" y="9538"/>
                  <a:pt x="3112" y="9595"/>
                  <a:pt x="3165" y="9605"/>
                </a:cubicBezTo>
                <a:cubicBezTo>
                  <a:pt x="3173" y="9606"/>
                  <a:pt x="3182" y="9607"/>
                  <a:pt x="3190" y="9607"/>
                </a:cubicBezTo>
                <a:cubicBezTo>
                  <a:pt x="3269" y="9607"/>
                  <a:pt x="3313" y="9545"/>
                  <a:pt x="3313" y="9459"/>
                </a:cubicBezTo>
                <a:cubicBezTo>
                  <a:pt x="3313" y="9379"/>
                  <a:pt x="3275" y="9331"/>
                  <a:pt x="3193" y="9331"/>
                </a:cubicBezTo>
                <a:close/>
                <a:moveTo>
                  <a:pt x="178" y="10528"/>
                </a:moveTo>
                <a:cubicBezTo>
                  <a:pt x="143" y="10528"/>
                  <a:pt x="111" y="10558"/>
                  <a:pt x="79" y="10582"/>
                </a:cubicBezTo>
                <a:cubicBezTo>
                  <a:pt x="49" y="10605"/>
                  <a:pt x="24" y="10633"/>
                  <a:pt x="1" y="10661"/>
                </a:cubicBezTo>
                <a:lnTo>
                  <a:pt x="1" y="10719"/>
                </a:lnTo>
                <a:cubicBezTo>
                  <a:pt x="21" y="10740"/>
                  <a:pt x="45" y="10777"/>
                  <a:pt x="68" y="10777"/>
                </a:cubicBezTo>
                <a:cubicBezTo>
                  <a:pt x="90" y="10778"/>
                  <a:pt x="114" y="10779"/>
                  <a:pt x="138" y="10779"/>
                </a:cubicBezTo>
                <a:cubicBezTo>
                  <a:pt x="183" y="10779"/>
                  <a:pt x="227" y="10774"/>
                  <a:pt x="258" y="10751"/>
                </a:cubicBezTo>
                <a:cubicBezTo>
                  <a:pt x="327" y="10703"/>
                  <a:pt x="297" y="10631"/>
                  <a:pt x="246" y="10568"/>
                </a:cubicBezTo>
                <a:cubicBezTo>
                  <a:pt x="222" y="10539"/>
                  <a:pt x="199" y="10528"/>
                  <a:pt x="178" y="10528"/>
                </a:cubicBezTo>
                <a:close/>
                <a:moveTo>
                  <a:pt x="7985" y="11295"/>
                </a:moveTo>
                <a:cubicBezTo>
                  <a:pt x="7984" y="11295"/>
                  <a:pt x="7984" y="11296"/>
                  <a:pt x="7983" y="11296"/>
                </a:cubicBezTo>
                <a:cubicBezTo>
                  <a:pt x="7941" y="11310"/>
                  <a:pt x="7907" y="11351"/>
                  <a:pt x="7867" y="11379"/>
                </a:cubicBezTo>
                <a:lnTo>
                  <a:pt x="7976" y="11516"/>
                </a:lnTo>
                <a:cubicBezTo>
                  <a:pt x="8016" y="11460"/>
                  <a:pt x="8060" y="11423"/>
                  <a:pt x="8055" y="11393"/>
                </a:cubicBezTo>
                <a:lnTo>
                  <a:pt x="8057" y="11391"/>
                </a:lnTo>
                <a:cubicBezTo>
                  <a:pt x="8053" y="11357"/>
                  <a:pt x="8003" y="11295"/>
                  <a:pt x="7985" y="11295"/>
                </a:cubicBezTo>
                <a:close/>
                <a:moveTo>
                  <a:pt x="9627" y="11360"/>
                </a:moveTo>
                <a:cubicBezTo>
                  <a:pt x="9624" y="11360"/>
                  <a:pt x="9621" y="11360"/>
                  <a:pt x="9618" y="11361"/>
                </a:cubicBezTo>
                <a:cubicBezTo>
                  <a:pt x="9408" y="11365"/>
                  <a:pt x="9266" y="11488"/>
                  <a:pt x="9273" y="11666"/>
                </a:cubicBezTo>
                <a:cubicBezTo>
                  <a:pt x="9280" y="11824"/>
                  <a:pt x="9454" y="12046"/>
                  <a:pt x="9601" y="12046"/>
                </a:cubicBezTo>
                <a:cubicBezTo>
                  <a:pt x="9609" y="12046"/>
                  <a:pt x="9617" y="12045"/>
                  <a:pt x="9625" y="12044"/>
                </a:cubicBezTo>
                <a:cubicBezTo>
                  <a:pt x="9792" y="12042"/>
                  <a:pt x="9975" y="11896"/>
                  <a:pt x="9978" y="11761"/>
                </a:cubicBezTo>
                <a:lnTo>
                  <a:pt x="9980" y="11761"/>
                </a:lnTo>
                <a:cubicBezTo>
                  <a:pt x="9982" y="11570"/>
                  <a:pt x="9798" y="11360"/>
                  <a:pt x="9627" y="11360"/>
                </a:cubicBezTo>
                <a:close/>
                <a:moveTo>
                  <a:pt x="8866" y="11930"/>
                </a:moveTo>
                <a:cubicBezTo>
                  <a:pt x="8865" y="11930"/>
                  <a:pt x="8864" y="11930"/>
                  <a:pt x="8863" y="11930"/>
                </a:cubicBezTo>
                <a:cubicBezTo>
                  <a:pt x="8801" y="11947"/>
                  <a:pt x="8750" y="11991"/>
                  <a:pt x="8724" y="12051"/>
                </a:cubicBezTo>
                <a:cubicBezTo>
                  <a:pt x="8713" y="12090"/>
                  <a:pt x="8773" y="12153"/>
                  <a:pt x="8801" y="12204"/>
                </a:cubicBezTo>
                <a:lnTo>
                  <a:pt x="8870" y="12211"/>
                </a:lnTo>
                <a:cubicBezTo>
                  <a:pt x="8910" y="12157"/>
                  <a:pt x="8975" y="12106"/>
                  <a:pt x="8979" y="12053"/>
                </a:cubicBezTo>
                <a:cubicBezTo>
                  <a:pt x="8981" y="12013"/>
                  <a:pt x="8902" y="11930"/>
                  <a:pt x="8866" y="11930"/>
                </a:cubicBezTo>
                <a:close/>
                <a:moveTo>
                  <a:pt x="6823" y="12549"/>
                </a:moveTo>
                <a:cubicBezTo>
                  <a:pt x="6814" y="12549"/>
                  <a:pt x="6806" y="12550"/>
                  <a:pt x="6797" y="12551"/>
                </a:cubicBezTo>
                <a:cubicBezTo>
                  <a:pt x="6732" y="12563"/>
                  <a:pt x="6677" y="12639"/>
                  <a:pt x="6586" y="12709"/>
                </a:cubicBezTo>
                <a:cubicBezTo>
                  <a:pt x="6667" y="12792"/>
                  <a:pt x="6711" y="12873"/>
                  <a:pt x="6769" y="12887"/>
                </a:cubicBezTo>
                <a:lnTo>
                  <a:pt x="6769" y="12885"/>
                </a:lnTo>
                <a:cubicBezTo>
                  <a:pt x="6780" y="12888"/>
                  <a:pt x="6792" y="12889"/>
                  <a:pt x="6803" y="12889"/>
                </a:cubicBezTo>
                <a:cubicBezTo>
                  <a:pt x="6892" y="12889"/>
                  <a:pt x="6972" y="12803"/>
                  <a:pt x="6966" y="12718"/>
                </a:cubicBezTo>
                <a:cubicBezTo>
                  <a:pt x="6960" y="12623"/>
                  <a:pt x="6907" y="12549"/>
                  <a:pt x="6823" y="12549"/>
                </a:cubicBez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4" name="Google Shape;244;p14"/>
          <p:cNvSpPr/>
          <p:nvPr/>
        </p:nvSpPr>
        <p:spPr>
          <a:xfrm rot="2184588">
            <a:off x="-285424" y="3335837"/>
            <a:ext cx="4545565" cy="3234013"/>
          </a:xfrm>
          <a:custGeom>
            <a:avLst/>
            <a:gdLst/>
            <a:ahLst/>
            <a:cxnLst/>
            <a:rect l="l" t="t" r="r" b="b"/>
            <a:pathLst>
              <a:path w="51519" h="36654" fill="none" extrusionOk="0">
                <a:moveTo>
                  <a:pt x="0" y="34286"/>
                </a:moveTo>
                <a:cubicBezTo>
                  <a:pt x="3758" y="36568"/>
                  <a:pt x="8747" y="36653"/>
                  <a:pt x="12583" y="34504"/>
                </a:cubicBezTo>
                <a:cubicBezTo>
                  <a:pt x="16417" y="32354"/>
                  <a:pt x="18946" y="28050"/>
                  <a:pt x="18958" y="23653"/>
                </a:cubicBezTo>
                <a:cubicBezTo>
                  <a:pt x="18965" y="21682"/>
                  <a:pt x="18504" y="19743"/>
                  <a:pt x="18180" y="17797"/>
                </a:cubicBezTo>
                <a:cubicBezTo>
                  <a:pt x="17853" y="15852"/>
                  <a:pt x="17663" y="13829"/>
                  <a:pt x="18198" y="11930"/>
                </a:cubicBezTo>
                <a:cubicBezTo>
                  <a:pt x="18736" y="10033"/>
                  <a:pt x="20130" y="8272"/>
                  <a:pt x="22044" y="7793"/>
                </a:cubicBezTo>
                <a:cubicBezTo>
                  <a:pt x="23957" y="7316"/>
                  <a:pt x="26271" y="8513"/>
                  <a:pt x="26575" y="10461"/>
                </a:cubicBezTo>
                <a:cubicBezTo>
                  <a:pt x="26815" y="12013"/>
                  <a:pt x="25632" y="13646"/>
                  <a:pt x="24080" y="13897"/>
                </a:cubicBezTo>
                <a:cubicBezTo>
                  <a:pt x="22530" y="14147"/>
                  <a:pt x="20890" y="12970"/>
                  <a:pt x="20633" y="11420"/>
                </a:cubicBezTo>
                <a:cubicBezTo>
                  <a:pt x="20373" y="9873"/>
                  <a:pt x="21541" y="8226"/>
                  <a:pt x="23088" y="7959"/>
                </a:cubicBezTo>
                <a:cubicBezTo>
                  <a:pt x="24728" y="7677"/>
                  <a:pt x="26285" y="8770"/>
                  <a:pt x="27439" y="9970"/>
                </a:cubicBezTo>
                <a:cubicBezTo>
                  <a:pt x="28594" y="11170"/>
                  <a:pt x="29630" y="12583"/>
                  <a:pt x="31154" y="13253"/>
                </a:cubicBezTo>
                <a:cubicBezTo>
                  <a:pt x="33943" y="14478"/>
                  <a:pt x="37615" y="12129"/>
                  <a:pt x="37668" y="9083"/>
                </a:cubicBezTo>
                <a:cubicBezTo>
                  <a:pt x="37714" y="6553"/>
                  <a:pt x="35773" y="3811"/>
                  <a:pt x="37184" y="1707"/>
                </a:cubicBezTo>
                <a:cubicBezTo>
                  <a:pt x="38328" y="0"/>
                  <a:pt x="41032" y="155"/>
                  <a:pt x="42692" y="1369"/>
                </a:cubicBezTo>
                <a:cubicBezTo>
                  <a:pt x="44356" y="2583"/>
                  <a:pt x="45322" y="4501"/>
                  <a:pt x="46521" y="6171"/>
                </a:cubicBezTo>
                <a:cubicBezTo>
                  <a:pt x="47724" y="7841"/>
                  <a:pt x="49461" y="9419"/>
                  <a:pt x="51518" y="9352"/>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245" name="Google Shape;245;p14"/>
          <p:cNvGrpSpPr/>
          <p:nvPr/>
        </p:nvGrpSpPr>
        <p:grpSpPr>
          <a:xfrm>
            <a:off x="7267225" y="3270200"/>
            <a:ext cx="1827795" cy="1832965"/>
            <a:chOff x="3658100" y="3154400"/>
            <a:chExt cx="1827795" cy="1832965"/>
          </a:xfrm>
        </p:grpSpPr>
        <p:sp>
          <p:nvSpPr>
            <p:cNvPr id="246" name="Google Shape;246;p14"/>
            <p:cNvSpPr/>
            <p:nvPr/>
          </p:nvSpPr>
          <p:spPr>
            <a:xfrm>
              <a:off x="3691733" y="3195231"/>
              <a:ext cx="1794162" cy="1792134"/>
            </a:xfrm>
            <a:custGeom>
              <a:avLst/>
              <a:gdLst/>
              <a:ahLst/>
              <a:cxnLst/>
              <a:rect l="l" t="t" r="r" b="b"/>
              <a:pathLst>
                <a:path w="27419" h="27388" extrusionOk="0">
                  <a:moveTo>
                    <a:pt x="26341" y="1"/>
                  </a:moveTo>
                  <a:cubicBezTo>
                    <a:pt x="26148" y="1"/>
                    <a:pt x="25955" y="20"/>
                    <a:pt x="25787" y="25"/>
                  </a:cubicBezTo>
                  <a:cubicBezTo>
                    <a:pt x="24370" y="74"/>
                    <a:pt x="22947" y="74"/>
                    <a:pt x="21530" y="74"/>
                  </a:cubicBezTo>
                  <a:cubicBezTo>
                    <a:pt x="21305" y="74"/>
                    <a:pt x="20958" y="17"/>
                    <a:pt x="20628" y="17"/>
                  </a:cubicBezTo>
                  <a:cubicBezTo>
                    <a:pt x="20245" y="17"/>
                    <a:pt x="19885" y="93"/>
                    <a:pt x="19762" y="424"/>
                  </a:cubicBezTo>
                  <a:cubicBezTo>
                    <a:pt x="19709" y="568"/>
                    <a:pt x="19709" y="725"/>
                    <a:pt x="19709" y="878"/>
                  </a:cubicBezTo>
                  <a:cubicBezTo>
                    <a:pt x="19711" y="1054"/>
                    <a:pt x="19711" y="1230"/>
                    <a:pt x="19711" y="1406"/>
                  </a:cubicBezTo>
                  <a:cubicBezTo>
                    <a:pt x="19716" y="2198"/>
                    <a:pt x="19737" y="2995"/>
                    <a:pt x="19728" y="3787"/>
                  </a:cubicBezTo>
                  <a:cubicBezTo>
                    <a:pt x="19688" y="6771"/>
                    <a:pt x="19672" y="9757"/>
                    <a:pt x="19679" y="12740"/>
                  </a:cubicBezTo>
                  <a:cubicBezTo>
                    <a:pt x="19684" y="14232"/>
                    <a:pt x="19693" y="15726"/>
                    <a:pt x="19709" y="17218"/>
                  </a:cubicBezTo>
                  <a:cubicBezTo>
                    <a:pt x="19716" y="17964"/>
                    <a:pt x="19725" y="18710"/>
                    <a:pt x="19737" y="19456"/>
                  </a:cubicBezTo>
                  <a:cubicBezTo>
                    <a:pt x="19744" y="19998"/>
                    <a:pt x="19924" y="20829"/>
                    <a:pt x="19621" y="21314"/>
                  </a:cubicBezTo>
                  <a:cubicBezTo>
                    <a:pt x="19469" y="21557"/>
                    <a:pt x="19205" y="21615"/>
                    <a:pt x="18925" y="21615"/>
                  </a:cubicBezTo>
                  <a:cubicBezTo>
                    <a:pt x="18663" y="21615"/>
                    <a:pt x="18386" y="21564"/>
                    <a:pt x="18173" y="21564"/>
                  </a:cubicBezTo>
                  <a:cubicBezTo>
                    <a:pt x="18044" y="21564"/>
                    <a:pt x="17922" y="21571"/>
                    <a:pt x="17811" y="21571"/>
                  </a:cubicBezTo>
                  <a:cubicBezTo>
                    <a:pt x="17499" y="21571"/>
                    <a:pt x="17273" y="21514"/>
                    <a:pt x="17224" y="21082"/>
                  </a:cubicBezTo>
                  <a:cubicBezTo>
                    <a:pt x="16997" y="19044"/>
                    <a:pt x="17200" y="16880"/>
                    <a:pt x="17200" y="14830"/>
                  </a:cubicBezTo>
                  <a:cubicBezTo>
                    <a:pt x="17200" y="14466"/>
                    <a:pt x="16542" y="14382"/>
                    <a:pt x="15856" y="14382"/>
                  </a:cubicBezTo>
                  <a:cubicBezTo>
                    <a:pt x="15261" y="14382"/>
                    <a:pt x="14645" y="14445"/>
                    <a:pt x="14421" y="14445"/>
                  </a:cubicBezTo>
                  <a:cubicBezTo>
                    <a:pt x="14210" y="14445"/>
                    <a:pt x="14036" y="14617"/>
                    <a:pt x="14036" y="14830"/>
                  </a:cubicBezTo>
                  <a:cubicBezTo>
                    <a:pt x="14036" y="15988"/>
                    <a:pt x="14041" y="17146"/>
                    <a:pt x="14036" y="18305"/>
                  </a:cubicBezTo>
                  <a:cubicBezTo>
                    <a:pt x="14035" y="18668"/>
                    <a:pt x="13464" y="18754"/>
                    <a:pt x="12863" y="18754"/>
                  </a:cubicBezTo>
                  <a:cubicBezTo>
                    <a:pt x="12331" y="18754"/>
                    <a:pt x="11776" y="18687"/>
                    <a:pt x="11571" y="18687"/>
                  </a:cubicBezTo>
                  <a:lnTo>
                    <a:pt x="8453" y="18687"/>
                  </a:lnTo>
                  <a:cubicBezTo>
                    <a:pt x="8240" y="18687"/>
                    <a:pt x="8069" y="18858"/>
                    <a:pt x="8069" y="19071"/>
                  </a:cubicBezTo>
                  <a:lnTo>
                    <a:pt x="8069" y="20311"/>
                  </a:lnTo>
                  <a:cubicBezTo>
                    <a:pt x="8069" y="20927"/>
                    <a:pt x="8143" y="21226"/>
                    <a:pt x="7399" y="21246"/>
                  </a:cubicBezTo>
                  <a:cubicBezTo>
                    <a:pt x="6367" y="21274"/>
                    <a:pt x="5333" y="21281"/>
                    <a:pt x="4300" y="21281"/>
                  </a:cubicBezTo>
                  <a:cubicBezTo>
                    <a:pt x="3234" y="21281"/>
                    <a:pt x="2169" y="21274"/>
                    <a:pt x="1104" y="21274"/>
                  </a:cubicBezTo>
                  <a:cubicBezTo>
                    <a:pt x="966" y="21274"/>
                    <a:pt x="827" y="21274"/>
                    <a:pt x="689" y="21274"/>
                  </a:cubicBezTo>
                  <a:cubicBezTo>
                    <a:pt x="1" y="21277"/>
                    <a:pt x="304" y="23350"/>
                    <a:pt x="304" y="23783"/>
                  </a:cubicBezTo>
                  <a:cubicBezTo>
                    <a:pt x="302" y="24855"/>
                    <a:pt x="302" y="25930"/>
                    <a:pt x="304" y="27003"/>
                  </a:cubicBezTo>
                  <a:cubicBezTo>
                    <a:pt x="304" y="27214"/>
                    <a:pt x="476" y="27387"/>
                    <a:pt x="689" y="27387"/>
                  </a:cubicBezTo>
                  <a:lnTo>
                    <a:pt x="26953" y="27387"/>
                  </a:lnTo>
                  <a:cubicBezTo>
                    <a:pt x="27166" y="27387"/>
                    <a:pt x="27337" y="27214"/>
                    <a:pt x="27337" y="27003"/>
                  </a:cubicBezTo>
                  <a:lnTo>
                    <a:pt x="27337" y="1452"/>
                  </a:lnTo>
                  <a:cubicBezTo>
                    <a:pt x="27337" y="1061"/>
                    <a:pt x="27418" y="461"/>
                    <a:pt x="27055" y="183"/>
                  </a:cubicBezTo>
                  <a:cubicBezTo>
                    <a:pt x="26861" y="35"/>
                    <a:pt x="26602" y="1"/>
                    <a:pt x="26341"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7" name="Google Shape;247;p14"/>
            <p:cNvSpPr/>
            <p:nvPr/>
          </p:nvSpPr>
          <p:spPr>
            <a:xfrm>
              <a:off x="3658100" y="3154400"/>
              <a:ext cx="1793966" cy="1804632"/>
            </a:xfrm>
            <a:custGeom>
              <a:avLst/>
              <a:gdLst/>
              <a:ahLst/>
              <a:cxnLst/>
              <a:rect l="l" t="t" r="r" b="b"/>
              <a:pathLst>
                <a:path w="27416" h="27579" fill="none" extrusionOk="0">
                  <a:moveTo>
                    <a:pt x="304" y="27196"/>
                  </a:moveTo>
                  <a:cubicBezTo>
                    <a:pt x="302" y="26123"/>
                    <a:pt x="302" y="25049"/>
                    <a:pt x="304" y="23976"/>
                  </a:cubicBezTo>
                  <a:cubicBezTo>
                    <a:pt x="304" y="23541"/>
                    <a:pt x="0" y="21470"/>
                    <a:pt x="688" y="21467"/>
                  </a:cubicBezTo>
                  <a:cubicBezTo>
                    <a:pt x="2924" y="21463"/>
                    <a:pt x="5164" y="21500"/>
                    <a:pt x="7399" y="21440"/>
                  </a:cubicBezTo>
                  <a:cubicBezTo>
                    <a:pt x="8143" y="21419"/>
                    <a:pt x="8069" y="21120"/>
                    <a:pt x="8069" y="20504"/>
                  </a:cubicBezTo>
                  <a:lnTo>
                    <a:pt x="8069" y="19264"/>
                  </a:lnTo>
                  <a:cubicBezTo>
                    <a:pt x="8069" y="19051"/>
                    <a:pt x="8240" y="18880"/>
                    <a:pt x="8453" y="18880"/>
                  </a:cubicBezTo>
                  <a:lnTo>
                    <a:pt x="11571" y="18880"/>
                  </a:lnTo>
                  <a:cubicBezTo>
                    <a:pt x="12007" y="18880"/>
                    <a:pt x="14034" y="19181"/>
                    <a:pt x="14036" y="18498"/>
                  </a:cubicBezTo>
                  <a:cubicBezTo>
                    <a:pt x="14040" y="17339"/>
                    <a:pt x="14036" y="16181"/>
                    <a:pt x="14036" y="15023"/>
                  </a:cubicBezTo>
                  <a:cubicBezTo>
                    <a:pt x="14036" y="14810"/>
                    <a:pt x="14210" y="14639"/>
                    <a:pt x="14420" y="14639"/>
                  </a:cubicBezTo>
                  <a:cubicBezTo>
                    <a:pt x="14904" y="14639"/>
                    <a:pt x="17200" y="14344"/>
                    <a:pt x="17200" y="15023"/>
                  </a:cubicBezTo>
                  <a:cubicBezTo>
                    <a:pt x="17200" y="17073"/>
                    <a:pt x="16996" y="19237"/>
                    <a:pt x="17223" y="21273"/>
                  </a:cubicBezTo>
                  <a:cubicBezTo>
                    <a:pt x="17290" y="21859"/>
                    <a:pt x="17682" y="21757"/>
                    <a:pt x="18173" y="21757"/>
                  </a:cubicBezTo>
                  <a:cubicBezTo>
                    <a:pt x="18613" y="21757"/>
                    <a:pt x="19327" y="21977"/>
                    <a:pt x="19621" y="21504"/>
                  </a:cubicBezTo>
                  <a:cubicBezTo>
                    <a:pt x="19924" y="21020"/>
                    <a:pt x="19744" y="20189"/>
                    <a:pt x="19737" y="19649"/>
                  </a:cubicBezTo>
                  <a:cubicBezTo>
                    <a:pt x="19725" y="18903"/>
                    <a:pt x="19716" y="18157"/>
                    <a:pt x="19706" y="17411"/>
                  </a:cubicBezTo>
                  <a:cubicBezTo>
                    <a:pt x="19693" y="15917"/>
                    <a:pt x="19681" y="14425"/>
                    <a:pt x="19679" y="12934"/>
                  </a:cubicBezTo>
                  <a:cubicBezTo>
                    <a:pt x="19669" y="9948"/>
                    <a:pt x="19686" y="6964"/>
                    <a:pt x="19725" y="3981"/>
                  </a:cubicBezTo>
                  <a:cubicBezTo>
                    <a:pt x="19737" y="3188"/>
                    <a:pt x="19713" y="2391"/>
                    <a:pt x="19711" y="1599"/>
                  </a:cubicBezTo>
                  <a:cubicBezTo>
                    <a:pt x="19711" y="1423"/>
                    <a:pt x="19709" y="1247"/>
                    <a:pt x="19709" y="1069"/>
                  </a:cubicBezTo>
                  <a:cubicBezTo>
                    <a:pt x="19709" y="916"/>
                    <a:pt x="19709" y="761"/>
                    <a:pt x="19762" y="617"/>
                  </a:cubicBezTo>
                  <a:cubicBezTo>
                    <a:pt x="19989" y="1"/>
                    <a:pt x="21045" y="267"/>
                    <a:pt x="21527" y="267"/>
                  </a:cubicBezTo>
                  <a:cubicBezTo>
                    <a:pt x="22947" y="267"/>
                    <a:pt x="24367" y="267"/>
                    <a:pt x="25785" y="216"/>
                  </a:cubicBezTo>
                  <a:cubicBezTo>
                    <a:pt x="26179" y="205"/>
                    <a:pt x="26716" y="117"/>
                    <a:pt x="27052" y="376"/>
                  </a:cubicBezTo>
                  <a:cubicBezTo>
                    <a:pt x="27416" y="654"/>
                    <a:pt x="27335" y="1254"/>
                    <a:pt x="27335" y="1646"/>
                  </a:cubicBezTo>
                  <a:lnTo>
                    <a:pt x="27335" y="27196"/>
                  </a:lnTo>
                  <a:cubicBezTo>
                    <a:pt x="27335" y="27407"/>
                    <a:pt x="27163" y="27578"/>
                    <a:pt x="26950" y="27578"/>
                  </a:cubicBezTo>
                  <a:lnTo>
                    <a:pt x="686" y="27578"/>
                  </a:lnTo>
                  <a:cubicBezTo>
                    <a:pt x="475" y="27578"/>
                    <a:pt x="304" y="27407"/>
                    <a:pt x="304" y="27196"/>
                  </a:cubicBezTo>
                  <a:close/>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248" name="Google Shape;248;p14"/>
          <p:cNvGrpSpPr/>
          <p:nvPr/>
        </p:nvGrpSpPr>
        <p:grpSpPr>
          <a:xfrm>
            <a:off x="6708334" y="4007003"/>
            <a:ext cx="818808" cy="1096167"/>
            <a:chOff x="113834" y="3966188"/>
            <a:chExt cx="818808" cy="1096167"/>
          </a:xfrm>
        </p:grpSpPr>
        <p:sp>
          <p:nvSpPr>
            <p:cNvPr id="249" name="Google Shape;249;p14"/>
            <p:cNvSpPr/>
            <p:nvPr/>
          </p:nvSpPr>
          <p:spPr>
            <a:xfrm>
              <a:off x="164788" y="4075897"/>
              <a:ext cx="767854" cy="568901"/>
            </a:xfrm>
            <a:custGeom>
              <a:avLst/>
              <a:gdLst/>
              <a:ahLst/>
              <a:cxnLst/>
              <a:rect l="l" t="t" r="r" b="b"/>
              <a:pathLst>
                <a:path w="7580" h="5616" extrusionOk="0">
                  <a:moveTo>
                    <a:pt x="4274" y="1"/>
                  </a:moveTo>
                  <a:cubicBezTo>
                    <a:pt x="3072" y="1"/>
                    <a:pt x="1264" y="791"/>
                    <a:pt x="753" y="1609"/>
                  </a:cubicBezTo>
                  <a:cubicBezTo>
                    <a:pt x="0" y="2816"/>
                    <a:pt x="2259" y="2512"/>
                    <a:pt x="2208" y="2966"/>
                  </a:cubicBezTo>
                  <a:cubicBezTo>
                    <a:pt x="2159" y="3418"/>
                    <a:pt x="1003" y="3870"/>
                    <a:pt x="1557" y="5091"/>
                  </a:cubicBezTo>
                  <a:cubicBezTo>
                    <a:pt x="1734" y="5482"/>
                    <a:pt x="2050" y="5615"/>
                    <a:pt x="2398" y="5615"/>
                  </a:cubicBezTo>
                  <a:cubicBezTo>
                    <a:pt x="3136" y="5615"/>
                    <a:pt x="4017" y="5019"/>
                    <a:pt x="4017" y="5019"/>
                  </a:cubicBezTo>
                  <a:lnTo>
                    <a:pt x="4818" y="4773"/>
                  </a:lnTo>
                  <a:cubicBezTo>
                    <a:pt x="7230" y="4472"/>
                    <a:pt x="7580" y="3518"/>
                    <a:pt x="7429" y="2306"/>
                  </a:cubicBezTo>
                  <a:cubicBezTo>
                    <a:pt x="7278" y="1095"/>
                    <a:pt x="5673" y="1961"/>
                    <a:pt x="5372" y="611"/>
                  </a:cubicBezTo>
                  <a:cubicBezTo>
                    <a:pt x="5275" y="177"/>
                    <a:pt x="4843" y="1"/>
                    <a:pt x="4274" y="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0" name="Google Shape;250;p14"/>
            <p:cNvSpPr/>
            <p:nvPr/>
          </p:nvSpPr>
          <p:spPr>
            <a:xfrm>
              <a:off x="113834" y="3966188"/>
              <a:ext cx="768158" cy="1096167"/>
            </a:xfrm>
            <a:custGeom>
              <a:avLst/>
              <a:gdLst/>
              <a:ahLst/>
              <a:cxnLst/>
              <a:rect l="l" t="t" r="r" b="b"/>
              <a:pathLst>
                <a:path w="7583" h="10821" fill="none" extrusionOk="0">
                  <a:moveTo>
                    <a:pt x="4017" y="10820"/>
                  </a:moveTo>
                  <a:lnTo>
                    <a:pt x="4017" y="5759"/>
                  </a:lnTo>
                  <a:cubicBezTo>
                    <a:pt x="4017" y="5759"/>
                    <a:pt x="2111" y="7049"/>
                    <a:pt x="1557" y="5828"/>
                  </a:cubicBezTo>
                  <a:cubicBezTo>
                    <a:pt x="1006" y="4608"/>
                    <a:pt x="2159" y="4156"/>
                    <a:pt x="2210" y="3704"/>
                  </a:cubicBezTo>
                  <a:cubicBezTo>
                    <a:pt x="2261" y="3253"/>
                    <a:pt x="0" y="3554"/>
                    <a:pt x="753" y="2349"/>
                  </a:cubicBezTo>
                  <a:cubicBezTo>
                    <a:pt x="1506" y="1145"/>
                    <a:pt x="5071" y="0"/>
                    <a:pt x="5372" y="1351"/>
                  </a:cubicBezTo>
                  <a:cubicBezTo>
                    <a:pt x="5673" y="2699"/>
                    <a:pt x="7281" y="1835"/>
                    <a:pt x="7432" y="3046"/>
                  </a:cubicBezTo>
                  <a:cubicBezTo>
                    <a:pt x="7582" y="4256"/>
                    <a:pt x="7230" y="5210"/>
                    <a:pt x="4821" y="5511"/>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251" name="Google Shape;251;p14"/>
          <p:cNvSpPr/>
          <p:nvPr/>
        </p:nvSpPr>
        <p:spPr>
          <a:xfrm rot="1527805">
            <a:off x="-581888" y="-1199839"/>
            <a:ext cx="3388303" cy="3035944"/>
          </a:xfrm>
          <a:custGeom>
            <a:avLst/>
            <a:gdLst/>
            <a:ahLst/>
            <a:cxnLst/>
            <a:rect l="l" t="t" r="r" b="b"/>
            <a:pathLst>
              <a:path w="19886" h="17818" extrusionOk="0">
                <a:moveTo>
                  <a:pt x="19172" y="427"/>
                </a:moveTo>
                <a:cubicBezTo>
                  <a:pt x="19147" y="442"/>
                  <a:pt x="19129" y="454"/>
                  <a:pt x="19116" y="463"/>
                </a:cubicBezTo>
                <a:lnTo>
                  <a:pt x="19116" y="463"/>
                </a:lnTo>
                <a:cubicBezTo>
                  <a:pt x="19131" y="454"/>
                  <a:pt x="19149" y="442"/>
                  <a:pt x="19172" y="427"/>
                </a:cubicBezTo>
                <a:close/>
                <a:moveTo>
                  <a:pt x="16413" y="2210"/>
                </a:moveTo>
                <a:cubicBezTo>
                  <a:pt x="16408" y="2213"/>
                  <a:pt x="16404" y="2217"/>
                  <a:pt x="16399" y="2220"/>
                </a:cubicBezTo>
                <a:lnTo>
                  <a:pt x="16399" y="2220"/>
                </a:lnTo>
                <a:cubicBezTo>
                  <a:pt x="16404" y="2217"/>
                  <a:pt x="16408" y="2213"/>
                  <a:pt x="16413" y="2210"/>
                </a:cubicBezTo>
                <a:close/>
                <a:moveTo>
                  <a:pt x="15986" y="3494"/>
                </a:moveTo>
                <a:cubicBezTo>
                  <a:pt x="15987" y="3497"/>
                  <a:pt x="15988" y="3501"/>
                  <a:pt x="15989" y="3505"/>
                </a:cubicBezTo>
                <a:cubicBezTo>
                  <a:pt x="15988" y="3500"/>
                  <a:pt x="15987" y="3497"/>
                  <a:pt x="15986" y="3494"/>
                </a:cubicBezTo>
                <a:close/>
                <a:moveTo>
                  <a:pt x="16218" y="4281"/>
                </a:moveTo>
                <a:cubicBezTo>
                  <a:pt x="16218" y="4293"/>
                  <a:pt x="16218" y="4305"/>
                  <a:pt x="16218" y="4318"/>
                </a:cubicBezTo>
                <a:cubicBezTo>
                  <a:pt x="16219" y="4306"/>
                  <a:pt x="16219" y="4293"/>
                  <a:pt x="16218" y="4281"/>
                </a:cubicBezTo>
                <a:close/>
                <a:moveTo>
                  <a:pt x="15622" y="5476"/>
                </a:moveTo>
                <a:cubicBezTo>
                  <a:pt x="15607" y="5488"/>
                  <a:pt x="15586" y="5507"/>
                  <a:pt x="15556" y="5534"/>
                </a:cubicBezTo>
                <a:cubicBezTo>
                  <a:pt x="15582" y="5512"/>
                  <a:pt x="15604" y="5493"/>
                  <a:pt x="15622" y="5476"/>
                </a:cubicBezTo>
                <a:close/>
                <a:moveTo>
                  <a:pt x="15584" y="5481"/>
                </a:moveTo>
                <a:cubicBezTo>
                  <a:pt x="15544" y="5518"/>
                  <a:pt x="15504" y="5553"/>
                  <a:pt x="15462" y="5588"/>
                </a:cubicBezTo>
                <a:lnTo>
                  <a:pt x="15462" y="5588"/>
                </a:lnTo>
                <a:cubicBezTo>
                  <a:pt x="15505" y="5554"/>
                  <a:pt x="15544" y="5518"/>
                  <a:pt x="15584" y="5481"/>
                </a:cubicBezTo>
                <a:close/>
                <a:moveTo>
                  <a:pt x="15095" y="5618"/>
                </a:moveTo>
                <a:cubicBezTo>
                  <a:pt x="15094" y="5618"/>
                  <a:pt x="15093" y="5619"/>
                  <a:pt x="15093" y="5619"/>
                </a:cubicBezTo>
                <a:lnTo>
                  <a:pt x="15093" y="5619"/>
                </a:lnTo>
                <a:cubicBezTo>
                  <a:pt x="15093" y="5619"/>
                  <a:pt x="15094" y="5618"/>
                  <a:pt x="15095" y="5618"/>
                </a:cubicBezTo>
                <a:close/>
                <a:moveTo>
                  <a:pt x="12785" y="6164"/>
                </a:moveTo>
                <a:lnTo>
                  <a:pt x="12785" y="6164"/>
                </a:lnTo>
                <a:cubicBezTo>
                  <a:pt x="12806" y="6165"/>
                  <a:pt x="12827" y="6166"/>
                  <a:pt x="12848" y="6167"/>
                </a:cubicBezTo>
                <a:cubicBezTo>
                  <a:pt x="12825" y="6166"/>
                  <a:pt x="12804" y="6165"/>
                  <a:pt x="12785" y="6164"/>
                </a:cubicBezTo>
                <a:close/>
                <a:moveTo>
                  <a:pt x="4559" y="15307"/>
                </a:moveTo>
                <a:cubicBezTo>
                  <a:pt x="4498" y="15308"/>
                  <a:pt x="4447" y="15310"/>
                  <a:pt x="4430" y="15314"/>
                </a:cubicBezTo>
                <a:cubicBezTo>
                  <a:pt x="4461" y="15316"/>
                  <a:pt x="4492" y="15316"/>
                  <a:pt x="4523" y="15317"/>
                </a:cubicBezTo>
                <a:lnTo>
                  <a:pt x="4523" y="15317"/>
                </a:lnTo>
                <a:cubicBezTo>
                  <a:pt x="4533" y="15313"/>
                  <a:pt x="4545" y="15310"/>
                  <a:pt x="4559" y="15307"/>
                </a:cubicBezTo>
                <a:close/>
                <a:moveTo>
                  <a:pt x="1683" y="15330"/>
                </a:moveTo>
                <a:cubicBezTo>
                  <a:pt x="1683" y="15330"/>
                  <a:pt x="1683" y="15330"/>
                  <a:pt x="1683" y="15331"/>
                </a:cubicBezTo>
                <a:cubicBezTo>
                  <a:pt x="1683" y="15330"/>
                  <a:pt x="1683" y="15330"/>
                  <a:pt x="1683" y="15330"/>
                </a:cubicBezTo>
                <a:close/>
                <a:moveTo>
                  <a:pt x="4593" y="15342"/>
                </a:moveTo>
                <a:lnTo>
                  <a:pt x="4513" y="15351"/>
                </a:lnTo>
                <a:lnTo>
                  <a:pt x="4536" y="15354"/>
                </a:lnTo>
                <a:lnTo>
                  <a:pt x="4536" y="15354"/>
                </a:lnTo>
                <a:cubicBezTo>
                  <a:pt x="4553" y="15351"/>
                  <a:pt x="4577" y="15346"/>
                  <a:pt x="4593" y="15342"/>
                </a:cubicBezTo>
                <a:close/>
                <a:moveTo>
                  <a:pt x="4536" y="15354"/>
                </a:moveTo>
                <a:cubicBezTo>
                  <a:pt x="4518" y="15357"/>
                  <a:pt x="4507" y="15358"/>
                  <a:pt x="4517" y="15358"/>
                </a:cubicBezTo>
                <a:cubicBezTo>
                  <a:pt x="4523" y="15358"/>
                  <a:pt x="4537" y="15358"/>
                  <a:pt x="4562" y="15356"/>
                </a:cubicBezTo>
                <a:lnTo>
                  <a:pt x="4536" y="15354"/>
                </a:lnTo>
                <a:close/>
                <a:moveTo>
                  <a:pt x="612" y="15934"/>
                </a:moveTo>
                <a:lnTo>
                  <a:pt x="615" y="15935"/>
                </a:lnTo>
                <a:cubicBezTo>
                  <a:pt x="614" y="15934"/>
                  <a:pt x="614" y="15934"/>
                  <a:pt x="612" y="15934"/>
                </a:cubicBezTo>
                <a:close/>
                <a:moveTo>
                  <a:pt x="499" y="17545"/>
                </a:moveTo>
                <a:lnTo>
                  <a:pt x="499" y="17545"/>
                </a:lnTo>
                <a:cubicBezTo>
                  <a:pt x="503" y="17551"/>
                  <a:pt x="507" y="17556"/>
                  <a:pt x="511" y="17560"/>
                </a:cubicBezTo>
                <a:lnTo>
                  <a:pt x="511" y="17560"/>
                </a:lnTo>
                <a:cubicBezTo>
                  <a:pt x="507" y="17555"/>
                  <a:pt x="503" y="17550"/>
                  <a:pt x="499" y="17545"/>
                </a:cubicBezTo>
                <a:close/>
                <a:moveTo>
                  <a:pt x="511" y="17560"/>
                </a:moveTo>
                <a:cubicBezTo>
                  <a:pt x="514" y="17565"/>
                  <a:pt x="518" y="17570"/>
                  <a:pt x="522" y="17575"/>
                </a:cubicBezTo>
                <a:lnTo>
                  <a:pt x="522" y="17575"/>
                </a:lnTo>
                <a:cubicBezTo>
                  <a:pt x="519" y="17571"/>
                  <a:pt x="515" y="17566"/>
                  <a:pt x="511" y="17560"/>
                </a:cubicBezTo>
                <a:close/>
                <a:moveTo>
                  <a:pt x="19885" y="0"/>
                </a:moveTo>
                <a:cubicBezTo>
                  <a:pt x="19774" y="42"/>
                  <a:pt x="19552" y="193"/>
                  <a:pt x="19334" y="318"/>
                </a:cubicBezTo>
                <a:cubicBezTo>
                  <a:pt x="19349" y="318"/>
                  <a:pt x="19251" y="390"/>
                  <a:pt x="19266" y="390"/>
                </a:cubicBezTo>
                <a:cubicBezTo>
                  <a:pt x="19272" y="390"/>
                  <a:pt x="19299" y="377"/>
                  <a:pt x="19362" y="341"/>
                </a:cubicBezTo>
                <a:lnTo>
                  <a:pt x="19362" y="341"/>
                </a:lnTo>
                <a:cubicBezTo>
                  <a:pt x="19366" y="352"/>
                  <a:pt x="19241" y="431"/>
                  <a:pt x="19160" y="480"/>
                </a:cubicBezTo>
                <a:cubicBezTo>
                  <a:pt x="19166" y="475"/>
                  <a:pt x="19166" y="474"/>
                  <a:pt x="19163" y="474"/>
                </a:cubicBezTo>
                <a:cubicBezTo>
                  <a:pt x="19153" y="474"/>
                  <a:pt x="19112" y="489"/>
                  <a:pt x="19097" y="489"/>
                </a:cubicBezTo>
                <a:cubicBezTo>
                  <a:pt x="19088" y="489"/>
                  <a:pt x="19089" y="483"/>
                  <a:pt x="19116" y="463"/>
                </a:cubicBezTo>
                <a:lnTo>
                  <a:pt x="19116" y="463"/>
                </a:lnTo>
                <a:cubicBezTo>
                  <a:pt x="19011" y="532"/>
                  <a:pt x="19063" y="491"/>
                  <a:pt x="18882" y="600"/>
                </a:cubicBezTo>
                <a:cubicBezTo>
                  <a:pt x="18884" y="599"/>
                  <a:pt x="18884" y="599"/>
                  <a:pt x="18883" y="599"/>
                </a:cubicBezTo>
                <a:cubicBezTo>
                  <a:pt x="18873" y="599"/>
                  <a:pt x="18569" y="780"/>
                  <a:pt x="18533" y="780"/>
                </a:cubicBezTo>
                <a:cubicBezTo>
                  <a:pt x="18531" y="780"/>
                  <a:pt x="18529" y="779"/>
                  <a:pt x="18530" y="776"/>
                </a:cubicBezTo>
                <a:lnTo>
                  <a:pt x="18530" y="776"/>
                </a:lnTo>
                <a:cubicBezTo>
                  <a:pt x="18468" y="823"/>
                  <a:pt x="18551" y="804"/>
                  <a:pt x="18310" y="945"/>
                </a:cubicBezTo>
                <a:cubicBezTo>
                  <a:pt x="18359" y="932"/>
                  <a:pt x="18515" y="847"/>
                  <a:pt x="18531" y="847"/>
                </a:cubicBezTo>
                <a:cubicBezTo>
                  <a:pt x="18538" y="847"/>
                  <a:pt x="18524" y="859"/>
                  <a:pt x="18477" y="892"/>
                </a:cubicBezTo>
                <a:lnTo>
                  <a:pt x="18588" y="816"/>
                </a:lnTo>
                <a:cubicBezTo>
                  <a:pt x="18640" y="789"/>
                  <a:pt x="18658" y="782"/>
                  <a:pt x="18663" y="782"/>
                </a:cubicBezTo>
                <a:cubicBezTo>
                  <a:pt x="18669" y="782"/>
                  <a:pt x="18658" y="791"/>
                  <a:pt x="18664" y="791"/>
                </a:cubicBezTo>
                <a:cubicBezTo>
                  <a:pt x="18670" y="791"/>
                  <a:pt x="18695" y="781"/>
                  <a:pt x="18776" y="737"/>
                </a:cubicBezTo>
                <a:lnTo>
                  <a:pt x="18776" y="737"/>
                </a:lnTo>
                <a:cubicBezTo>
                  <a:pt x="18711" y="772"/>
                  <a:pt x="18583" y="857"/>
                  <a:pt x="18549" y="862"/>
                </a:cubicBezTo>
                <a:cubicBezTo>
                  <a:pt x="18623" y="862"/>
                  <a:pt x="18229" y="1066"/>
                  <a:pt x="18231" y="1096"/>
                </a:cubicBezTo>
                <a:cubicBezTo>
                  <a:pt x="18178" y="1115"/>
                  <a:pt x="18113" y="1152"/>
                  <a:pt x="17993" y="1223"/>
                </a:cubicBezTo>
                <a:cubicBezTo>
                  <a:pt x="18004" y="1205"/>
                  <a:pt x="17933" y="1235"/>
                  <a:pt x="18023" y="1175"/>
                </a:cubicBezTo>
                <a:cubicBezTo>
                  <a:pt x="18104" y="1133"/>
                  <a:pt x="18157" y="1098"/>
                  <a:pt x="18248" y="1054"/>
                </a:cubicBezTo>
                <a:cubicBezTo>
                  <a:pt x="18247" y="1054"/>
                  <a:pt x="18247" y="1054"/>
                  <a:pt x="18246" y="1054"/>
                </a:cubicBezTo>
                <a:cubicBezTo>
                  <a:pt x="18179" y="1054"/>
                  <a:pt x="17927" y="1226"/>
                  <a:pt x="17724" y="1335"/>
                </a:cubicBezTo>
                <a:cubicBezTo>
                  <a:pt x="17735" y="1330"/>
                  <a:pt x="17743" y="1327"/>
                  <a:pt x="17746" y="1327"/>
                </a:cubicBezTo>
                <a:cubicBezTo>
                  <a:pt x="17751" y="1327"/>
                  <a:pt x="17743" y="1335"/>
                  <a:pt x="17710" y="1358"/>
                </a:cubicBezTo>
                <a:cubicBezTo>
                  <a:pt x="17603" y="1413"/>
                  <a:pt x="17391" y="1528"/>
                  <a:pt x="17370" y="1528"/>
                </a:cubicBezTo>
                <a:cubicBezTo>
                  <a:pt x="17366" y="1528"/>
                  <a:pt x="17368" y="1524"/>
                  <a:pt x="17379" y="1515"/>
                </a:cubicBezTo>
                <a:lnTo>
                  <a:pt x="17379" y="1515"/>
                </a:lnTo>
                <a:lnTo>
                  <a:pt x="16756" y="1879"/>
                </a:lnTo>
                <a:cubicBezTo>
                  <a:pt x="16749" y="1872"/>
                  <a:pt x="16842" y="1823"/>
                  <a:pt x="16879" y="1800"/>
                </a:cubicBezTo>
                <a:lnTo>
                  <a:pt x="16879" y="1800"/>
                </a:lnTo>
                <a:lnTo>
                  <a:pt x="16705" y="1900"/>
                </a:lnTo>
                <a:cubicBezTo>
                  <a:pt x="16647" y="1932"/>
                  <a:pt x="16587" y="1967"/>
                  <a:pt x="16529" y="2004"/>
                </a:cubicBezTo>
                <a:cubicBezTo>
                  <a:pt x="16516" y="2011"/>
                  <a:pt x="16509" y="2014"/>
                  <a:pt x="16506" y="2014"/>
                </a:cubicBezTo>
                <a:cubicBezTo>
                  <a:pt x="16501" y="2014"/>
                  <a:pt x="16525" y="1996"/>
                  <a:pt x="16557" y="1974"/>
                </a:cubicBezTo>
                <a:cubicBezTo>
                  <a:pt x="16603" y="1944"/>
                  <a:pt x="16659" y="1907"/>
                  <a:pt x="16672" y="1891"/>
                </a:cubicBezTo>
                <a:lnTo>
                  <a:pt x="16672" y="1891"/>
                </a:lnTo>
                <a:cubicBezTo>
                  <a:pt x="16589" y="1942"/>
                  <a:pt x="16503" y="1992"/>
                  <a:pt x="16418" y="2050"/>
                </a:cubicBezTo>
                <a:lnTo>
                  <a:pt x="16445" y="2018"/>
                </a:lnTo>
                <a:lnTo>
                  <a:pt x="16445" y="2018"/>
                </a:lnTo>
                <a:cubicBezTo>
                  <a:pt x="16418" y="2041"/>
                  <a:pt x="16327" y="2104"/>
                  <a:pt x="16237" y="2173"/>
                </a:cubicBezTo>
                <a:cubicBezTo>
                  <a:pt x="16149" y="2245"/>
                  <a:pt x="16061" y="2328"/>
                  <a:pt x="16022" y="2358"/>
                </a:cubicBezTo>
                <a:cubicBezTo>
                  <a:pt x="15971" y="2416"/>
                  <a:pt x="15927" y="2481"/>
                  <a:pt x="15892" y="2548"/>
                </a:cubicBezTo>
                <a:cubicBezTo>
                  <a:pt x="15878" y="2576"/>
                  <a:pt x="15866" y="2602"/>
                  <a:pt x="15855" y="2630"/>
                </a:cubicBezTo>
                <a:cubicBezTo>
                  <a:pt x="15845" y="2657"/>
                  <a:pt x="15834" y="2683"/>
                  <a:pt x="15827" y="2711"/>
                </a:cubicBezTo>
                <a:cubicBezTo>
                  <a:pt x="15806" y="2773"/>
                  <a:pt x="15790" y="2838"/>
                  <a:pt x="15778" y="2903"/>
                </a:cubicBezTo>
                <a:cubicBezTo>
                  <a:pt x="15769" y="2947"/>
                  <a:pt x="15764" y="2991"/>
                  <a:pt x="15762" y="3035"/>
                </a:cubicBezTo>
                <a:cubicBezTo>
                  <a:pt x="15755" y="3090"/>
                  <a:pt x="15755" y="3148"/>
                  <a:pt x="15755" y="3204"/>
                </a:cubicBezTo>
                <a:cubicBezTo>
                  <a:pt x="15748" y="3188"/>
                  <a:pt x="15744" y="3169"/>
                  <a:pt x="15746" y="3148"/>
                </a:cubicBezTo>
                <a:cubicBezTo>
                  <a:pt x="15746" y="3134"/>
                  <a:pt x="15744" y="3118"/>
                  <a:pt x="15744" y="3100"/>
                </a:cubicBezTo>
                <a:cubicBezTo>
                  <a:pt x="15741" y="3079"/>
                  <a:pt x="15744" y="3058"/>
                  <a:pt x="15746" y="3037"/>
                </a:cubicBezTo>
                <a:cubicBezTo>
                  <a:pt x="15753" y="2954"/>
                  <a:pt x="15764" y="2870"/>
                  <a:pt x="15785" y="2789"/>
                </a:cubicBezTo>
                <a:lnTo>
                  <a:pt x="15785" y="2789"/>
                </a:lnTo>
                <a:cubicBezTo>
                  <a:pt x="15771" y="2824"/>
                  <a:pt x="15762" y="2861"/>
                  <a:pt x="15755" y="2896"/>
                </a:cubicBezTo>
                <a:cubicBezTo>
                  <a:pt x="15753" y="2919"/>
                  <a:pt x="15748" y="2945"/>
                  <a:pt x="15744" y="2968"/>
                </a:cubicBezTo>
                <a:cubicBezTo>
                  <a:pt x="15739" y="2993"/>
                  <a:pt x="15739" y="3016"/>
                  <a:pt x="15737" y="3042"/>
                </a:cubicBezTo>
                <a:cubicBezTo>
                  <a:pt x="15730" y="3139"/>
                  <a:pt x="15737" y="3227"/>
                  <a:pt x="15730" y="3253"/>
                </a:cubicBezTo>
                <a:cubicBezTo>
                  <a:pt x="15734" y="3290"/>
                  <a:pt x="15741" y="3329"/>
                  <a:pt x="15748" y="3366"/>
                </a:cubicBezTo>
                <a:cubicBezTo>
                  <a:pt x="15753" y="3392"/>
                  <a:pt x="15760" y="3419"/>
                  <a:pt x="15769" y="3445"/>
                </a:cubicBezTo>
                <a:cubicBezTo>
                  <a:pt x="15778" y="3480"/>
                  <a:pt x="15790" y="3512"/>
                  <a:pt x="15806" y="3545"/>
                </a:cubicBezTo>
                <a:cubicBezTo>
                  <a:pt x="15832" y="3591"/>
                  <a:pt x="15852" y="3639"/>
                  <a:pt x="15873" y="3688"/>
                </a:cubicBezTo>
                <a:cubicBezTo>
                  <a:pt x="15897" y="3778"/>
                  <a:pt x="15903" y="3806"/>
                  <a:pt x="15900" y="3806"/>
                </a:cubicBezTo>
                <a:cubicBezTo>
                  <a:pt x="15895" y="3806"/>
                  <a:pt x="15867" y="3730"/>
                  <a:pt x="15864" y="3730"/>
                </a:cubicBezTo>
                <a:cubicBezTo>
                  <a:pt x="15864" y="3730"/>
                  <a:pt x="15864" y="3730"/>
                  <a:pt x="15864" y="3730"/>
                </a:cubicBezTo>
                <a:cubicBezTo>
                  <a:pt x="15880" y="3804"/>
                  <a:pt x="15943" y="3911"/>
                  <a:pt x="15934" y="3978"/>
                </a:cubicBezTo>
                <a:cubicBezTo>
                  <a:pt x="15943" y="4015"/>
                  <a:pt x="15957" y="4049"/>
                  <a:pt x="15975" y="4082"/>
                </a:cubicBezTo>
                <a:cubicBezTo>
                  <a:pt x="15976" y="4083"/>
                  <a:pt x="15977" y="4083"/>
                  <a:pt x="15977" y="4083"/>
                </a:cubicBezTo>
                <a:cubicBezTo>
                  <a:pt x="15982" y="4083"/>
                  <a:pt x="15983" y="4055"/>
                  <a:pt x="15968" y="3980"/>
                </a:cubicBezTo>
                <a:lnTo>
                  <a:pt x="15968" y="3980"/>
                </a:lnTo>
                <a:cubicBezTo>
                  <a:pt x="15984" y="4043"/>
                  <a:pt x="15998" y="4114"/>
                  <a:pt x="16010" y="4177"/>
                </a:cubicBezTo>
                <a:cubicBezTo>
                  <a:pt x="16015" y="4207"/>
                  <a:pt x="16019" y="4235"/>
                  <a:pt x="16024" y="4258"/>
                </a:cubicBezTo>
                <a:cubicBezTo>
                  <a:pt x="16026" y="4277"/>
                  <a:pt x="16028" y="4293"/>
                  <a:pt x="16030" y="4300"/>
                </a:cubicBezTo>
                <a:lnTo>
                  <a:pt x="16030" y="4300"/>
                </a:lnTo>
                <a:cubicBezTo>
                  <a:pt x="16026" y="4286"/>
                  <a:pt x="16023" y="4280"/>
                  <a:pt x="16020" y="4280"/>
                </a:cubicBezTo>
                <a:cubicBezTo>
                  <a:pt x="16016" y="4280"/>
                  <a:pt x="16015" y="4305"/>
                  <a:pt x="16015" y="4337"/>
                </a:cubicBezTo>
                <a:cubicBezTo>
                  <a:pt x="16015" y="4360"/>
                  <a:pt x="16012" y="4385"/>
                  <a:pt x="16008" y="4409"/>
                </a:cubicBezTo>
                <a:cubicBezTo>
                  <a:pt x="16005" y="4429"/>
                  <a:pt x="16001" y="4446"/>
                  <a:pt x="15996" y="4450"/>
                </a:cubicBezTo>
                <a:cubicBezTo>
                  <a:pt x="15980" y="4571"/>
                  <a:pt x="15950" y="4691"/>
                  <a:pt x="15901" y="4805"/>
                </a:cubicBezTo>
                <a:cubicBezTo>
                  <a:pt x="15852" y="4918"/>
                  <a:pt x="15795" y="5027"/>
                  <a:pt x="15732" y="5134"/>
                </a:cubicBezTo>
                <a:lnTo>
                  <a:pt x="15737" y="5076"/>
                </a:lnTo>
                <a:lnTo>
                  <a:pt x="15706" y="5117"/>
                </a:lnTo>
                <a:lnTo>
                  <a:pt x="15674" y="5159"/>
                </a:lnTo>
                <a:cubicBezTo>
                  <a:pt x="15653" y="5189"/>
                  <a:pt x="15628" y="5212"/>
                  <a:pt x="15605" y="5240"/>
                </a:cubicBezTo>
                <a:cubicBezTo>
                  <a:pt x="15585" y="5257"/>
                  <a:pt x="15574" y="5264"/>
                  <a:pt x="15571" y="5264"/>
                </a:cubicBezTo>
                <a:cubicBezTo>
                  <a:pt x="15569" y="5264"/>
                  <a:pt x="15570" y="5262"/>
                  <a:pt x="15572" y="5259"/>
                </a:cubicBezTo>
                <a:cubicBezTo>
                  <a:pt x="15579" y="5249"/>
                  <a:pt x="15598" y="5224"/>
                  <a:pt x="15623" y="5194"/>
                </a:cubicBezTo>
                <a:cubicBezTo>
                  <a:pt x="15676" y="5134"/>
                  <a:pt x="15725" y="5069"/>
                  <a:pt x="15769" y="4999"/>
                </a:cubicBezTo>
                <a:lnTo>
                  <a:pt x="15769" y="4999"/>
                </a:lnTo>
                <a:cubicBezTo>
                  <a:pt x="15700" y="5103"/>
                  <a:pt x="15618" y="5201"/>
                  <a:pt x="15528" y="5286"/>
                </a:cubicBezTo>
                <a:cubicBezTo>
                  <a:pt x="15440" y="5370"/>
                  <a:pt x="15345" y="5446"/>
                  <a:pt x="15243" y="5513"/>
                </a:cubicBezTo>
                <a:cubicBezTo>
                  <a:pt x="15271" y="5497"/>
                  <a:pt x="15282" y="5493"/>
                  <a:pt x="15287" y="5493"/>
                </a:cubicBezTo>
                <a:cubicBezTo>
                  <a:pt x="15291" y="5493"/>
                  <a:pt x="15292" y="5496"/>
                  <a:pt x="15298" y="5496"/>
                </a:cubicBezTo>
                <a:cubicBezTo>
                  <a:pt x="15301" y="5496"/>
                  <a:pt x="15305" y="5495"/>
                  <a:pt x="15313" y="5493"/>
                </a:cubicBezTo>
                <a:lnTo>
                  <a:pt x="15313" y="5493"/>
                </a:lnTo>
                <a:cubicBezTo>
                  <a:pt x="15243" y="5555"/>
                  <a:pt x="15130" y="5615"/>
                  <a:pt x="15046" y="5664"/>
                </a:cubicBezTo>
                <a:cubicBezTo>
                  <a:pt x="15044" y="5664"/>
                  <a:pt x="15042" y="5664"/>
                  <a:pt x="15041" y="5664"/>
                </a:cubicBezTo>
                <a:cubicBezTo>
                  <a:pt x="15025" y="5664"/>
                  <a:pt x="15036" y="5654"/>
                  <a:pt x="15093" y="5619"/>
                </a:cubicBezTo>
                <a:lnTo>
                  <a:pt x="15093" y="5619"/>
                </a:lnTo>
                <a:cubicBezTo>
                  <a:pt x="15040" y="5651"/>
                  <a:pt x="14988" y="5681"/>
                  <a:pt x="14933" y="5706"/>
                </a:cubicBezTo>
                <a:cubicBezTo>
                  <a:pt x="14937" y="5683"/>
                  <a:pt x="14859" y="5722"/>
                  <a:pt x="15016" y="5632"/>
                </a:cubicBezTo>
                <a:lnTo>
                  <a:pt x="15016" y="5632"/>
                </a:lnTo>
                <a:cubicBezTo>
                  <a:pt x="14991" y="5646"/>
                  <a:pt x="14965" y="5659"/>
                  <a:pt x="14942" y="5671"/>
                </a:cubicBezTo>
                <a:cubicBezTo>
                  <a:pt x="14917" y="5683"/>
                  <a:pt x="14891" y="5699"/>
                  <a:pt x="14866" y="5710"/>
                </a:cubicBezTo>
                <a:cubicBezTo>
                  <a:pt x="14817" y="5730"/>
                  <a:pt x="14796" y="5737"/>
                  <a:pt x="14791" y="5737"/>
                </a:cubicBezTo>
                <a:cubicBezTo>
                  <a:pt x="14779" y="5737"/>
                  <a:pt x="14878" y="5687"/>
                  <a:pt x="14905" y="5669"/>
                </a:cubicBezTo>
                <a:lnTo>
                  <a:pt x="14905" y="5669"/>
                </a:lnTo>
                <a:cubicBezTo>
                  <a:pt x="14817" y="5710"/>
                  <a:pt x="14727" y="5745"/>
                  <a:pt x="14632" y="5775"/>
                </a:cubicBezTo>
                <a:cubicBezTo>
                  <a:pt x="14534" y="5819"/>
                  <a:pt x="14697" y="5775"/>
                  <a:pt x="14502" y="5840"/>
                </a:cubicBezTo>
                <a:cubicBezTo>
                  <a:pt x="14356" y="5873"/>
                  <a:pt x="14208" y="5900"/>
                  <a:pt x="14059" y="5917"/>
                </a:cubicBezTo>
                <a:cubicBezTo>
                  <a:pt x="13981" y="5924"/>
                  <a:pt x="13897" y="5928"/>
                  <a:pt x="13814" y="5933"/>
                </a:cubicBezTo>
                <a:cubicBezTo>
                  <a:pt x="13794" y="5934"/>
                  <a:pt x="13774" y="5934"/>
                  <a:pt x="13753" y="5934"/>
                </a:cubicBezTo>
                <a:cubicBezTo>
                  <a:pt x="13733" y="5934"/>
                  <a:pt x="13712" y="5934"/>
                  <a:pt x="13691" y="5935"/>
                </a:cubicBezTo>
                <a:lnTo>
                  <a:pt x="13568" y="5935"/>
                </a:lnTo>
                <a:cubicBezTo>
                  <a:pt x="13645" y="5940"/>
                  <a:pt x="13719" y="5944"/>
                  <a:pt x="13795" y="5949"/>
                </a:cubicBezTo>
                <a:cubicBezTo>
                  <a:pt x="13788" y="5949"/>
                  <a:pt x="13780" y="5949"/>
                  <a:pt x="13773" y="5949"/>
                </a:cubicBezTo>
                <a:cubicBezTo>
                  <a:pt x="13604" y="5949"/>
                  <a:pt x="13638" y="5975"/>
                  <a:pt x="13580" y="5988"/>
                </a:cubicBezTo>
                <a:cubicBezTo>
                  <a:pt x="13399" y="5984"/>
                  <a:pt x="13154" y="5972"/>
                  <a:pt x="13001" y="5951"/>
                </a:cubicBezTo>
                <a:cubicBezTo>
                  <a:pt x="13177" y="5949"/>
                  <a:pt x="13107" y="5926"/>
                  <a:pt x="12943" y="5900"/>
                </a:cubicBezTo>
                <a:cubicBezTo>
                  <a:pt x="12819" y="5889"/>
                  <a:pt x="12747" y="5885"/>
                  <a:pt x="12697" y="5885"/>
                </a:cubicBezTo>
                <a:cubicBezTo>
                  <a:pt x="12615" y="5885"/>
                  <a:pt x="12596" y="5895"/>
                  <a:pt x="12513" y="5895"/>
                </a:cubicBezTo>
                <a:cubicBezTo>
                  <a:pt x="12495" y="5895"/>
                  <a:pt x="12474" y="5894"/>
                  <a:pt x="12450" y="5893"/>
                </a:cubicBezTo>
                <a:cubicBezTo>
                  <a:pt x="12616" y="5873"/>
                  <a:pt x="12185" y="5859"/>
                  <a:pt x="12225" y="5842"/>
                </a:cubicBezTo>
                <a:cubicBezTo>
                  <a:pt x="11991" y="5822"/>
                  <a:pt x="11752" y="5809"/>
                  <a:pt x="11508" y="5809"/>
                </a:cubicBezTo>
                <a:cubicBezTo>
                  <a:pt x="11250" y="5809"/>
                  <a:pt x="10986" y="5824"/>
                  <a:pt x="10719" y="5863"/>
                </a:cubicBezTo>
                <a:cubicBezTo>
                  <a:pt x="10720" y="5864"/>
                  <a:pt x="10723" y="5864"/>
                  <a:pt x="10726" y="5864"/>
                </a:cubicBezTo>
                <a:cubicBezTo>
                  <a:pt x="10740" y="5864"/>
                  <a:pt x="10771" y="5861"/>
                  <a:pt x="10791" y="5861"/>
                </a:cubicBezTo>
                <a:cubicBezTo>
                  <a:pt x="10819" y="5861"/>
                  <a:pt x="10835" y="5861"/>
                  <a:pt x="10789" y="5870"/>
                </a:cubicBezTo>
                <a:cubicBezTo>
                  <a:pt x="10622" y="5899"/>
                  <a:pt x="10531" y="5908"/>
                  <a:pt x="10494" y="5908"/>
                </a:cubicBezTo>
                <a:cubicBezTo>
                  <a:pt x="10490" y="5908"/>
                  <a:pt x="10486" y="5908"/>
                  <a:pt x="10483" y="5907"/>
                </a:cubicBezTo>
                <a:cubicBezTo>
                  <a:pt x="10386" y="5928"/>
                  <a:pt x="10288" y="5956"/>
                  <a:pt x="10196" y="5991"/>
                </a:cubicBezTo>
                <a:cubicBezTo>
                  <a:pt x="10140" y="6009"/>
                  <a:pt x="10087" y="6030"/>
                  <a:pt x="10034" y="6056"/>
                </a:cubicBezTo>
                <a:cubicBezTo>
                  <a:pt x="10092" y="6034"/>
                  <a:pt x="10120" y="6027"/>
                  <a:pt x="10131" y="6027"/>
                </a:cubicBezTo>
                <a:cubicBezTo>
                  <a:pt x="10140" y="6027"/>
                  <a:pt x="10138" y="6031"/>
                  <a:pt x="10131" y="6037"/>
                </a:cubicBezTo>
                <a:cubicBezTo>
                  <a:pt x="10015" y="6076"/>
                  <a:pt x="9971" y="6086"/>
                  <a:pt x="9929" y="6097"/>
                </a:cubicBezTo>
                <a:cubicBezTo>
                  <a:pt x="9908" y="6104"/>
                  <a:pt x="9888" y="6109"/>
                  <a:pt x="9860" y="6120"/>
                </a:cubicBezTo>
                <a:cubicBezTo>
                  <a:pt x="9820" y="6137"/>
                  <a:pt x="9781" y="6153"/>
                  <a:pt x="9744" y="6174"/>
                </a:cubicBezTo>
                <a:cubicBezTo>
                  <a:pt x="9743" y="6174"/>
                  <a:pt x="9742" y="6174"/>
                  <a:pt x="9741" y="6174"/>
                </a:cubicBezTo>
                <a:cubicBezTo>
                  <a:pt x="9716" y="6174"/>
                  <a:pt x="9772" y="6147"/>
                  <a:pt x="9834" y="6120"/>
                </a:cubicBezTo>
                <a:cubicBezTo>
                  <a:pt x="9899" y="6095"/>
                  <a:pt x="9969" y="6065"/>
                  <a:pt x="9955" y="6060"/>
                </a:cubicBezTo>
                <a:lnTo>
                  <a:pt x="9955" y="6060"/>
                </a:lnTo>
                <a:cubicBezTo>
                  <a:pt x="9795" y="6118"/>
                  <a:pt x="9640" y="6190"/>
                  <a:pt x="9491" y="6273"/>
                </a:cubicBezTo>
                <a:cubicBezTo>
                  <a:pt x="9490" y="6273"/>
                  <a:pt x="9489" y="6274"/>
                  <a:pt x="9488" y="6274"/>
                </a:cubicBezTo>
                <a:cubicBezTo>
                  <a:pt x="9469" y="6274"/>
                  <a:pt x="9554" y="6238"/>
                  <a:pt x="9547" y="6238"/>
                </a:cubicBezTo>
                <a:cubicBezTo>
                  <a:pt x="9545" y="6238"/>
                  <a:pt x="9534" y="6241"/>
                  <a:pt x="9508" y="6250"/>
                </a:cubicBezTo>
                <a:cubicBezTo>
                  <a:pt x="9359" y="6327"/>
                  <a:pt x="9200" y="6419"/>
                  <a:pt x="9054" y="6514"/>
                </a:cubicBezTo>
                <a:cubicBezTo>
                  <a:pt x="8908" y="6607"/>
                  <a:pt x="8778" y="6702"/>
                  <a:pt x="8678" y="6776"/>
                </a:cubicBezTo>
                <a:cubicBezTo>
                  <a:pt x="8658" y="6785"/>
                  <a:pt x="8634" y="6794"/>
                  <a:pt x="8614" y="6801"/>
                </a:cubicBezTo>
                <a:cubicBezTo>
                  <a:pt x="8523" y="6869"/>
                  <a:pt x="8435" y="6940"/>
                  <a:pt x="8354" y="7017"/>
                </a:cubicBezTo>
                <a:cubicBezTo>
                  <a:pt x="8333" y="7031"/>
                  <a:pt x="8323" y="7037"/>
                  <a:pt x="8320" y="7037"/>
                </a:cubicBezTo>
                <a:cubicBezTo>
                  <a:pt x="8314" y="7037"/>
                  <a:pt x="8350" y="7003"/>
                  <a:pt x="8396" y="6966"/>
                </a:cubicBezTo>
                <a:lnTo>
                  <a:pt x="8396" y="6966"/>
                </a:lnTo>
                <a:cubicBezTo>
                  <a:pt x="8227" y="7096"/>
                  <a:pt x="8039" y="7276"/>
                  <a:pt x="7951" y="7357"/>
                </a:cubicBezTo>
                <a:cubicBezTo>
                  <a:pt x="7958" y="7339"/>
                  <a:pt x="8041" y="7276"/>
                  <a:pt x="8062" y="7249"/>
                </a:cubicBezTo>
                <a:lnTo>
                  <a:pt x="8062" y="7249"/>
                </a:lnTo>
                <a:cubicBezTo>
                  <a:pt x="7858" y="7420"/>
                  <a:pt x="7638" y="7672"/>
                  <a:pt x="7504" y="7781"/>
                </a:cubicBezTo>
                <a:cubicBezTo>
                  <a:pt x="7518" y="7763"/>
                  <a:pt x="7536" y="7747"/>
                  <a:pt x="7553" y="7728"/>
                </a:cubicBezTo>
                <a:lnTo>
                  <a:pt x="7553" y="7728"/>
                </a:lnTo>
                <a:cubicBezTo>
                  <a:pt x="7275" y="8004"/>
                  <a:pt x="7052" y="8261"/>
                  <a:pt x="6772" y="8576"/>
                </a:cubicBezTo>
                <a:cubicBezTo>
                  <a:pt x="6503" y="8851"/>
                  <a:pt x="6707" y="8685"/>
                  <a:pt x="6457" y="8967"/>
                </a:cubicBezTo>
                <a:cubicBezTo>
                  <a:pt x="6456" y="8966"/>
                  <a:pt x="6455" y="8966"/>
                  <a:pt x="6453" y="8966"/>
                </a:cubicBezTo>
                <a:cubicBezTo>
                  <a:pt x="6429" y="8966"/>
                  <a:pt x="6347" y="9058"/>
                  <a:pt x="6260" y="9171"/>
                </a:cubicBezTo>
                <a:cubicBezTo>
                  <a:pt x="6211" y="9231"/>
                  <a:pt x="6165" y="9301"/>
                  <a:pt x="6123" y="9361"/>
                </a:cubicBezTo>
                <a:cubicBezTo>
                  <a:pt x="6082" y="9424"/>
                  <a:pt x="6047" y="9482"/>
                  <a:pt x="6024" y="9516"/>
                </a:cubicBezTo>
                <a:lnTo>
                  <a:pt x="6056" y="9472"/>
                </a:lnTo>
                <a:lnTo>
                  <a:pt x="6056" y="9472"/>
                </a:lnTo>
                <a:cubicBezTo>
                  <a:pt x="6010" y="9563"/>
                  <a:pt x="5954" y="9667"/>
                  <a:pt x="5910" y="9773"/>
                </a:cubicBezTo>
                <a:cubicBezTo>
                  <a:pt x="5871" y="9864"/>
                  <a:pt x="5838" y="9959"/>
                  <a:pt x="5813" y="10056"/>
                </a:cubicBezTo>
                <a:cubicBezTo>
                  <a:pt x="5799" y="10139"/>
                  <a:pt x="5792" y="10227"/>
                  <a:pt x="5792" y="10313"/>
                </a:cubicBezTo>
                <a:cubicBezTo>
                  <a:pt x="5792" y="10406"/>
                  <a:pt x="5799" y="10498"/>
                  <a:pt x="5813" y="10591"/>
                </a:cubicBezTo>
                <a:cubicBezTo>
                  <a:pt x="5838" y="10758"/>
                  <a:pt x="5873" y="10922"/>
                  <a:pt x="5917" y="11085"/>
                </a:cubicBezTo>
                <a:lnTo>
                  <a:pt x="5899" y="11031"/>
                </a:lnTo>
                <a:lnTo>
                  <a:pt x="5899" y="11031"/>
                </a:lnTo>
                <a:cubicBezTo>
                  <a:pt x="5924" y="11129"/>
                  <a:pt x="5945" y="11226"/>
                  <a:pt x="5959" y="11325"/>
                </a:cubicBezTo>
                <a:cubicBezTo>
                  <a:pt x="5968" y="11369"/>
                  <a:pt x="5975" y="11416"/>
                  <a:pt x="5982" y="11464"/>
                </a:cubicBezTo>
                <a:cubicBezTo>
                  <a:pt x="5991" y="11511"/>
                  <a:pt x="5996" y="11562"/>
                  <a:pt x="6008" y="11617"/>
                </a:cubicBezTo>
                <a:cubicBezTo>
                  <a:pt x="6004" y="11614"/>
                  <a:pt x="5996" y="11577"/>
                  <a:pt x="5994" y="11577"/>
                </a:cubicBezTo>
                <a:cubicBezTo>
                  <a:pt x="5993" y="11577"/>
                  <a:pt x="5993" y="11587"/>
                  <a:pt x="5996" y="11617"/>
                </a:cubicBezTo>
                <a:cubicBezTo>
                  <a:pt x="6024" y="11888"/>
                  <a:pt x="6033" y="12162"/>
                  <a:pt x="6026" y="12435"/>
                </a:cubicBezTo>
                <a:cubicBezTo>
                  <a:pt x="6017" y="12711"/>
                  <a:pt x="5987" y="12984"/>
                  <a:pt x="5938" y="13255"/>
                </a:cubicBezTo>
                <a:cubicBezTo>
                  <a:pt x="5843" y="13797"/>
                  <a:pt x="5665" y="14321"/>
                  <a:pt x="5405" y="14805"/>
                </a:cubicBezTo>
                <a:lnTo>
                  <a:pt x="5340" y="14921"/>
                </a:lnTo>
                <a:lnTo>
                  <a:pt x="5285" y="14930"/>
                </a:lnTo>
                <a:lnTo>
                  <a:pt x="5257" y="14937"/>
                </a:lnTo>
                <a:lnTo>
                  <a:pt x="5208" y="14941"/>
                </a:lnTo>
                <a:lnTo>
                  <a:pt x="5111" y="14955"/>
                </a:lnTo>
                <a:cubicBezTo>
                  <a:pt x="5079" y="14960"/>
                  <a:pt x="5044" y="14962"/>
                  <a:pt x="5011" y="14967"/>
                </a:cubicBezTo>
                <a:cubicBezTo>
                  <a:pt x="4944" y="14974"/>
                  <a:pt x="4877" y="14976"/>
                  <a:pt x="4808" y="14981"/>
                </a:cubicBezTo>
                <a:cubicBezTo>
                  <a:pt x="4719" y="14984"/>
                  <a:pt x="4630" y="14985"/>
                  <a:pt x="4541" y="14985"/>
                </a:cubicBezTo>
                <a:cubicBezTo>
                  <a:pt x="4349" y="14985"/>
                  <a:pt x="4156" y="14978"/>
                  <a:pt x="3964" y="14962"/>
                </a:cubicBezTo>
                <a:cubicBezTo>
                  <a:pt x="3675" y="14944"/>
                  <a:pt x="3381" y="14916"/>
                  <a:pt x="3080" y="14897"/>
                </a:cubicBezTo>
                <a:cubicBezTo>
                  <a:pt x="2957" y="14890"/>
                  <a:pt x="2835" y="14886"/>
                  <a:pt x="2712" y="14886"/>
                </a:cubicBezTo>
                <a:cubicBezTo>
                  <a:pt x="2528" y="14886"/>
                  <a:pt x="2343" y="14895"/>
                  <a:pt x="2160" y="14911"/>
                </a:cubicBezTo>
                <a:cubicBezTo>
                  <a:pt x="1850" y="14941"/>
                  <a:pt x="1544" y="15011"/>
                  <a:pt x="1252" y="15122"/>
                </a:cubicBezTo>
                <a:cubicBezTo>
                  <a:pt x="1180" y="15155"/>
                  <a:pt x="1106" y="15182"/>
                  <a:pt x="1036" y="15219"/>
                </a:cubicBezTo>
                <a:lnTo>
                  <a:pt x="985" y="15247"/>
                </a:lnTo>
                <a:lnTo>
                  <a:pt x="958" y="15261"/>
                </a:lnTo>
                <a:lnTo>
                  <a:pt x="932" y="15277"/>
                </a:lnTo>
                <a:lnTo>
                  <a:pt x="833" y="15338"/>
                </a:lnTo>
                <a:cubicBezTo>
                  <a:pt x="798" y="15358"/>
                  <a:pt x="768" y="15382"/>
                  <a:pt x="735" y="15405"/>
                </a:cubicBezTo>
                <a:lnTo>
                  <a:pt x="687" y="15439"/>
                </a:lnTo>
                <a:cubicBezTo>
                  <a:pt x="670" y="15451"/>
                  <a:pt x="659" y="15465"/>
                  <a:pt x="643" y="15477"/>
                </a:cubicBezTo>
                <a:cubicBezTo>
                  <a:pt x="613" y="15502"/>
                  <a:pt x="582" y="15527"/>
                  <a:pt x="552" y="15553"/>
                </a:cubicBezTo>
                <a:lnTo>
                  <a:pt x="469" y="15636"/>
                </a:lnTo>
                <a:cubicBezTo>
                  <a:pt x="455" y="15650"/>
                  <a:pt x="441" y="15664"/>
                  <a:pt x="427" y="15678"/>
                </a:cubicBezTo>
                <a:lnTo>
                  <a:pt x="388" y="15724"/>
                </a:lnTo>
                <a:cubicBezTo>
                  <a:pt x="376" y="15738"/>
                  <a:pt x="362" y="15755"/>
                  <a:pt x="351" y="15771"/>
                </a:cubicBezTo>
                <a:cubicBezTo>
                  <a:pt x="339" y="15787"/>
                  <a:pt x="328" y="15803"/>
                  <a:pt x="316" y="15819"/>
                </a:cubicBezTo>
                <a:cubicBezTo>
                  <a:pt x="272" y="15884"/>
                  <a:pt x="230" y="15954"/>
                  <a:pt x="196" y="16023"/>
                </a:cubicBezTo>
                <a:cubicBezTo>
                  <a:pt x="131" y="16162"/>
                  <a:pt x="82" y="16310"/>
                  <a:pt x="57" y="16461"/>
                </a:cubicBezTo>
                <a:cubicBezTo>
                  <a:pt x="1" y="16753"/>
                  <a:pt x="26" y="17054"/>
                  <a:pt x="131" y="17334"/>
                </a:cubicBezTo>
                <a:cubicBezTo>
                  <a:pt x="131" y="17334"/>
                  <a:pt x="138" y="17351"/>
                  <a:pt x="154" y="17376"/>
                </a:cubicBezTo>
                <a:cubicBezTo>
                  <a:pt x="161" y="17388"/>
                  <a:pt x="172" y="17404"/>
                  <a:pt x="182" y="17420"/>
                </a:cubicBezTo>
                <a:cubicBezTo>
                  <a:pt x="193" y="17436"/>
                  <a:pt x="207" y="17457"/>
                  <a:pt x="223" y="17476"/>
                </a:cubicBezTo>
                <a:cubicBezTo>
                  <a:pt x="295" y="17571"/>
                  <a:pt x="383" y="17652"/>
                  <a:pt x="483" y="17714"/>
                </a:cubicBezTo>
                <a:cubicBezTo>
                  <a:pt x="569" y="17770"/>
                  <a:pt x="666" y="17805"/>
                  <a:pt x="768" y="17816"/>
                </a:cubicBezTo>
                <a:cubicBezTo>
                  <a:pt x="776" y="17817"/>
                  <a:pt x="784" y="17818"/>
                  <a:pt x="792" y="17818"/>
                </a:cubicBezTo>
                <a:cubicBezTo>
                  <a:pt x="800" y="17818"/>
                  <a:pt x="808" y="17817"/>
                  <a:pt x="816" y="17816"/>
                </a:cubicBezTo>
                <a:cubicBezTo>
                  <a:pt x="826" y="17816"/>
                  <a:pt x="837" y="17814"/>
                  <a:pt x="849" y="17809"/>
                </a:cubicBezTo>
                <a:cubicBezTo>
                  <a:pt x="863" y="17805"/>
                  <a:pt x="865" y="17793"/>
                  <a:pt x="853" y="17777"/>
                </a:cubicBezTo>
                <a:cubicBezTo>
                  <a:pt x="841" y="17772"/>
                  <a:pt x="841" y="17769"/>
                  <a:pt x="846" y="17769"/>
                </a:cubicBezTo>
                <a:cubicBezTo>
                  <a:pt x="848" y="17769"/>
                  <a:pt x="851" y="17769"/>
                  <a:pt x="853" y="17770"/>
                </a:cubicBezTo>
                <a:cubicBezTo>
                  <a:pt x="867" y="17770"/>
                  <a:pt x="884" y="17774"/>
                  <a:pt x="904" y="17779"/>
                </a:cubicBezTo>
                <a:cubicBezTo>
                  <a:pt x="921" y="17783"/>
                  <a:pt x="936" y="17786"/>
                  <a:pt x="941" y="17786"/>
                </a:cubicBezTo>
                <a:cubicBezTo>
                  <a:pt x="948" y="17786"/>
                  <a:pt x="937" y="17780"/>
                  <a:pt x="890" y="17763"/>
                </a:cubicBezTo>
                <a:cubicBezTo>
                  <a:pt x="867" y="17756"/>
                  <a:pt x="844" y="17751"/>
                  <a:pt x="821" y="17744"/>
                </a:cubicBezTo>
                <a:cubicBezTo>
                  <a:pt x="798" y="17737"/>
                  <a:pt x="775" y="17730"/>
                  <a:pt x="752" y="17719"/>
                </a:cubicBezTo>
                <a:lnTo>
                  <a:pt x="752" y="17719"/>
                </a:lnTo>
                <a:cubicBezTo>
                  <a:pt x="753" y="17719"/>
                  <a:pt x="753" y="17719"/>
                  <a:pt x="754" y="17719"/>
                </a:cubicBezTo>
                <a:cubicBezTo>
                  <a:pt x="761" y="17719"/>
                  <a:pt x="753" y="17708"/>
                  <a:pt x="740" y="17696"/>
                </a:cubicBezTo>
                <a:cubicBezTo>
                  <a:pt x="733" y="17686"/>
                  <a:pt x="726" y="17679"/>
                  <a:pt x="719" y="17673"/>
                </a:cubicBezTo>
                <a:cubicBezTo>
                  <a:pt x="714" y="17666"/>
                  <a:pt x="710" y="17661"/>
                  <a:pt x="705" y="17654"/>
                </a:cubicBezTo>
                <a:cubicBezTo>
                  <a:pt x="702" y="17653"/>
                  <a:pt x="700" y="17653"/>
                  <a:pt x="698" y="17653"/>
                </a:cubicBezTo>
                <a:cubicBezTo>
                  <a:pt x="692" y="17653"/>
                  <a:pt x="693" y="17658"/>
                  <a:pt x="698" y="17666"/>
                </a:cubicBezTo>
                <a:cubicBezTo>
                  <a:pt x="703" y="17670"/>
                  <a:pt x="707" y="17677"/>
                  <a:pt x="714" y="17684"/>
                </a:cubicBezTo>
                <a:lnTo>
                  <a:pt x="731" y="17703"/>
                </a:lnTo>
                <a:cubicBezTo>
                  <a:pt x="744" y="17718"/>
                  <a:pt x="755" y="17730"/>
                  <a:pt x="744" y="17730"/>
                </a:cubicBezTo>
                <a:cubicBezTo>
                  <a:pt x="736" y="17730"/>
                  <a:pt x="718" y="17725"/>
                  <a:pt x="684" y="17710"/>
                </a:cubicBezTo>
                <a:cubicBezTo>
                  <a:pt x="670" y="17705"/>
                  <a:pt x="657" y="17696"/>
                  <a:pt x="643" y="17689"/>
                </a:cubicBezTo>
                <a:cubicBezTo>
                  <a:pt x="624" y="17675"/>
                  <a:pt x="608" y="17661"/>
                  <a:pt x="589" y="17647"/>
                </a:cubicBezTo>
                <a:cubicBezTo>
                  <a:pt x="571" y="17631"/>
                  <a:pt x="555" y="17612"/>
                  <a:pt x="538" y="17594"/>
                </a:cubicBezTo>
                <a:cubicBezTo>
                  <a:pt x="532" y="17588"/>
                  <a:pt x="527" y="17582"/>
                  <a:pt x="522" y="17575"/>
                </a:cubicBezTo>
                <a:lnTo>
                  <a:pt x="522" y="17575"/>
                </a:lnTo>
                <a:cubicBezTo>
                  <a:pt x="536" y="17594"/>
                  <a:pt x="540" y="17601"/>
                  <a:pt x="537" y="17601"/>
                </a:cubicBezTo>
                <a:cubicBezTo>
                  <a:pt x="535" y="17601"/>
                  <a:pt x="530" y="17597"/>
                  <a:pt x="522" y="17591"/>
                </a:cubicBezTo>
                <a:cubicBezTo>
                  <a:pt x="511" y="17582"/>
                  <a:pt x="497" y="17566"/>
                  <a:pt x="480" y="17552"/>
                </a:cubicBezTo>
                <a:lnTo>
                  <a:pt x="439" y="17506"/>
                </a:lnTo>
                <a:cubicBezTo>
                  <a:pt x="427" y="17485"/>
                  <a:pt x="413" y="17459"/>
                  <a:pt x="399" y="17434"/>
                </a:cubicBezTo>
                <a:cubicBezTo>
                  <a:pt x="383" y="17408"/>
                  <a:pt x="369" y="17381"/>
                  <a:pt x="360" y="17353"/>
                </a:cubicBezTo>
                <a:cubicBezTo>
                  <a:pt x="355" y="17339"/>
                  <a:pt x="348" y="17327"/>
                  <a:pt x="344" y="17313"/>
                </a:cubicBezTo>
                <a:cubicBezTo>
                  <a:pt x="339" y="17302"/>
                  <a:pt x="337" y="17290"/>
                  <a:pt x="332" y="17279"/>
                </a:cubicBezTo>
                <a:cubicBezTo>
                  <a:pt x="325" y="17263"/>
                  <a:pt x="323" y="17244"/>
                  <a:pt x="321" y="17228"/>
                </a:cubicBezTo>
                <a:cubicBezTo>
                  <a:pt x="311" y="17209"/>
                  <a:pt x="304" y="17191"/>
                  <a:pt x="300" y="17172"/>
                </a:cubicBezTo>
                <a:cubicBezTo>
                  <a:pt x="291" y="17144"/>
                  <a:pt x="284" y="17117"/>
                  <a:pt x="279" y="17086"/>
                </a:cubicBezTo>
                <a:lnTo>
                  <a:pt x="284" y="17082"/>
                </a:lnTo>
                <a:cubicBezTo>
                  <a:pt x="275" y="17050"/>
                  <a:pt x="272" y="17038"/>
                  <a:pt x="271" y="17038"/>
                </a:cubicBezTo>
                <a:lnTo>
                  <a:pt x="271" y="17038"/>
                </a:lnTo>
                <a:cubicBezTo>
                  <a:pt x="268" y="17038"/>
                  <a:pt x="279" y="17097"/>
                  <a:pt x="275" y="17097"/>
                </a:cubicBezTo>
                <a:cubicBezTo>
                  <a:pt x="274" y="17097"/>
                  <a:pt x="273" y="17096"/>
                  <a:pt x="272" y="17093"/>
                </a:cubicBezTo>
                <a:cubicBezTo>
                  <a:pt x="252" y="17011"/>
                  <a:pt x="249" y="16881"/>
                  <a:pt x="253" y="16745"/>
                </a:cubicBezTo>
                <a:lnTo>
                  <a:pt x="253" y="16745"/>
                </a:lnTo>
                <a:cubicBezTo>
                  <a:pt x="250" y="16860"/>
                  <a:pt x="267" y="16973"/>
                  <a:pt x="300" y="17084"/>
                </a:cubicBezTo>
                <a:cubicBezTo>
                  <a:pt x="291" y="17052"/>
                  <a:pt x="288" y="17017"/>
                  <a:pt x="293" y="16985"/>
                </a:cubicBezTo>
                <a:cubicBezTo>
                  <a:pt x="293" y="16983"/>
                  <a:pt x="294" y="16983"/>
                  <a:pt x="294" y="16983"/>
                </a:cubicBezTo>
                <a:cubicBezTo>
                  <a:pt x="298" y="16983"/>
                  <a:pt x="303" y="16996"/>
                  <a:pt x="309" y="17017"/>
                </a:cubicBezTo>
                <a:cubicBezTo>
                  <a:pt x="318" y="17040"/>
                  <a:pt x="330" y="17073"/>
                  <a:pt x="341" y="17103"/>
                </a:cubicBezTo>
                <a:cubicBezTo>
                  <a:pt x="348" y="17126"/>
                  <a:pt x="360" y="17149"/>
                  <a:pt x="372" y="17170"/>
                </a:cubicBezTo>
                <a:cubicBezTo>
                  <a:pt x="348" y="17096"/>
                  <a:pt x="328" y="17022"/>
                  <a:pt x="314" y="16947"/>
                </a:cubicBezTo>
                <a:cubicBezTo>
                  <a:pt x="300" y="16878"/>
                  <a:pt x="293" y="16808"/>
                  <a:pt x="291" y="16739"/>
                </a:cubicBezTo>
                <a:cubicBezTo>
                  <a:pt x="298" y="16679"/>
                  <a:pt x="305" y="16657"/>
                  <a:pt x="312" y="16657"/>
                </a:cubicBezTo>
                <a:cubicBezTo>
                  <a:pt x="316" y="16657"/>
                  <a:pt x="320" y="16666"/>
                  <a:pt x="323" y="16681"/>
                </a:cubicBezTo>
                <a:cubicBezTo>
                  <a:pt x="328" y="16704"/>
                  <a:pt x="330" y="16725"/>
                  <a:pt x="332" y="16748"/>
                </a:cubicBezTo>
                <a:cubicBezTo>
                  <a:pt x="337" y="16767"/>
                  <a:pt x="337" y="16788"/>
                  <a:pt x="339" y="16806"/>
                </a:cubicBezTo>
                <a:cubicBezTo>
                  <a:pt x="328" y="16651"/>
                  <a:pt x="339" y="16493"/>
                  <a:pt x="372" y="16341"/>
                </a:cubicBezTo>
                <a:lnTo>
                  <a:pt x="372" y="16341"/>
                </a:lnTo>
                <a:cubicBezTo>
                  <a:pt x="369" y="16368"/>
                  <a:pt x="367" y="16394"/>
                  <a:pt x="367" y="16419"/>
                </a:cubicBezTo>
                <a:cubicBezTo>
                  <a:pt x="365" y="16436"/>
                  <a:pt x="365" y="16452"/>
                  <a:pt x="367" y="16466"/>
                </a:cubicBezTo>
                <a:cubicBezTo>
                  <a:pt x="369" y="16493"/>
                  <a:pt x="369" y="16519"/>
                  <a:pt x="369" y="16579"/>
                </a:cubicBezTo>
                <a:cubicBezTo>
                  <a:pt x="379" y="16544"/>
                  <a:pt x="386" y="16517"/>
                  <a:pt x="392" y="16493"/>
                </a:cubicBezTo>
                <a:cubicBezTo>
                  <a:pt x="397" y="16470"/>
                  <a:pt x="399" y="16452"/>
                  <a:pt x="402" y="16436"/>
                </a:cubicBezTo>
                <a:cubicBezTo>
                  <a:pt x="406" y="16419"/>
                  <a:pt x="406" y="16405"/>
                  <a:pt x="406" y="16389"/>
                </a:cubicBezTo>
                <a:cubicBezTo>
                  <a:pt x="406" y="16375"/>
                  <a:pt x="411" y="16361"/>
                  <a:pt x="413" y="16345"/>
                </a:cubicBezTo>
                <a:lnTo>
                  <a:pt x="413" y="16345"/>
                </a:lnTo>
                <a:cubicBezTo>
                  <a:pt x="404" y="16382"/>
                  <a:pt x="392" y="16419"/>
                  <a:pt x="381" y="16454"/>
                </a:cubicBezTo>
                <a:cubicBezTo>
                  <a:pt x="427" y="16292"/>
                  <a:pt x="386" y="16310"/>
                  <a:pt x="402" y="16218"/>
                </a:cubicBezTo>
                <a:cubicBezTo>
                  <a:pt x="436" y="16148"/>
                  <a:pt x="478" y="16081"/>
                  <a:pt x="524" y="16021"/>
                </a:cubicBezTo>
                <a:cubicBezTo>
                  <a:pt x="536" y="16005"/>
                  <a:pt x="545" y="15991"/>
                  <a:pt x="557" y="15979"/>
                </a:cubicBezTo>
                <a:cubicBezTo>
                  <a:pt x="566" y="15970"/>
                  <a:pt x="575" y="15958"/>
                  <a:pt x="585" y="15951"/>
                </a:cubicBezTo>
                <a:cubicBezTo>
                  <a:pt x="597" y="15939"/>
                  <a:pt x="607" y="15933"/>
                  <a:pt x="612" y="15933"/>
                </a:cubicBezTo>
                <a:cubicBezTo>
                  <a:pt x="612" y="15933"/>
                  <a:pt x="612" y="15933"/>
                  <a:pt x="612" y="15934"/>
                </a:cubicBezTo>
                <a:lnTo>
                  <a:pt x="612" y="15934"/>
                </a:lnTo>
                <a:lnTo>
                  <a:pt x="594" y="15921"/>
                </a:lnTo>
                <a:cubicBezTo>
                  <a:pt x="608" y="15900"/>
                  <a:pt x="624" y="15882"/>
                  <a:pt x="643" y="15866"/>
                </a:cubicBezTo>
                <a:cubicBezTo>
                  <a:pt x="654" y="15856"/>
                  <a:pt x="659" y="15852"/>
                  <a:pt x="661" y="15852"/>
                </a:cubicBezTo>
                <a:cubicBezTo>
                  <a:pt x="665" y="15854"/>
                  <a:pt x="664" y="15863"/>
                  <a:pt x="670" y="15863"/>
                </a:cubicBezTo>
                <a:cubicBezTo>
                  <a:pt x="671" y="15863"/>
                  <a:pt x="673" y="15862"/>
                  <a:pt x="675" y="15861"/>
                </a:cubicBezTo>
                <a:cubicBezTo>
                  <a:pt x="689" y="15836"/>
                  <a:pt x="680" y="15831"/>
                  <a:pt x="689" y="15810"/>
                </a:cubicBezTo>
                <a:cubicBezTo>
                  <a:pt x="698" y="15792"/>
                  <a:pt x="707" y="15775"/>
                  <a:pt x="721" y="15759"/>
                </a:cubicBezTo>
                <a:cubicBezTo>
                  <a:pt x="754" y="15724"/>
                  <a:pt x="789" y="15692"/>
                  <a:pt x="826" y="15662"/>
                </a:cubicBezTo>
                <a:lnTo>
                  <a:pt x="826" y="15662"/>
                </a:lnTo>
                <a:cubicBezTo>
                  <a:pt x="825" y="15668"/>
                  <a:pt x="826" y="15671"/>
                  <a:pt x="830" y="15671"/>
                </a:cubicBezTo>
                <a:cubicBezTo>
                  <a:pt x="834" y="15671"/>
                  <a:pt x="841" y="15668"/>
                  <a:pt x="851" y="15662"/>
                </a:cubicBezTo>
                <a:cubicBezTo>
                  <a:pt x="874" y="15650"/>
                  <a:pt x="897" y="15634"/>
                  <a:pt x="918" y="15618"/>
                </a:cubicBezTo>
                <a:cubicBezTo>
                  <a:pt x="957" y="15588"/>
                  <a:pt x="1004" y="15561"/>
                  <a:pt x="1023" y="15561"/>
                </a:cubicBezTo>
                <a:cubicBezTo>
                  <a:pt x="1028" y="15561"/>
                  <a:pt x="1031" y="15563"/>
                  <a:pt x="1032" y="15567"/>
                </a:cubicBezTo>
                <a:cubicBezTo>
                  <a:pt x="1057" y="15551"/>
                  <a:pt x="1080" y="15534"/>
                  <a:pt x="1099" y="15521"/>
                </a:cubicBezTo>
                <a:lnTo>
                  <a:pt x="1157" y="15483"/>
                </a:lnTo>
                <a:cubicBezTo>
                  <a:pt x="1175" y="15472"/>
                  <a:pt x="1196" y="15458"/>
                  <a:pt x="1217" y="15446"/>
                </a:cubicBezTo>
                <a:cubicBezTo>
                  <a:pt x="1243" y="15433"/>
                  <a:pt x="1268" y="15421"/>
                  <a:pt x="1294" y="15412"/>
                </a:cubicBezTo>
                <a:cubicBezTo>
                  <a:pt x="1308" y="15408"/>
                  <a:pt x="1318" y="15406"/>
                  <a:pt x="1324" y="15406"/>
                </a:cubicBezTo>
                <a:cubicBezTo>
                  <a:pt x="1346" y="15406"/>
                  <a:pt x="1310" y="15431"/>
                  <a:pt x="1259" y="15463"/>
                </a:cubicBezTo>
                <a:cubicBezTo>
                  <a:pt x="1226" y="15479"/>
                  <a:pt x="1189" y="15504"/>
                  <a:pt x="1155" y="15523"/>
                </a:cubicBezTo>
                <a:cubicBezTo>
                  <a:pt x="1138" y="15534"/>
                  <a:pt x="1122" y="15541"/>
                  <a:pt x="1108" y="15551"/>
                </a:cubicBezTo>
                <a:cubicBezTo>
                  <a:pt x="1097" y="15558"/>
                  <a:pt x="1087" y="15562"/>
                  <a:pt x="1076" y="15569"/>
                </a:cubicBezTo>
                <a:cubicBezTo>
                  <a:pt x="1032" y="15596"/>
                  <a:pt x="1015" y="15604"/>
                  <a:pt x="1011" y="15604"/>
                </a:cubicBezTo>
                <a:cubicBezTo>
                  <a:pt x="1003" y="15604"/>
                  <a:pt x="1045" y="15572"/>
                  <a:pt x="1040" y="15572"/>
                </a:cubicBezTo>
                <a:cubicBezTo>
                  <a:pt x="1039" y="15572"/>
                  <a:pt x="1035" y="15574"/>
                  <a:pt x="1027" y="15578"/>
                </a:cubicBezTo>
                <a:cubicBezTo>
                  <a:pt x="981" y="15609"/>
                  <a:pt x="939" y="15646"/>
                  <a:pt x="895" y="15680"/>
                </a:cubicBezTo>
                <a:cubicBezTo>
                  <a:pt x="964" y="15636"/>
                  <a:pt x="1093" y="15569"/>
                  <a:pt x="1118" y="15569"/>
                </a:cubicBezTo>
                <a:cubicBezTo>
                  <a:pt x="1122" y="15569"/>
                  <a:pt x="1124" y="15570"/>
                  <a:pt x="1122" y="15574"/>
                </a:cubicBezTo>
                <a:cubicBezTo>
                  <a:pt x="1161" y="15551"/>
                  <a:pt x="1170" y="15544"/>
                  <a:pt x="1164" y="15544"/>
                </a:cubicBezTo>
                <a:cubicBezTo>
                  <a:pt x="1159" y="15544"/>
                  <a:pt x="1145" y="15549"/>
                  <a:pt x="1131" y="15553"/>
                </a:cubicBezTo>
                <a:cubicBezTo>
                  <a:pt x="1119" y="15557"/>
                  <a:pt x="1107" y="15563"/>
                  <a:pt x="1103" y="15563"/>
                </a:cubicBezTo>
                <a:cubicBezTo>
                  <a:pt x="1102" y="15563"/>
                  <a:pt x="1102" y="15563"/>
                  <a:pt x="1101" y="15562"/>
                </a:cubicBezTo>
                <a:cubicBezTo>
                  <a:pt x="1099" y="15560"/>
                  <a:pt x="1113" y="15551"/>
                  <a:pt x="1152" y="15527"/>
                </a:cubicBezTo>
                <a:cubicBezTo>
                  <a:pt x="1187" y="15514"/>
                  <a:pt x="1222" y="15497"/>
                  <a:pt x="1256" y="15486"/>
                </a:cubicBezTo>
                <a:cubicBezTo>
                  <a:pt x="1340" y="15446"/>
                  <a:pt x="1328" y="15442"/>
                  <a:pt x="1324" y="15437"/>
                </a:cubicBezTo>
                <a:cubicBezTo>
                  <a:pt x="1319" y="15433"/>
                  <a:pt x="1319" y="15433"/>
                  <a:pt x="1333" y="15423"/>
                </a:cubicBezTo>
                <a:cubicBezTo>
                  <a:pt x="1340" y="15419"/>
                  <a:pt x="1351" y="15414"/>
                  <a:pt x="1368" y="15407"/>
                </a:cubicBezTo>
                <a:cubicBezTo>
                  <a:pt x="1384" y="15398"/>
                  <a:pt x="1405" y="15391"/>
                  <a:pt x="1433" y="15379"/>
                </a:cubicBezTo>
                <a:lnTo>
                  <a:pt x="1433" y="15379"/>
                </a:lnTo>
                <a:cubicBezTo>
                  <a:pt x="1405" y="15393"/>
                  <a:pt x="1396" y="15398"/>
                  <a:pt x="1400" y="15398"/>
                </a:cubicBezTo>
                <a:cubicBezTo>
                  <a:pt x="1407" y="15398"/>
                  <a:pt x="1451" y="15383"/>
                  <a:pt x="1502" y="15365"/>
                </a:cubicBezTo>
                <a:cubicBezTo>
                  <a:pt x="1565" y="15344"/>
                  <a:pt x="1639" y="15325"/>
                  <a:pt x="1669" y="15325"/>
                </a:cubicBezTo>
                <a:cubicBezTo>
                  <a:pt x="1678" y="15325"/>
                  <a:pt x="1683" y="15327"/>
                  <a:pt x="1683" y="15330"/>
                </a:cubicBezTo>
                <a:lnTo>
                  <a:pt x="1683" y="15330"/>
                </a:lnTo>
                <a:cubicBezTo>
                  <a:pt x="1685" y="15314"/>
                  <a:pt x="1791" y="15284"/>
                  <a:pt x="1905" y="15266"/>
                </a:cubicBezTo>
                <a:cubicBezTo>
                  <a:pt x="2021" y="15245"/>
                  <a:pt x="2141" y="15229"/>
                  <a:pt x="2167" y="15215"/>
                </a:cubicBezTo>
                <a:lnTo>
                  <a:pt x="2167" y="15215"/>
                </a:lnTo>
                <a:lnTo>
                  <a:pt x="2100" y="15217"/>
                </a:lnTo>
                <a:lnTo>
                  <a:pt x="2035" y="15224"/>
                </a:lnTo>
                <a:lnTo>
                  <a:pt x="2065" y="15233"/>
                </a:lnTo>
                <a:lnTo>
                  <a:pt x="1963" y="15250"/>
                </a:lnTo>
                <a:cubicBezTo>
                  <a:pt x="1928" y="15256"/>
                  <a:pt x="1896" y="15263"/>
                  <a:pt x="1863" y="15270"/>
                </a:cubicBezTo>
                <a:cubicBezTo>
                  <a:pt x="1799" y="15284"/>
                  <a:pt x="1736" y="15300"/>
                  <a:pt x="1662" y="15314"/>
                </a:cubicBezTo>
                <a:cubicBezTo>
                  <a:pt x="1771" y="15277"/>
                  <a:pt x="1616" y="15298"/>
                  <a:pt x="1745" y="15256"/>
                </a:cubicBezTo>
                <a:cubicBezTo>
                  <a:pt x="1782" y="15245"/>
                  <a:pt x="1822" y="15236"/>
                  <a:pt x="1861" y="15229"/>
                </a:cubicBezTo>
                <a:cubicBezTo>
                  <a:pt x="1866" y="15228"/>
                  <a:pt x="1870" y="15228"/>
                  <a:pt x="1873" y="15228"/>
                </a:cubicBezTo>
                <a:cubicBezTo>
                  <a:pt x="1880" y="15228"/>
                  <a:pt x="1881" y="15230"/>
                  <a:pt x="1877" y="15233"/>
                </a:cubicBezTo>
                <a:cubicBezTo>
                  <a:pt x="1873" y="15235"/>
                  <a:pt x="1837" y="15254"/>
                  <a:pt x="1849" y="15254"/>
                </a:cubicBezTo>
                <a:cubicBezTo>
                  <a:pt x="1850" y="15254"/>
                  <a:pt x="1851" y="15254"/>
                  <a:pt x="1852" y="15254"/>
                </a:cubicBezTo>
                <a:lnTo>
                  <a:pt x="1949" y="15226"/>
                </a:lnTo>
                <a:lnTo>
                  <a:pt x="2051" y="15203"/>
                </a:lnTo>
                <a:lnTo>
                  <a:pt x="2051" y="15203"/>
                </a:lnTo>
                <a:cubicBezTo>
                  <a:pt x="2005" y="15206"/>
                  <a:pt x="1956" y="15206"/>
                  <a:pt x="1910" y="15210"/>
                </a:cubicBezTo>
                <a:cubicBezTo>
                  <a:pt x="2107" y="15171"/>
                  <a:pt x="2308" y="15150"/>
                  <a:pt x="2510" y="15145"/>
                </a:cubicBezTo>
                <a:cubicBezTo>
                  <a:pt x="2556" y="15145"/>
                  <a:pt x="2602" y="15150"/>
                  <a:pt x="2646" y="15155"/>
                </a:cubicBezTo>
                <a:cubicBezTo>
                  <a:pt x="2663" y="15157"/>
                  <a:pt x="2656" y="15159"/>
                  <a:pt x="2644" y="15161"/>
                </a:cubicBezTo>
                <a:cubicBezTo>
                  <a:pt x="2621" y="15166"/>
                  <a:pt x="2588" y="15171"/>
                  <a:pt x="2707" y="15180"/>
                </a:cubicBezTo>
                <a:cubicBezTo>
                  <a:pt x="2760" y="15175"/>
                  <a:pt x="2778" y="15173"/>
                  <a:pt x="2804" y="15171"/>
                </a:cubicBezTo>
                <a:cubicBezTo>
                  <a:pt x="2826" y="15170"/>
                  <a:pt x="2848" y="15169"/>
                  <a:pt x="2870" y="15169"/>
                </a:cubicBezTo>
                <a:cubicBezTo>
                  <a:pt x="2892" y="15169"/>
                  <a:pt x="2914" y="15170"/>
                  <a:pt x="2936" y="15171"/>
                </a:cubicBezTo>
                <a:cubicBezTo>
                  <a:pt x="2908" y="15166"/>
                  <a:pt x="2882" y="15164"/>
                  <a:pt x="2858" y="15164"/>
                </a:cubicBezTo>
                <a:cubicBezTo>
                  <a:pt x="2818" y="15164"/>
                  <a:pt x="2783" y="15169"/>
                  <a:pt x="2750" y="15169"/>
                </a:cubicBezTo>
                <a:cubicBezTo>
                  <a:pt x="2746" y="15169"/>
                  <a:pt x="2741" y="15169"/>
                  <a:pt x="2737" y="15168"/>
                </a:cubicBezTo>
                <a:cubicBezTo>
                  <a:pt x="2700" y="15157"/>
                  <a:pt x="2767" y="15157"/>
                  <a:pt x="2841" y="15157"/>
                </a:cubicBezTo>
                <a:cubicBezTo>
                  <a:pt x="2917" y="15155"/>
                  <a:pt x="2998" y="15157"/>
                  <a:pt x="2992" y="15148"/>
                </a:cubicBezTo>
                <a:lnTo>
                  <a:pt x="2992" y="15148"/>
                </a:lnTo>
                <a:cubicBezTo>
                  <a:pt x="3054" y="15157"/>
                  <a:pt x="3040" y="15166"/>
                  <a:pt x="2992" y="15171"/>
                </a:cubicBezTo>
                <a:cubicBezTo>
                  <a:pt x="3246" y="15175"/>
                  <a:pt x="3494" y="15201"/>
                  <a:pt x="3589" y="15233"/>
                </a:cubicBezTo>
                <a:lnTo>
                  <a:pt x="3700" y="15215"/>
                </a:lnTo>
                <a:lnTo>
                  <a:pt x="3700" y="15215"/>
                </a:lnTo>
                <a:cubicBezTo>
                  <a:pt x="4143" y="15256"/>
                  <a:pt x="3397" y="15215"/>
                  <a:pt x="3768" y="15259"/>
                </a:cubicBezTo>
                <a:cubicBezTo>
                  <a:pt x="3862" y="15271"/>
                  <a:pt x="3957" y="15277"/>
                  <a:pt x="4052" y="15277"/>
                </a:cubicBezTo>
                <a:cubicBezTo>
                  <a:pt x="4082" y="15277"/>
                  <a:pt x="4112" y="15276"/>
                  <a:pt x="4143" y="15275"/>
                </a:cubicBezTo>
                <a:lnTo>
                  <a:pt x="4008" y="15266"/>
                </a:lnTo>
                <a:cubicBezTo>
                  <a:pt x="4094" y="15254"/>
                  <a:pt x="4182" y="15247"/>
                  <a:pt x="4268" y="15247"/>
                </a:cubicBezTo>
                <a:cubicBezTo>
                  <a:pt x="4352" y="15252"/>
                  <a:pt x="4343" y="15261"/>
                  <a:pt x="4386" y="15261"/>
                </a:cubicBezTo>
                <a:cubicBezTo>
                  <a:pt x="4402" y="15261"/>
                  <a:pt x="4426" y="15260"/>
                  <a:pt x="4465" y="15256"/>
                </a:cubicBezTo>
                <a:cubicBezTo>
                  <a:pt x="4762" y="15268"/>
                  <a:pt x="4643" y="15287"/>
                  <a:pt x="4559" y="15307"/>
                </a:cubicBezTo>
                <a:lnTo>
                  <a:pt x="4559" y="15307"/>
                </a:lnTo>
                <a:cubicBezTo>
                  <a:pt x="4589" y="15306"/>
                  <a:pt x="4622" y="15306"/>
                  <a:pt x="4655" y="15305"/>
                </a:cubicBezTo>
                <a:cubicBezTo>
                  <a:pt x="4752" y="15303"/>
                  <a:pt x="4849" y="15296"/>
                  <a:pt x="4866" y="15284"/>
                </a:cubicBezTo>
                <a:lnTo>
                  <a:pt x="4866" y="15284"/>
                </a:lnTo>
                <a:cubicBezTo>
                  <a:pt x="4867" y="15291"/>
                  <a:pt x="4849" y="15305"/>
                  <a:pt x="4780" y="15314"/>
                </a:cubicBezTo>
                <a:lnTo>
                  <a:pt x="4780" y="15314"/>
                </a:lnTo>
                <a:cubicBezTo>
                  <a:pt x="4735" y="15310"/>
                  <a:pt x="4703" y="15308"/>
                  <a:pt x="4680" y="15308"/>
                </a:cubicBezTo>
                <a:cubicBezTo>
                  <a:pt x="4642" y="15308"/>
                  <a:pt x="4631" y="15312"/>
                  <a:pt x="4627" y="15317"/>
                </a:cubicBezTo>
                <a:cubicBezTo>
                  <a:pt x="4624" y="15321"/>
                  <a:pt x="4627" y="15325"/>
                  <a:pt x="4620" y="15325"/>
                </a:cubicBezTo>
                <a:cubicBezTo>
                  <a:pt x="4615" y="15325"/>
                  <a:pt x="4604" y="15323"/>
                  <a:pt x="4583" y="15317"/>
                </a:cubicBezTo>
                <a:cubicBezTo>
                  <a:pt x="4563" y="15317"/>
                  <a:pt x="4543" y="15317"/>
                  <a:pt x="4523" y="15317"/>
                </a:cubicBezTo>
                <a:lnTo>
                  <a:pt x="4523" y="15317"/>
                </a:lnTo>
                <a:cubicBezTo>
                  <a:pt x="4520" y="15317"/>
                  <a:pt x="4518" y="15318"/>
                  <a:pt x="4516" y="15319"/>
                </a:cubicBezTo>
                <a:cubicBezTo>
                  <a:pt x="4625" y="15325"/>
                  <a:pt x="4622" y="15334"/>
                  <a:pt x="4593" y="15342"/>
                </a:cubicBezTo>
                <a:lnTo>
                  <a:pt x="4593" y="15342"/>
                </a:lnTo>
                <a:lnTo>
                  <a:pt x="4650" y="15335"/>
                </a:lnTo>
                <a:lnTo>
                  <a:pt x="4694" y="15329"/>
                </a:lnTo>
                <a:lnTo>
                  <a:pt x="4694" y="15329"/>
                </a:lnTo>
                <a:lnTo>
                  <a:pt x="4768" y="15351"/>
                </a:lnTo>
                <a:cubicBezTo>
                  <a:pt x="4845" y="15351"/>
                  <a:pt x="4899" y="15332"/>
                  <a:pt x="4946" y="15332"/>
                </a:cubicBezTo>
                <a:cubicBezTo>
                  <a:pt x="4956" y="15332"/>
                  <a:pt x="4965" y="15333"/>
                  <a:pt x="4974" y="15335"/>
                </a:cubicBezTo>
                <a:cubicBezTo>
                  <a:pt x="5085" y="15341"/>
                  <a:pt x="4901" y="15369"/>
                  <a:pt x="4977" y="15369"/>
                </a:cubicBezTo>
                <a:cubicBezTo>
                  <a:pt x="4999" y="15369"/>
                  <a:pt x="5042" y="15366"/>
                  <a:pt x="5118" y="15361"/>
                </a:cubicBezTo>
                <a:cubicBezTo>
                  <a:pt x="5164" y="15358"/>
                  <a:pt x="5204" y="15351"/>
                  <a:pt x="5241" y="15344"/>
                </a:cubicBezTo>
                <a:lnTo>
                  <a:pt x="5289" y="15338"/>
                </a:lnTo>
                <a:lnTo>
                  <a:pt x="5313" y="15333"/>
                </a:lnTo>
                <a:lnTo>
                  <a:pt x="5324" y="15331"/>
                </a:lnTo>
                <a:lnTo>
                  <a:pt x="5343" y="15326"/>
                </a:lnTo>
                <a:cubicBezTo>
                  <a:pt x="5431" y="15307"/>
                  <a:pt x="5493" y="15291"/>
                  <a:pt x="5549" y="15275"/>
                </a:cubicBezTo>
                <a:lnTo>
                  <a:pt x="5570" y="15270"/>
                </a:lnTo>
                <a:lnTo>
                  <a:pt x="5581" y="15268"/>
                </a:lnTo>
                <a:lnTo>
                  <a:pt x="5586" y="15268"/>
                </a:lnTo>
                <a:cubicBezTo>
                  <a:pt x="5586" y="15266"/>
                  <a:pt x="5586" y="15263"/>
                  <a:pt x="5588" y="15263"/>
                </a:cubicBezTo>
                <a:lnTo>
                  <a:pt x="5609" y="15219"/>
                </a:lnTo>
                <a:lnTo>
                  <a:pt x="5653" y="15129"/>
                </a:lnTo>
                <a:lnTo>
                  <a:pt x="5697" y="15041"/>
                </a:lnTo>
                <a:cubicBezTo>
                  <a:pt x="5709" y="15020"/>
                  <a:pt x="5723" y="14997"/>
                  <a:pt x="5737" y="14969"/>
                </a:cubicBezTo>
                <a:lnTo>
                  <a:pt x="5737" y="14969"/>
                </a:lnTo>
                <a:cubicBezTo>
                  <a:pt x="5723" y="14985"/>
                  <a:pt x="5711" y="15004"/>
                  <a:pt x="5702" y="15023"/>
                </a:cubicBezTo>
                <a:lnTo>
                  <a:pt x="5674" y="15069"/>
                </a:lnTo>
                <a:cubicBezTo>
                  <a:pt x="5660" y="15094"/>
                  <a:pt x="5646" y="15122"/>
                  <a:pt x="5628" y="15152"/>
                </a:cubicBezTo>
                <a:cubicBezTo>
                  <a:pt x="5644" y="15117"/>
                  <a:pt x="5647" y="15107"/>
                  <a:pt x="5644" y="15107"/>
                </a:cubicBezTo>
                <a:cubicBezTo>
                  <a:pt x="5641" y="15107"/>
                  <a:pt x="5635" y="15113"/>
                  <a:pt x="5630" y="15117"/>
                </a:cubicBezTo>
                <a:cubicBezTo>
                  <a:pt x="5628" y="15120"/>
                  <a:pt x="5626" y="15121"/>
                  <a:pt x="5624" y="15121"/>
                </a:cubicBezTo>
                <a:cubicBezTo>
                  <a:pt x="5623" y="15121"/>
                  <a:pt x="5623" y="15119"/>
                  <a:pt x="5625" y="15113"/>
                </a:cubicBezTo>
                <a:cubicBezTo>
                  <a:pt x="5630" y="15104"/>
                  <a:pt x="5632" y="15094"/>
                  <a:pt x="5639" y="15085"/>
                </a:cubicBezTo>
                <a:lnTo>
                  <a:pt x="5662" y="15032"/>
                </a:lnTo>
                <a:cubicBezTo>
                  <a:pt x="5711" y="14976"/>
                  <a:pt x="5750" y="14911"/>
                  <a:pt x="5783" y="14844"/>
                </a:cubicBezTo>
                <a:cubicBezTo>
                  <a:pt x="5806" y="14800"/>
                  <a:pt x="5829" y="14751"/>
                  <a:pt x="5852" y="14705"/>
                </a:cubicBezTo>
                <a:cubicBezTo>
                  <a:pt x="5878" y="14657"/>
                  <a:pt x="5896" y="14606"/>
                  <a:pt x="5917" y="14559"/>
                </a:cubicBezTo>
                <a:lnTo>
                  <a:pt x="5917" y="14559"/>
                </a:lnTo>
                <a:cubicBezTo>
                  <a:pt x="5915" y="14570"/>
                  <a:pt x="5916" y="14574"/>
                  <a:pt x="5918" y="14574"/>
                </a:cubicBezTo>
                <a:cubicBezTo>
                  <a:pt x="5925" y="14574"/>
                  <a:pt x="5946" y="14541"/>
                  <a:pt x="5952" y="14541"/>
                </a:cubicBezTo>
                <a:cubicBezTo>
                  <a:pt x="5954" y="14541"/>
                  <a:pt x="5954" y="14546"/>
                  <a:pt x="5950" y="14559"/>
                </a:cubicBezTo>
                <a:cubicBezTo>
                  <a:pt x="5980" y="14487"/>
                  <a:pt x="6005" y="14411"/>
                  <a:pt x="6024" y="14332"/>
                </a:cubicBezTo>
                <a:lnTo>
                  <a:pt x="6024" y="14332"/>
                </a:lnTo>
                <a:cubicBezTo>
                  <a:pt x="5990" y="14410"/>
                  <a:pt x="5976" y="14439"/>
                  <a:pt x="5973" y="14439"/>
                </a:cubicBezTo>
                <a:cubicBezTo>
                  <a:pt x="5970" y="14439"/>
                  <a:pt x="5990" y="14382"/>
                  <a:pt x="6010" y="14323"/>
                </a:cubicBezTo>
                <a:cubicBezTo>
                  <a:pt x="6024" y="14279"/>
                  <a:pt x="6038" y="14235"/>
                  <a:pt x="6049" y="14191"/>
                </a:cubicBezTo>
                <a:cubicBezTo>
                  <a:pt x="6050" y="14183"/>
                  <a:pt x="6050" y="14179"/>
                  <a:pt x="6049" y="14179"/>
                </a:cubicBezTo>
                <a:cubicBezTo>
                  <a:pt x="6047" y="14179"/>
                  <a:pt x="6038" y="14198"/>
                  <a:pt x="6014" y="14246"/>
                </a:cubicBezTo>
                <a:cubicBezTo>
                  <a:pt x="6119" y="13952"/>
                  <a:pt x="6151" y="13897"/>
                  <a:pt x="6214" y="13711"/>
                </a:cubicBezTo>
                <a:lnTo>
                  <a:pt x="6214" y="13711"/>
                </a:lnTo>
                <a:cubicBezTo>
                  <a:pt x="6217" y="13721"/>
                  <a:pt x="6171" y="13901"/>
                  <a:pt x="6177" y="13901"/>
                </a:cubicBezTo>
                <a:cubicBezTo>
                  <a:pt x="6180" y="13901"/>
                  <a:pt x="6190" y="13874"/>
                  <a:pt x="6214" y="13799"/>
                </a:cubicBezTo>
                <a:cubicBezTo>
                  <a:pt x="6221" y="13769"/>
                  <a:pt x="6225" y="13739"/>
                  <a:pt x="6230" y="13709"/>
                </a:cubicBezTo>
                <a:cubicBezTo>
                  <a:pt x="6232" y="13695"/>
                  <a:pt x="6232" y="13681"/>
                  <a:pt x="6232" y="13667"/>
                </a:cubicBezTo>
                <a:cubicBezTo>
                  <a:pt x="6232" y="13662"/>
                  <a:pt x="6231" y="13660"/>
                  <a:pt x="6230" y="13660"/>
                </a:cubicBezTo>
                <a:cubicBezTo>
                  <a:pt x="6227" y="13660"/>
                  <a:pt x="6223" y="13666"/>
                  <a:pt x="6218" y="13672"/>
                </a:cubicBezTo>
                <a:cubicBezTo>
                  <a:pt x="6213" y="13681"/>
                  <a:pt x="6208" y="13691"/>
                  <a:pt x="6204" y="13691"/>
                </a:cubicBezTo>
                <a:cubicBezTo>
                  <a:pt x="6199" y="13691"/>
                  <a:pt x="6197" y="13671"/>
                  <a:pt x="6207" y="13598"/>
                </a:cubicBezTo>
                <a:lnTo>
                  <a:pt x="6207" y="13598"/>
                </a:lnTo>
                <a:cubicBezTo>
                  <a:pt x="6188" y="13663"/>
                  <a:pt x="6172" y="13728"/>
                  <a:pt x="6149" y="13790"/>
                </a:cubicBezTo>
                <a:cubicBezTo>
                  <a:pt x="6148" y="13791"/>
                  <a:pt x="6147" y="13791"/>
                  <a:pt x="6146" y="13791"/>
                </a:cubicBezTo>
                <a:cubicBezTo>
                  <a:pt x="6140" y="13791"/>
                  <a:pt x="6143" y="13773"/>
                  <a:pt x="6149" y="13744"/>
                </a:cubicBezTo>
                <a:cubicBezTo>
                  <a:pt x="6156" y="13714"/>
                  <a:pt x="6165" y="13670"/>
                  <a:pt x="6177" y="13621"/>
                </a:cubicBezTo>
                <a:cubicBezTo>
                  <a:pt x="6191" y="13575"/>
                  <a:pt x="6202" y="13526"/>
                  <a:pt x="6211" y="13487"/>
                </a:cubicBezTo>
                <a:cubicBezTo>
                  <a:pt x="6218" y="13457"/>
                  <a:pt x="6225" y="13429"/>
                  <a:pt x="6228" y="13399"/>
                </a:cubicBezTo>
                <a:cubicBezTo>
                  <a:pt x="6233" y="13377"/>
                  <a:pt x="6236" y="13369"/>
                  <a:pt x="6237" y="13369"/>
                </a:cubicBezTo>
                <a:lnTo>
                  <a:pt x="6237" y="13369"/>
                </a:lnTo>
                <a:cubicBezTo>
                  <a:pt x="6240" y="13369"/>
                  <a:pt x="6221" y="13482"/>
                  <a:pt x="6230" y="13482"/>
                </a:cubicBezTo>
                <a:cubicBezTo>
                  <a:pt x="6232" y="13482"/>
                  <a:pt x="6237" y="13474"/>
                  <a:pt x="6244" y="13454"/>
                </a:cubicBezTo>
                <a:cubicBezTo>
                  <a:pt x="6265" y="13364"/>
                  <a:pt x="6274" y="13294"/>
                  <a:pt x="6285" y="13234"/>
                </a:cubicBezTo>
                <a:cubicBezTo>
                  <a:pt x="6290" y="13176"/>
                  <a:pt x="6299" y="13121"/>
                  <a:pt x="6311" y="13063"/>
                </a:cubicBezTo>
                <a:cubicBezTo>
                  <a:pt x="6311" y="13179"/>
                  <a:pt x="6316" y="13107"/>
                  <a:pt x="6311" y="13239"/>
                </a:cubicBezTo>
                <a:cubicBezTo>
                  <a:pt x="6335" y="13077"/>
                  <a:pt x="6344" y="13040"/>
                  <a:pt x="6349" y="13040"/>
                </a:cubicBezTo>
                <a:cubicBezTo>
                  <a:pt x="6350" y="13040"/>
                  <a:pt x="6352" y="13044"/>
                  <a:pt x="6353" y="13049"/>
                </a:cubicBezTo>
                <a:cubicBezTo>
                  <a:pt x="6353" y="13056"/>
                  <a:pt x="6354" y="13065"/>
                  <a:pt x="6356" y="13065"/>
                </a:cubicBezTo>
                <a:cubicBezTo>
                  <a:pt x="6357" y="13065"/>
                  <a:pt x="6358" y="13064"/>
                  <a:pt x="6360" y="13060"/>
                </a:cubicBezTo>
                <a:cubicBezTo>
                  <a:pt x="6364" y="13049"/>
                  <a:pt x="6369" y="13037"/>
                  <a:pt x="6371" y="13026"/>
                </a:cubicBezTo>
                <a:cubicBezTo>
                  <a:pt x="6378" y="12996"/>
                  <a:pt x="6383" y="12965"/>
                  <a:pt x="6387" y="12935"/>
                </a:cubicBezTo>
                <a:cubicBezTo>
                  <a:pt x="6394" y="12829"/>
                  <a:pt x="6371" y="12894"/>
                  <a:pt x="6394" y="12725"/>
                </a:cubicBezTo>
                <a:lnTo>
                  <a:pt x="6394" y="12725"/>
                </a:lnTo>
                <a:cubicBezTo>
                  <a:pt x="6380" y="12762"/>
                  <a:pt x="6369" y="12799"/>
                  <a:pt x="6362" y="12838"/>
                </a:cubicBezTo>
                <a:cubicBezTo>
                  <a:pt x="6357" y="12859"/>
                  <a:pt x="6353" y="12887"/>
                  <a:pt x="6348" y="12924"/>
                </a:cubicBezTo>
                <a:cubicBezTo>
                  <a:pt x="6343" y="12963"/>
                  <a:pt x="6336" y="13014"/>
                  <a:pt x="6325" y="13081"/>
                </a:cubicBezTo>
                <a:cubicBezTo>
                  <a:pt x="6323" y="13049"/>
                  <a:pt x="6323" y="13014"/>
                  <a:pt x="6330" y="12982"/>
                </a:cubicBezTo>
                <a:cubicBezTo>
                  <a:pt x="6332" y="12940"/>
                  <a:pt x="6339" y="12891"/>
                  <a:pt x="6346" y="12840"/>
                </a:cubicBezTo>
                <a:cubicBezTo>
                  <a:pt x="6353" y="12789"/>
                  <a:pt x="6362" y="12736"/>
                  <a:pt x="6364" y="12683"/>
                </a:cubicBezTo>
                <a:cubicBezTo>
                  <a:pt x="6367" y="12630"/>
                  <a:pt x="6369" y="12576"/>
                  <a:pt x="6369" y="12528"/>
                </a:cubicBezTo>
                <a:lnTo>
                  <a:pt x="6369" y="12528"/>
                </a:lnTo>
                <a:cubicBezTo>
                  <a:pt x="6357" y="12683"/>
                  <a:pt x="6360" y="12576"/>
                  <a:pt x="6353" y="12743"/>
                </a:cubicBezTo>
                <a:cubicBezTo>
                  <a:pt x="6342" y="12752"/>
                  <a:pt x="6333" y="12771"/>
                  <a:pt x="6326" y="12771"/>
                </a:cubicBezTo>
                <a:cubicBezTo>
                  <a:pt x="6326" y="12771"/>
                  <a:pt x="6325" y="12771"/>
                  <a:pt x="6325" y="12771"/>
                </a:cubicBezTo>
                <a:cubicBezTo>
                  <a:pt x="6318" y="12771"/>
                  <a:pt x="6318" y="12766"/>
                  <a:pt x="6316" y="12750"/>
                </a:cubicBezTo>
                <a:cubicBezTo>
                  <a:pt x="6313" y="12734"/>
                  <a:pt x="6311" y="12711"/>
                  <a:pt x="6309" y="12671"/>
                </a:cubicBezTo>
                <a:cubicBezTo>
                  <a:pt x="6309" y="12715"/>
                  <a:pt x="6306" y="12755"/>
                  <a:pt x="6306" y="12789"/>
                </a:cubicBezTo>
                <a:cubicBezTo>
                  <a:pt x="6304" y="12827"/>
                  <a:pt x="6306" y="12861"/>
                  <a:pt x="6306" y="12898"/>
                </a:cubicBezTo>
                <a:cubicBezTo>
                  <a:pt x="6304" y="12993"/>
                  <a:pt x="6292" y="13088"/>
                  <a:pt x="6274" y="13181"/>
                </a:cubicBezTo>
                <a:cubicBezTo>
                  <a:pt x="6271" y="13186"/>
                  <a:pt x="6269" y="13188"/>
                  <a:pt x="6268" y="13188"/>
                </a:cubicBezTo>
                <a:cubicBezTo>
                  <a:pt x="6260" y="13188"/>
                  <a:pt x="6266" y="13121"/>
                  <a:pt x="6272" y="13049"/>
                </a:cubicBezTo>
                <a:cubicBezTo>
                  <a:pt x="6279" y="12961"/>
                  <a:pt x="6281" y="12866"/>
                  <a:pt x="6267" y="12861"/>
                </a:cubicBezTo>
                <a:cubicBezTo>
                  <a:pt x="6267" y="12831"/>
                  <a:pt x="6267" y="12787"/>
                  <a:pt x="6272" y="12738"/>
                </a:cubicBezTo>
                <a:cubicBezTo>
                  <a:pt x="6276" y="12690"/>
                  <a:pt x="6279" y="12637"/>
                  <a:pt x="6283" y="12581"/>
                </a:cubicBezTo>
                <a:cubicBezTo>
                  <a:pt x="6295" y="12472"/>
                  <a:pt x="6302" y="12361"/>
                  <a:pt x="6309" y="12291"/>
                </a:cubicBezTo>
                <a:cubicBezTo>
                  <a:pt x="6290" y="12046"/>
                  <a:pt x="6274" y="11747"/>
                  <a:pt x="6218" y="11564"/>
                </a:cubicBezTo>
                <a:cubicBezTo>
                  <a:pt x="6214" y="11478"/>
                  <a:pt x="6184" y="11323"/>
                  <a:pt x="6149" y="11154"/>
                </a:cubicBezTo>
                <a:cubicBezTo>
                  <a:pt x="6112" y="10985"/>
                  <a:pt x="6063" y="10802"/>
                  <a:pt x="6045" y="10642"/>
                </a:cubicBezTo>
                <a:cubicBezTo>
                  <a:pt x="6047" y="10617"/>
                  <a:pt x="6038" y="10519"/>
                  <a:pt x="6033" y="10454"/>
                </a:cubicBezTo>
                <a:cubicBezTo>
                  <a:pt x="6032" y="10417"/>
                  <a:pt x="6032" y="10388"/>
                  <a:pt x="6035" y="10388"/>
                </a:cubicBezTo>
                <a:cubicBezTo>
                  <a:pt x="6037" y="10388"/>
                  <a:pt x="6041" y="10405"/>
                  <a:pt x="6047" y="10448"/>
                </a:cubicBezTo>
                <a:cubicBezTo>
                  <a:pt x="6047" y="10441"/>
                  <a:pt x="6042" y="10417"/>
                  <a:pt x="6040" y="10392"/>
                </a:cubicBezTo>
                <a:cubicBezTo>
                  <a:pt x="6038" y="10366"/>
                  <a:pt x="6035" y="10332"/>
                  <a:pt x="6035" y="10302"/>
                </a:cubicBezTo>
                <a:cubicBezTo>
                  <a:pt x="6034" y="10257"/>
                  <a:pt x="6035" y="10217"/>
                  <a:pt x="6030" y="10217"/>
                </a:cubicBezTo>
                <a:cubicBezTo>
                  <a:pt x="6028" y="10217"/>
                  <a:pt x="6026" y="10220"/>
                  <a:pt x="6024" y="10227"/>
                </a:cubicBezTo>
                <a:cubicBezTo>
                  <a:pt x="6026" y="10244"/>
                  <a:pt x="6026" y="10258"/>
                  <a:pt x="6024" y="10274"/>
                </a:cubicBezTo>
                <a:cubicBezTo>
                  <a:pt x="6024" y="10295"/>
                  <a:pt x="6024" y="10318"/>
                  <a:pt x="6024" y="10341"/>
                </a:cubicBezTo>
                <a:cubicBezTo>
                  <a:pt x="6019" y="10325"/>
                  <a:pt x="6012" y="10306"/>
                  <a:pt x="6008" y="10290"/>
                </a:cubicBezTo>
                <a:cubicBezTo>
                  <a:pt x="6010" y="10211"/>
                  <a:pt x="6017" y="10132"/>
                  <a:pt x="6028" y="10056"/>
                </a:cubicBezTo>
                <a:cubicBezTo>
                  <a:pt x="6040" y="9977"/>
                  <a:pt x="6061" y="9903"/>
                  <a:pt x="6096" y="9834"/>
                </a:cubicBezTo>
                <a:cubicBezTo>
                  <a:pt x="6097" y="9831"/>
                  <a:pt x="6098" y="9830"/>
                  <a:pt x="6099" y="9830"/>
                </a:cubicBezTo>
                <a:cubicBezTo>
                  <a:pt x="6101" y="9830"/>
                  <a:pt x="6099" y="9841"/>
                  <a:pt x="6096" y="9857"/>
                </a:cubicBezTo>
                <a:cubicBezTo>
                  <a:pt x="6091" y="9866"/>
                  <a:pt x="6086" y="9880"/>
                  <a:pt x="6084" y="9894"/>
                </a:cubicBezTo>
                <a:cubicBezTo>
                  <a:pt x="6079" y="9908"/>
                  <a:pt x="6075" y="9924"/>
                  <a:pt x="6070" y="9938"/>
                </a:cubicBezTo>
                <a:cubicBezTo>
                  <a:pt x="6058" y="9983"/>
                  <a:pt x="6050" y="10024"/>
                  <a:pt x="6055" y="10024"/>
                </a:cubicBezTo>
                <a:cubicBezTo>
                  <a:pt x="6057" y="10024"/>
                  <a:pt x="6060" y="10019"/>
                  <a:pt x="6065" y="10007"/>
                </a:cubicBezTo>
                <a:cubicBezTo>
                  <a:pt x="6070" y="9949"/>
                  <a:pt x="6084" y="9894"/>
                  <a:pt x="6102" y="9841"/>
                </a:cubicBezTo>
                <a:cubicBezTo>
                  <a:pt x="6130" y="9757"/>
                  <a:pt x="6167" y="9678"/>
                  <a:pt x="6211" y="9604"/>
                </a:cubicBezTo>
                <a:cubicBezTo>
                  <a:pt x="6292" y="9468"/>
                  <a:pt x="6387" y="9343"/>
                  <a:pt x="6496" y="9227"/>
                </a:cubicBezTo>
                <a:cubicBezTo>
                  <a:pt x="6580" y="9132"/>
                  <a:pt x="6607" y="9136"/>
                  <a:pt x="6645" y="9097"/>
                </a:cubicBezTo>
                <a:lnTo>
                  <a:pt x="6784" y="8935"/>
                </a:lnTo>
                <a:cubicBezTo>
                  <a:pt x="6804" y="8926"/>
                  <a:pt x="6825" y="8914"/>
                  <a:pt x="6846" y="8900"/>
                </a:cubicBezTo>
                <a:cubicBezTo>
                  <a:pt x="6902" y="8842"/>
                  <a:pt x="6953" y="8782"/>
                  <a:pt x="7001" y="8717"/>
                </a:cubicBezTo>
                <a:cubicBezTo>
                  <a:pt x="7077" y="8641"/>
                  <a:pt x="7111" y="8612"/>
                  <a:pt x="7119" y="8612"/>
                </a:cubicBezTo>
                <a:cubicBezTo>
                  <a:pt x="7131" y="8612"/>
                  <a:pt x="7078" y="8685"/>
                  <a:pt x="7027" y="8757"/>
                </a:cubicBezTo>
                <a:lnTo>
                  <a:pt x="6918" y="8870"/>
                </a:lnTo>
                <a:cubicBezTo>
                  <a:pt x="6861" y="8944"/>
                  <a:pt x="6776" y="9038"/>
                  <a:pt x="6790" y="9038"/>
                </a:cubicBezTo>
                <a:cubicBezTo>
                  <a:pt x="6794" y="9038"/>
                  <a:pt x="6802" y="9033"/>
                  <a:pt x="6816" y="9023"/>
                </a:cubicBezTo>
                <a:cubicBezTo>
                  <a:pt x="6839" y="8995"/>
                  <a:pt x="6860" y="8967"/>
                  <a:pt x="6874" y="8935"/>
                </a:cubicBezTo>
                <a:lnTo>
                  <a:pt x="6943" y="8872"/>
                </a:lnTo>
                <a:cubicBezTo>
                  <a:pt x="6997" y="8800"/>
                  <a:pt x="7156" y="8615"/>
                  <a:pt x="7138" y="8615"/>
                </a:cubicBezTo>
                <a:cubicBezTo>
                  <a:pt x="7137" y="8615"/>
                  <a:pt x="7137" y="8615"/>
                  <a:pt x="7136" y="8615"/>
                </a:cubicBezTo>
                <a:cubicBezTo>
                  <a:pt x="7270" y="8483"/>
                  <a:pt x="7407" y="8316"/>
                  <a:pt x="7532" y="8205"/>
                </a:cubicBezTo>
                <a:lnTo>
                  <a:pt x="7532" y="8205"/>
                </a:lnTo>
                <a:cubicBezTo>
                  <a:pt x="7509" y="8225"/>
                  <a:pt x="7499" y="8232"/>
                  <a:pt x="7496" y="8232"/>
                </a:cubicBezTo>
                <a:cubicBezTo>
                  <a:pt x="7488" y="8232"/>
                  <a:pt x="7525" y="8185"/>
                  <a:pt x="7513" y="8185"/>
                </a:cubicBezTo>
                <a:cubicBezTo>
                  <a:pt x="7512" y="8185"/>
                  <a:pt x="7511" y="8186"/>
                  <a:pt x="7509" y="8187"/>
                </a:cubicBezTo>
                <a:cubicBezTo>
                  <a:pt x="7462" y="8235"/>
                  <a:pt x="7416" y="8282"/>
                  <a:pt x="7367" y="8330"/>
                </a:cubicBezTo>
                <a:cubicBezTo>
                  <a:pt x="7474" y="8210"/>
                  <a:pt x="7627" y="8036"/>
                  <a:pt x="7743" y="7936"/>
                </a:cubicBezTo>
                <a:lnTo>
                  <a:pt x="7743" y="7936"/>
                </a:lnTo>
                <a:cubicBezTo>
                  <a:pt x="7739" y="7946"/>
                  <a:pt x="7737" y="7952"/>
                  <a:pt x="7741" y="7952"/>
                </a:cubicBezTo>
                <a:cubicBezTo>
                  <a:pt x="7746" y="7952"/>
                  <a:pt x="7760" y="7942"/>
                  <a:pt x="7794" y="7916"/>
                </a:cubicBezTo>
                <a:lnTo>
                  <a:pt x="7794" y="7916"/>
                </a:lnTo>
                <a:cubicBezTo>
                  <a:pt x="7784" y="7923"/>
                  <a:pt x="7779" y="7926"/>
                  <a:pt x="7777" y="7926"/>
                </a:cubicBezTo>
                <a:cubicBezTo>
                  <a:pt x="7767" y="7926"/>
                  <a:pt x="7878" y="7813"/>
                  <a:pt x="7864" y="7813"/>
                </a:cubicBezTo>
                <a:cubicBezTo>
                  <a:pt x="7860" y="7813"/>
                  <a:pt x="7842" y="7825"/>
                  <a:pt x="7803" y="7858"/>
                </a:cubicBezTo>
                <a:cubicBezTo>
                  <a:pt x="7745" y="7923"/>
                  <a:pt x="7692" y="7981"/>
                  <a:pt x="7611" y="8059"/>
                </a:cubicBezTo>
                <a:cubicBezTo>
                  <a:pt x="7603" y="8064"/>
                  <a:pt x="7597" y="8066"/>
                  <a:pt x="7595" y="8066"/>
                </a:cubicBezTo>
                <a:cubicBezTo>
                  <a:pt x="7574" y="8066"/>
                  <a:pt x="7673" y="7960"/>
                  <a:pt x="7726" y="7892"/>
                </a:cubicBezTo>
                <a:cubicBezTo>
                  <a:pt x="7812" y="7802"/>
                  <a:pt x="7981" y="7631"/>
                  <a:pt x="8099" y="7515"/>
                </a:cubicBezTo>
                <a:cubicBezTo>
                  <a:pt x="8183" y="7450"/>
                  <a:pt x="8220" y="7445"/>
                  <a:pt x="8347" y="7320"/>
                </a:cubicBezTo>
                <a:lnTo>
                  <a:pt x="8347" y="7320"/>
                </a:lnTo>
                <a:cubicBezTo>
                  <a:pt x="8314" y="7344"/>
                  <a:pt x="8297" y="7355"/>
                  <a:pt x="8292" y="7355"/>
                </a:cubicBezTo>
                <a:cubicBezTo>
                  <a:pt x="8283" y="7355"/>
                  <a:pt x="8313" y="7322"/>
                  <a:pt x="8354" y="7281"/>
                </a:cubicBezTo>
                <a:cubicBezTo>
                  <a:pt x="8417" y="7216"/>
                  <a:pt x="8509" y="7130"/>
                  <a:pt x="8528" y="7107"/>
                </a:cubicBezTo>
                <a:cubicBezTo>
                  <a:pt x="8669" y="7008"/>
                  <a:pt x="8741" y="6924"/>
                  <a:pt x="8866" y="6857"/>
                </a:cubicBezTo>
                <a:lnTo>
                  <a:pt x="8866" y="6857"/>
                </a:lnTo>
                <a:cubicBezTo>
                  <a:pt x="8810" y="6903"/>
                  <a:pt x="8595" y="7059"/>
                  <a:pt x="8553" y="7114"/>
                </a:cubicBezTo>
                <a:cubicBezTo>
                  <a:pt x="8553" y="7123"/>
                  <a:pt x="8570" y="7123"/>
                  <a:pt x="8563" y="7140"/>
                </a:cubicBezTo>
                <a:cubicBezTo>
                  <a:pt x="8553" y="7158"/>
                  <a:pt x="8521" y="7193"/>
                  <a:pt x="8421" y="7279"/>
                </a:cubicBezTo>
                <a:cubicBezTo>
                  <a:pt x="8546" y="7181"/>
                  <a:pt x="8581" y="7154"/>
                  <a:pt x="8597" y="7133"/>
                </a:cubicBezTo>
                <a:cubicBezTo>
                  <a:pt x="8618" y="7105"/>
                  <a:pt x="8641" y="7082"/>
                  <a:pt x="8669" y="7061"/>
                </a:cubicBezTo>
                <a:lnTo>
                  <a:pt x="8669" y="7061"/>
                </a:lnTo>
                <a:cubicBezTo>
                  <a:pt x="8641" y="7082"/>
                  <a:pt x="8611" y="7105"/>
                  <a:pt x="8586" y="7128"/>
                </a:cubicBezTo>
                <a:cubicBezTo>
                  <a:pt x="8598" y="7116"/>
                  <a:pt x="8596" y="7114"/>
                  <a:pt x="8591" y="7114"/>
                </a:cubicBezTo>
                <a:cubicBezTo>
                  <a:pt x="8589" y="7114"/>
                  <a:pt x="8586" y="7114"/>
                  <a:pt x="8584" y="7114"/>
                </a:cubicBezTo>
                <a:cubicBezTo>
                  <a:pt x="8579" y="7114"/>
                  <a:pt x="8579" y="7111"/>
                  <a:pt x="8616" y="7082"/>
                </a:cubicBezTo>
                <a:cubicBezTo>
                  <a:pt x="8720" y="7005"/>
                  <a:pt x="8827" y="6933"/>
                  <a:pt x="8940" y="6869"/>
                </a:cubicBezTo>
                <a:cubicBezTo>
                  <a:pt x="9021" y="6822"/>
                  <a:pt x="9091" y="6788"/>
                  <a:pt x="9202" y="6732"/>
                </a:cubicBezTo>
                <a:lnTo>
                  <a:pt x="9202" y="6732"/>
                </a:lnTo>
                <a:cubicBezTo>
                  <a:pt x="9196" y="6734"/>
                  <a:pt x="9191" y="6735"/>
                  <a:pt x="9189" y="6735"/>
                </a:cubicBezTo>
                <a:cubicBezTo>
                  <a:pt x="9170" y="6735"/>
                  <a:pt x="9247" y="6680"/>
                  <a:pt x="9292" y="6653"/>
                </a:cubicBezTo>
                <a:cubicBezTo>
                  <a:pt x="9356" y="6623"/>
                  <a:pt x="9383" y="6613"/>
                  <a:pt x="9393" y="6613"/>
                </a:cubicBezTo>
                <a:cubicBezTo>
                  <a:pt x="9411" y="6613"/>
                  <a:pt x="9375" y="6645"/>
                  <a:pt x="9397" y="6645"/>
                </a:cubicBezTo>
                <a:cubicBezTo>
                  <a:pt x="9405" y="6645"/>
                  <a:pt x="9419" y="6641"/>
                  <a:pt x="9443" y="6632"/>
                </a:cubicBezTo>
                <a:cubicBezTo>
                  <a:pt x="9502" y="6586"/>
                  <a:pt x="9630" y="6526"/>
                  <a:pt x="9611" y="6526"/>
                </a:cubicBezTo>
                <a:cubicBezTo>
                  <a:pt x="9609" y="6526"/>
                  <a:pt x="9605" y="6527"/>
                  <a:pt x="9600" y="6528"/>
                </a:cubicBezTo>
                <a:cubicBezTo>
                  <a:pt x="9686" y="6486"/>
                  <a:pt x="9644" y="6514"/>
                  <a:pt x="9707" y="6489"/>
                </a:cubicBezTo>
                <a:cubicBezTo>
                  <a:pt x="9735" y="6468"/>
                  <a:pt x="9765" y="6449"/>
                  <a:pt x="9797" y="6433"/>
                </a:cubicBezTo>
                <a:cubicBezTo>
                  <a:pt x="9844" y="6410"/>
                  <a:pt x="9892" y="6389"/>
                  <a:pt x="9941" y="6371"/>
                </a:cubicBezTo>
                <a:lnTo>
                  <a:pt x="9941" y="6371"/>
                </a:lnTo>
                <a:cubicBezTo>
                  <a:pt x="9934" y="6380"/>
                  <a:pt x="9920" y="6394"/>
                  <a:pt x="9804" y="6440"/>
                </a:cubicBezTo>
                <a:cubicBezTo>
                  <a:pt x="9871" y="6414"/>
                  <a:pt x="9919" y="6403"/>
                  <a:pt x="9942" y="6403"/>
                </a:cubicBezTo>
                <a:cubicBezTo>
                  <a:pt x="9964" y="6403"/>
                  <a:pt x="9964" y="6413"/>
                  <a:pt x="9939" y="6428"/>
                </a:cubicBezTo>
                <a:cubicBezTo>
                  <a:pt x="9904" y="6440"/>
                  <a:pt x="9869" y="6454"/>
                  <a:pt x="9832" y="6468"/>
                </a:cubicBezTo>
                <a:cubicBezTo>
                  <a:pt x="9797" y="6479"/>
                  <a:pt x="9762" y="6493"/>
                  <a:pt x="9728" y="6507"/>
                </a:cubicBezTo>
                <a:cubicBezTo>
                  <a:pt x="9713" y="6518"/>
                  <a:pt x="9709" y="6522"/>
                  <a:pt x="9712" y="6522"/>
                </a:cubicBezTo>
                <a:cubicBezTo>
                  <a:pt x="9718" y="6522"/>
                  <a:pt x="9753" y="6506"/>
                  <a:pt x="9793" y="6491"/>
                </a:cubicBezTo>
                <a:cubicBezTo>
                  <a:pt x="9843" y="6471"/>
                  <a:pt x="9903" y="6448"/>
                  <a:pt x="9917" y="6448"/>
                </a:cubicBezTo>
                <a:cubicBezTo>
                  <a:pt x="9919" y="6448"/>
                  <a:pt x="9920" y="6448"/>
                  <a:pt x="9920" y="6449"/>
                </a:cubicBezTo>
                <a:cubicBezTo>
                  <a:pt x="9832" y="6489"/>
                  <a:pt x="9758" y="6510"/>
                  <a:pt x="9702" y="6542"/>
                </a:cubicBezTo>
                <a:cubicBezTo>
                  <a:pt x="9767" y="6528"/>
                  <a:pt x="9939" y="6438"/>
                  <a:pt x="10045" y="6398"/>
                </a:cubicBezTo>
                <a:cubicBezTo>
                  <a:pt x="10116" y="6375"/>
                  <a:pt x="10148" y="6368"/>
                  <a:pt x="10161" y="6368"/>
                </a:cubicBezTo>
                <a:cubicBezTo>
                  <a:pt x="10180" y="6368"/>
                  <a:pt x="10161" y="6383"/>
                  <a:pt x="10166" y="6387"/>
                </a:cubicBezTo>
                <a:cubicBezTo>
                  <a:pt x="10235" y="6354"/>
                  <a:pt x="10249" y="6347"/>
                  <a:pt x="10235" y="6347"/>
                </a:cubicBezTo>
                <a:cubicBezTo>
                  <a:pt x="10200" y="6352"/>
                  <a:pt x="10166" y="6359"/>
                  <a:pt x="10131" y="6368"/>
                </a:cubicBezTo>
                <a:lnTo>
                  <a:pt x="10068" y="6384"/>
                </a:lnTo>
                <a:cubicBezTo>
                  <a:pt x="10050" y="6389"/>
                  <a:pt x="10034" y="6394"/>
                  <a:pt x="10024" y="6394"/>
                </a:cubicBezTo>
                <a:cubicBezTo>
                  <a:pt x="10023" y="6394"/>
                  <a:pt x="10021" y="6394"/>
                  <a:pt x="10020" y="6394"/>
                </a:cubicBezTo>
                <a:cubicBezTo>
                  <a:pt x="10010" y="6394"/>
                  <a:pt x="10024" y="6384"/>
                  <a:pt x="10082" y="6357"/>
                </a:cubicBezTo>
                <a:cubicBezTo>
                  <a:pt x="10115" y="6340"/>
                  <a:pt x="10149" y="6327"/>
                  <a:pt x="10182" y="6313"/>
                </a:cubicBezTo>
                <a:cubicBezTo>
                  <a:pt x="10223" y="6296"/>
                  <a:pt x="10272" y="6283"/>
                  <a:pt x="10323" y="6266"/>
                </a:cubicBezTo>
                <a:cubicBezTo>
                  <a:pt x="10374" y="6250"/>
                  <a:pt x="10430" y="6239"/>
                  <a:pt x="10481" y="6225"/>
                </a:cubicBezTo>
                <a:cubicBezTo>
                  <a:pt x="10534" y="6211"/>
                  <a:pt x="10587" y="6201"/>
                  <a:pt x="10633" y="6190"/>
                </a:cubicBezTo>
                <a:lnTo>
                  <a:pt x="10633" y="6190"/>
                </a:lnTo>
                <a:cubicBezTo>
                  <a:pt x="10614" y="6191"/>
                  <a:pt x="10600" y="6192"/>
                  <a:pt x="10589" y="6192"/>
                </a:cubicBezTo>
                <a:cubicBezTo>
                  <a:pt x="10508" y="6192"/>
                  <a:pt x="10668" y="6149"/>
                  <a:pt x="10844" y="6118"/>
                </a:cubicBezTo>
                <a:lnTo>
                  <a:pt x="10844" y="6118"/>
                </a:lnTo>
                <a:cubicBezTo>
                  <a:pt x="10740" y="6133"/>
                  <a:pt x="10709" y="6134"/>
                  <a:pt x="10689" y="6134"/>
                </a:cubicBezTo>
                <a:cubicBezTo>
                  <a:pt x="10684" y="6134"/>
                  <a:pt x="10680" y="6134"/>
                  <a:pt x="10675" y="6134"/>
                </a:cubicBezTo>
                <a:cubicBezTo>
                  <a:pt x="10657" y="6134"/>
                  <a:pt x="10638" y="6137"/>
                  <a:pt x="10622" y="6139"/>
                </a:cubicBezTo>
                <a:cubicBezTo>
                  <a:pt x="10592" y="6146"/>
                  <a:pt x="10548" y="6155"/>
                  <a:pt x="10474" y="6176"/>
                </a:cubicBezTo>
                <a:lnTo>
                  <a:pt x="10462" y="6160"/>
                </a:lnTo>
                <a:cubicBezTo>
                  <a:pt x="10494" y="6153"/>
                  <a:pt x="10529" y="6146"/>
                  <a:pt x="10564" y="6139"/>
                </a:cubicBezTo>
                <a:cubicBezTo>
                  <a:pt x="10599" y="6134"/>
                  <a:pt x="10633" y="6127"/>
                  <a:pt x="10671" y="6123"/>
                </a:cubicBezTo>
                <a:cubicBezTo>
                  <a:pt x="10742" y="6113"/>
                  <a:pt x="10814" y="6102"/>
                  <a:pt x="10879" y="6095"/>
                </a:cubicBezTo>
                <a:lnTo>
                  <a:pt x="10879" y="6095"/>
                </a:lnTo>
                <a:cubicBezTo>
                  <a:pt x="10851" y="6104"/>
                  <a:pt x="10884" y="6104"/>
                  <a:pt x="10840" y="6111"/>
                </a:cubicBezTo>
                <a:cubicBezTo>
                  <a:pt x="10904" y="6104"/>
                  <a:pt x="10969" y="6093"/>
                  <a:pt x="11034" y="6088"/>
                </a:cubicBezTo>
                <a:cubicBezTo>
                  <a:pt x="11101" y="6081"/>
                  <a:pt x="11166" y="6076"/>
                  <a:pt x="11231" y="6072"/>
                </a:cubicBezTo>
                <a:lnTo>
                  <a:pt x="11231" y="6072"/>
                </a:lnTo>
                <a:cubicBezTo>
                  <a:pt x="11217" y="6076"/>
                  <a:pt x="11206" y="6079"/>
                  <a:pt x="11192" y="6086"/>
                </a:cubicBezTo>
                <a:cubicBezTo>
                  <a:pt x="11222" y="6084"/>
                  <a:pt x="11253" y="6084"/>
                  <a:pt x="11285" y="6084"/>
                </a:cubicBezTo>
                <a:cubicBezTo>
                  <a:pt x="11317" y="6084"/>
                  <a:pt x="11349" y="6084"/>
                  <a:pt x="11382" y="6083"/>
                </a:cubicBezTo>
                <a:cubicBezTo>
                  <a:pt x="11391" y="6083"/>
                  <a:pt x="11400" y="6083"/>
                  <a:pt x="11409" y="6083"/>
                </a:cubicBezTo>
                <a:cubicBezTo>
                  <a:pt x="11463" y="6083"/>
                  <a:pt x="11518" y="6088"/>
                  <a:pt x="11572" y="6088"/>
                </a:cubicBezTo>
                <a:cubicBezTo>
                  <a:pt x="11694" y="6095"/>
                  <a:pt x="11803" y="6102"/>
                  <a:pt x="11877" y="6104"/>
                </a:cubicBezTo>
                <a:cubicBezTo>
                  <a:pt x="11831" y="6102"/>
                  <a:pt x="11785" y="6097"/>
                  <a:pt x="11738" y="6088"/>
                </a:cubicBezTo>
                <a:cubicBezTo>
                  <a:pt x="11715" y="6083"/>
                  <a:pt x="11720" y="6079"/>
                  <a:pt x="11782" y="6079"/>
                </a:cubicBezTo>
                <a:cubicBezTo>
                  <a:pt x="11817" y="6077"/>
                  <a:pt x="11852" y="6076"/>
                  <a:pt x="11887" y="6076"/>
                </a:cubicBezTo>
                <a:cubicBezTo>
                  <a:pt x="11956" y="6076"/>
                  <a:pt x="12026" y="6079"/>
                  <a:pt x="12095" y="6086"/>
                </a:cubicBezTo>
                <a:cubicBezTo>
                  <a:pt x="12150" y="6108"/>
                  <a:pt x="12525" y="6144"/>
                  <a:pt x="12341" y="6144"/>
                </a:cubicBezTo>
                <a:cubicBezTo>
                  <a:pt x="12331" y="6144"/>
                  <a:pt x="12318" y="6144"/>
                  <a:pt x="12304" y="6144"/>
                </a:cubicBezTo>
                <a:lnTo>
                  <a:pt x="12304" y="6144"/>
                </a:lnTo>
                <a:cubicBezTo>
                  <a:pt x="12622" y="6163"/>
                  <a:pt x="12537" y="6152"/>
                  <a:pt x="12785" y="6164"/>
                </a:cubicBezTo>
                <a:lnTo>
                  <a:pt x="12785" y="6164"/>
                </a:lnTo>
                <a:cubicBezTo>
                  <a:pt x="12733" y="6161"/>
                  <a:pt x="12681" y="6156"/>
                  <a:pt x="12630" y="6153"/>
                </a:cubicBezTo>
                <a:cubicBezTo>
                  <a:pt x="12602" y="6134"/>
                  <a:pt x="12788" y="6127"/>
                  <a:pt x="12579" y="6097"/>
                </a:cubicBezTo>
                <a:lnTo>
                  <a:pt x="12579" y="6097"/>
                </a:lnTo>
                <a:cubicBezTo>
                  <a:pt x="12616" y="6099"/>
                  <a:pt x="12644" y="6100"/>
                  <a:pt x="12666" y="6100"/>
                </a:cubicBezTo>
                <a:cubicBezTo>
                  <a:pt x="12754" y="6100"/>
                  <a:pt x="12745" y="6086"/>
                  <a:pt x="12833" y="6086"/>
                </a:cubicBezTo>
                <a:cubicBezTo>
                  <a:pt x="12869" y="6086"/>
                  <a:pt x="12921" y="6089"/>
                  <a:pt x="13001" y="6095"/>
                </a:cubicBezTo>
                <a:cubicBezTo>
                  <a:pt x="13068" y="6104"/>
                  <a:pt x="13056" y="6111"/>
                  <a:pt x="13008" y="6113"/>
                </a:cubicBezTo>
                <a:cubicBezTo>
                  <a:pt x="12975" y="6114"/>
                  <a:pt x="12943" y="6115"/>
                  <a:pt x="12910" y="6115"/>
                </a:cubicBezTo>
                <a:cubicBezTo>
                  <a:pt x="12864" y="6115"/>
                  <a:pt x="12819" y="6114"/>
                  <a:pt x="12774" y="6111"/>
                </a:cubicBezTo>
                <a:lnTo>
                  <a:pt x="12774" y="6111"/>
                </a:lnTo>
                <a:cubicBezTo>
                  <a:pt x="12864" y="6123"/>
                  <a:pt x="12957" y="6130"/>
                  <a:pt x="13047" y="6132"/>
                </a:cubicBezTo>
                <a:cubicBezTo>
                  <a:pt x="13082" y="6141"/>
                  <a:pt x="13038" y="6144"/>
                  <a:pt x="12987" y="6144"/>
                </a:cubicBezTo>
                <a:cubicBezTo>
                  <a:pt x="12976" y="6143"/>
                  <a:pt x="12965" y="6143"/>
                  <a:pt x="12955" y="6143"/>
                </a:cubicBezTo>
                <a:cubicBezTo>
                  <a:pt x="12929" y="6143"/>
                  <a:pt x="12904" y="6144"/>
                  <a:pt x="12878" y="6146"/>
                </a:cubicBezTo>
                <a:cubicBezTo>
                  <a:pt x="12920" y="6149"/>
                  <a:pt x="12941" y="6150"/>
                  <a:pt x="12952" y="6150"/>
                </a:cubicBezTo>
                <a:cubicBezTo>
                  <a:pt x="12977" y="6150"/>
                  <a:pt x="12942" y="6144"/>
                  <a:pt x="12980" y="6144"/>
                </a:cubicBezTo>
                <a:cubicBezTo>
                  <a:pt x="12991" y="6144"/>
                  <a:pt x="13009" y="6144"/>
                  <a:pt x="13038" y="6146"/>
                </a:cubicBezTo>
                <a:cubicBezTo>
                  <a:pt x="13048" y="6146"/>
                  <a:pt x="13057" y="6145"/>
                  <a:pt x="13067" y="6145"/>
                </a:cubicBezTo>
                <a:cubicBezTo>
                  <a:pt x="13134" y="6145"/>
                  <a:pt x="13200" y="6152"/>
                  <a:pt x="13265" y="6164"/>
                </a:cubicBezTo>
                <a:cubicBezTo>
                  <a:pt x="13290" y="6171"/>
                  <a:pt x="13316" y="6174"/>
                  <a:pt x="13341" y="6178"/>
                </a:cubicBezTo>
                <a:cubicBezTo>
                  <a:pt x="13377" y="6182"/>
                  <a:pt x="13413" y="6184"/>
                  <a:pt x="13447" y="6184"/>
                </a:cubicBezTo>
                <a:cubicBezTo>
                  <a:pt x="13460" y="6184"/>
                  <a:pt x="13473" y="6184"/>
                  <a:pt x="13485" y="6183"/>
                </a:cubicBezTo>
                <a:cubicBezTo>
                  <a:pt x="13457" y="6183"/>
                  <a:pt x="13416" y="6181"/>
                  <a:pt x="13390" y="6178"/>
                </a:cubicBezTo>
                <a:cubicBezTo>
                  <a:pt x="13367" y="6176"/>
                  <a:pt x="13358" y="6171"/>
                  <a:pt x="13392" y="6169"/>
                </a:cubicBezTo>
                <a:cubicBezTo>
                  <a:pt x="13438" y="6170"/>
                  <a:pt x="13475" y="6171"/>
                  <a:pt x="13506" y="6171"/>
                </a:cubicBezTo>
                <a:cubicBezTo>
                  <a:pt x="13537" y="6171"/>
                  <a:pt x="13561" y="6170"/>
                  <a:pt x="13582" y="6169"/>
                </a:cubicBezTo>
                <a:cubicBezTo>
                  <a:pt x="13608" y="6169"/>
                  <a:pt x="13636" y="6167"/>
                  <a:pt x="13663" y="6162"/>
                </a:cubicBezTo>
                <a:cubicBezTo>
                  <a:pt x="13682" y="6160"/>
                  <a:pt x="13698" y="6157"/>
                  <a:pt x="13726" y="6153"/>
                </a:cubicBezTo>
                <a:cubicBezTo>
                  <a:pt x="13751" y="6151"/>
                  <a:pt x="13791" y="6148"/>
                  <a:pt x="13858" y="6144"/>
                </a:cubicBezTo>
                <a:cubicBezTo>
                  <a:pt x="13900" y="6146"/>
                  <a:pt x="13944" y="6155"/>
                  <a:pt x="13985" y="6167"/>
                </a:cubicBezTo>
                <a:cubicBezTo>
                  <a:pt x="14009" y="6171"/>
                  <a:pt x="14029" y="6174"/>
                  <a:pt x="14053" y="6174"/>
                </a:cubicBezTo>
                <a:cubicBezTo>
                  <a:pt x="14097" y="6174"/>
                  <a:pt x="14138" y="6171"/>
                  <a:pt x="14182" y="6164"/>
                </a:cubicBezTo>
                <a:lnTo>
                  <a:pt x="14182" y="6164"/>
                </a:lnTo>
                <a:cubicBezTo>
                  <a:pt x="14138" y="6171"/>
                  <a:pt x="14094" y="6176"/>
                  <a:pt x="14050" y="6181"/>
                </a:cubicBezTo>
                <a:cubicBezTo>
                  <a:pt x="14059" y="6181"/>
                  <a:pt x="14067" y="6181"/>
                  <a:pt x="14076" y="6181"/>
                </a:cubicBezTo>
                <a:cubicBezTo>
                  <a:pt x="14167" y="6181"/>
                  <a:pt x="14258" y="6170"/>
                  <a:pt x="14347" y="6153"/>
                </a:cubicBezTo>
                <a:cubicBezTo>
                  <a:pt x="14758" y="6048"/>
                  <a:pt x="15137" y="5856"/>
                  <a:pt x="15462" y="5588"/>
                </a:cubicBezTo>
                <a:lnTo>
                  <a:pt x="15462" y="5588"/>
                </a:lnTo>
                <a:cubicBezTo>
                  <a:pt x="15457" y="5591"/>
                  <a:pt x="15452" y="5595"/>
                  <a:pt x="15447" y="5599"/>
                </a:cubicBezTo>
                <a:cubicBezTo>
                  <a:pt x="15442" y="5603"/>
                  <a:pt x="15439" y="5604"/>
                  <a:pt x="15438" y="5604"/>
                </a:cubicBezTo>
                <a:cubicBezTo>
                  <a:pt x="15434" y="5604"/>
                  <a:pt x="15457" y="5584"/>
                  <a:pt x="15484" y="5562"/>
                </a:cubicBezTo>
                <a:cubicBezTo>
                  <a:pt x="15510" y="5541"/>
                  <a:pt x="15533" y="5520"/>
                  <a:pt x="15551" y="5495"/>
                </a:cubicBezTo>
                <a:cubicBezTo>
                  <a:pt x="15581" y="5472"/>
                  <a:pt x="15612" y="5451"/>
                  <a:pt x="15642" y="5428"/>
                </a:cubicBezTo>
                <a:cubicBezTo>
                  <a:pt x="15643" y="5425"/>
                  <a:pt x="15642" y="5424"/>
                  <a:pt x="15641" y="5424"/>
                </a:cubicBezTo>
                <a:cubicBezTo>
                  <a:pt x="15633" y="5424"/>
                  <a:pt x="15593" y="5456"/>
                  <a:pt x="15554" y="5486"/>
                </a:cubicBezTo>
                <a:cubicBezTo>
                  <a:pt x="15520" y="5509"/>
                  <a:pt x="15486" y="5533"/>
                  <a:pt x="15478" y="5533"/>
                </a:cubicBezTo>
                <a:cubicBezTo>
                  <a:pt x="15475" y="5533"/>
                  <a:pt x="15476" y="5530"/>
                  <a:pt x="15482" y="5523"/>
                </a:cubicBezTo>
                <a:cubicBezTo>
                  <a:pt x="15503" y="5509"/>
                  <a:pt x="15521" y="5495"/>
                  <a:pt x="15540" y="5479"/>
                </a:cubicBezTo>
                <a:lnTo>
                  <a:pt x="15540" y="5479"/>
                </a:lnTo>
                <a:cubicBezTo>
                  <a:pt x="15512" y="5497"/>
                  <a:pt x="15486" y="5520"/>
                  <a:pt x="15456" y="5539"/>
                </a:cubicBezTo>
                <a:cubicBezTo>
                  <a:pt x="15542" y="5474"/>
                  <a:pt x="15618" y="5402"/>
                  <a:pt x="15688" y="5324"/>
                </a:cubicBezTo>
                <a:cubicBezTo>
                  <a:pt x="15753" y="5252"/>
                  <a:pt x="15806" y="5182"/>
                  <a:pt x="15866" y="5117"/>
                </a:cubicBezTo>
                <a:lnTo>
                  <a:pt x="15866" y="5117"/>
                </a:lnTo>
                <a:cubicBezTo>
                  <a:pt x="15804" y="5210"/>
                  <a:pt x="15764" y="5259"/>
                  <a:pt x="15746" y="5286"/>
                </a:cubicBezTo>
                <a:cubicBezTo>
                  <a:pt x="15734" y="5300"/>
                  <a:pt x="15725" y="5317"/>
                  <a:pt x="15723" y="5335"/>
                </a:cubicBezTo>
                <a:cubicBezTo>
                  <a:pt x="15723" y="5354"/>
                  <a:pt x="15713" y="5372"/>
                  <a:pt x="15702" y="5384"/>
                </a:cubicBezTo>
                <a:cubicBezTo>
                  <a:pt x="15693" y="5398"/>
                  <a:pt x="15676" y="5416"/>
                  <a:pt x="15653" y="5442"/>
                </a:cubicBezTo>
                <a:cubicBezTo>
                  <a:pt x="15644" y="5453"/>
                  <a:pt x="15634" y="5464"/>
                  <a:pt x="15622" y="5476"/>
                </a:cubicBezTo>
                <a:lnTo>
                  <a:pt x="15622" y="5476"/>
                </a:lnTo>
                <a:cubicBezTo>
                  <a:pt x="15638" y="5462"/>
                  <a:pt x="15646" y="5456"/>
                  <a:pt x="15649" y="5456"/>
                </a:cubicBezTo>
                <a:cubicBezTo>
                  <a:pt x="15657" y="5456"/>
                  <a:pt x="15613" y="5509"/>
                  <a:pt x="15621" y="5509"/>
                </a:cubicBezTo>
                <a:cubicBezTo>
                  <a:pt x="15622" y="5509"/>
                  <a:pt x="15622" y="5509"/>
                  <a:pt x="15623" y="5509"/>
                </a:cubicBezTo>
                <a:cubicBezTo>
                  <a:pt x="15651" y="5488"/>
                  <a:pt x="15672" y="5465"/>
                  <a:pt x="15693" y="5439"/>
                </a:cubicBezTo>
                <a:cubicBezTo>
                  <a:pt x="15700" y="5430"/>
                  <a:pt x="15706" y="5421"/>
                  <a:pt x="15713" y="5414"/>
                </a:cubicBezTo>
                <a:lnTo>
                  <a:pt x="15767" y="5358"/>
                </a:lnTo>
                <a:lnTo>
                  <a:pt x="15767" y="5358"/>
                </a:lnTo>
                <a:cubicBezTo>
                  <a:pt x="15760" y="5375"/>
                  <a:pt x="15751" y="5388"/>
                  <a:pt x="15739" y="5400"/>
                </a:cubicBezTo>
                <a:lnTo>
                  <a:pt x="15679" y="5472"/>
                </a:lnTo>
                <a:cubicBezTo>
                  <a:pt x="15651" y="5501"/>
                  <a:pt x="15629" y="5525"/>
                  <a:pt x="15634" y="5525"/>
                </a:cubicBezTo>
                <a:cubicBezTo>
                  <a:pt x="15636" y="5525"/>
                  <a:pt x="15645" y="5519"/>
                  <a:pt x="15662" y="5504"/>
                </a:cubicBezTo>
                <a:cubicBezTo>
                  <a:pt x="15662" y="5483"/>
                  <a:pt x="15757" y="5395"/>
                  <a:pt x="15790" y="5340"/>
                </a:cubicBezTo>
                <a:cubicBezTo>
                  <a:pt x="15814" y="5314"/>
                  <a:pt x="15823" y="5306"/>
                  <a:pt x="15826" y="5306"/>
                </a:cubicBezTo>
                <a:cubicBezTo>
                  <a:pt x="15830" y="5306"/>
                  <a:pt x="15818" y="5324"/>
                  <a:pt x="15822" y="5324"/>
                </a:cubicBezTo>
                <a:cubicBezTo>
                  <a:pt x="15823" y="5324"/>
                  <a:pt x="15826" y="5322"/>
                  <a:pt x="15832" y="5317"/>
                </a:cubicBezTo>
                <a:cubicBezTo>
                  <a:pt x="15850" y="5293"/>
                  <a:pt x="15864" y="5275"/>
                  <a:pt x="15878" y="5256"/>
                </a:cubicBezTo>
                <a:cubicBezTo>
                  <a:pt x="15889" y="5236"/>
                  <a:pt x="15903" y="5217"/>
                  <a:pt x="15920" y="5198"/>
                </a:cubicBezTo>
                <a:lnTo>
                  <a:pt x="15920" y="5198"/>
                </a:lnTo>
                <a:lnTo>
                  <a:pt x="15903" y="5238"/>
                </a:lnTo>
                <a:cubicBezTo>
                  <a:pt x="15936" y="5201"/>
                  <a:pt x="15964" y="5161"/>
                  <a:pt x="15991" y="5120"/>
                </a:cubicBezTo>
                <a:cubicBezTo>
                  <a:pt x="16001" y="5103"/>
                  <a:pt x="16008" y="5087"/>
                  <a:pt x="16015" y="5069"/>
                </a:cubicBezTo>
                <a:cubicBezTo>
                  <a:pt x="16022" y="5039"/>
                  <a:pt x="16038" y="5011"/>
                  <a:pt x="16107" y="4856"/>
                </a:cubicBezTo>
                <a:cubicBezTo>
                  <a:pt x="16107" y="4855"/>
                  <a:pt x="16106" y="4854"/>
                  <a:pt x="16105" y="4854"/>
                </a:cubicBezTo>
                <a:cubicBezTo>
                  <a:pt x="16092" y="4854"/>
                  <a:pt x="16061" y="4949"/>
                  <a:pt x="15996" y="5064"/>
                </a:cubicBezTo>
                <a:cubicBezTo>
                  <a:pt x="15993" y="5066"/>
                  <a:pt x="15991" y="5067"/>
                  <a:pt x="15989" y="5067"/>
                </a:cubicBezTo>
                <a:cubicBezTo>
                  <a:pt x="15973" y="5067"/>
                  <a:pt x="16016" y="4980"/>
                  <a:pt x="16049" y="4883"/>
                </a:cubicBezTo>
                <a:cubicBezTo>
                  <a:pt x="16066" y="4835"/>
                  <a:pt x="16079" y="4784"/>
                  <a:pt x="16089" y="4733"/>
                </a:cubicBezTo>
                <a:cubicBezTo>
                  <a:pt x="16093" y="4694"/>
                  <a:pt x="16093" y="4670"/>
                  <a:pt x="16086" y="4670"/>
                </a:cubicBezTo>
                <a:cubicBezTo>
                  <a:pt x="16085" y="4670"/>
                  <a:pt x="16085" y="4670"/>
                  <a:pt x="16084" y="4670"/>
                </a:cubicBezTo>
                <a:cubicBezTo>
                  <a:pt x="16093" y="4633"/>
                  <a:pt x="16096" y="4605"/>
                  <a:pt x="16100" y="4587"/>
                </a:cubicBezTo>
                <a:cubicBezTo>
                  <a:pt x="16105" y="4568"/>
                  <a:pt x="16107" y="4559"/>
                  <a:pt x="16107" y="4552"/>
                </a:cubicBezTo>
                <a:cubicBezTo>
                  <a:pt x="16109" y="4550"/>
                  <a:pt x="16109" y="4548"/>
                  <a:pt x="16110" y="4548"/>
                </a:cubicBezTo>
                <a:cubicBezTo>
                  <a:pt x="16112" y="4548"/>
                  <a:pt x="16112" y="4557"/>
                  <a:pt x="16112" y="4568"/>
                </a:cubicBezTo>
                <a:cubicBezTo>
                  <a:pt x="16112" y="4580"/>
                  <a:pt x="16112" y="4592"/>
                  <a:pt x="16115" y="4592"/>
                </a:cubicBezTo>
                <a:cubicBezTo>
                  <a:pt x="16115" y="4592"/>
                  <a:pt x="16116" y="4592"/>
                  <a:pt x="16117" y="4592"/>
                </a:cubicBezTo>
                <a:cubicBezTo>
                  <a:pt x="16128" y="4561"/>
                  <a:pt x="16135" y="4529"/>
                  <a:pt x="16137" y="4497"/>
                </a:cubicBezTo>
                <a:cubicBezTo>
                  <a:pt x="16145" y="4472"/>
                  <a:pt x="16149" y="4461"/>
                  <a:pt x="16152" y="4461"/>
                </a:cubicBezTo>
                <a:cubicBezTo>
                  <a:pt x="16158" y="4461"/>
                  <a:pt x="16157" y="4500"/>
                  <a:pt x="16154" y="4550"/>
                </a:cubicBezTo>
                <a:cubicBezTo>
                  <a:pt x="16151" y="4571"/>
                  <a:pt x="16149" y="4592"/>
                  <a:pt x="16147" y="4612"/>
                </a:cubicBezTo>
                <a:cubicBezTo>
                  <a:pt x="16144" y="4633"/>
                  <a:pt x="16142" y="4654"/>
                  <a:pt x="16137" y="4673"/>
                </a:cubicBezTo>
                <a:cubicBezTo>
                  <a:pt x="16128" y="4712"/>
                  <a:pt x="16123" y="4747"/>
                  <a:pt x="16121" y="4763"/>
                </a:cubicBezTo>
                <a:cubicBezTo>
                  <a:pt x="16154" y="4675"/>
                  <a:pt x="16179" y="4585"/>
                  <a:pt x="16193" y="4490"/>
                </a:cubicBezTo>
                <a:cubicBezTo>
                  <a:pt x="16198" y="4517"/>
                  <a:pt x="16198" y="4548"/>
                  <a:pt x="16198" y="4575"/>
                </a:cubicBezTo>
                <a:cubicBezTo>
                  <a:pt x="16195" y="4605"/>
                  <a:pt x="16191" y="4640"/>
                  <a:pt x="16186" y="4670"/>
                </a:cubicBezTo>
                <a:cubicBezTo>
                  <a:pt x="16181" y="4703"/>
                  <a:pt x="16174" y="4733"/>
                  <a:pt x="16170" y="4758"/>
                </a:cubicBezTo>
                <a:cubicBezTo>
                  <a:pt x="16165" y="4777"/>
                  <a:pt x="16163" y="4798"/>
                  <a:pt x="16165" y="4819"/>
                </a:cubicBezTo>
                <a:cubicBezTo>
                  <a:pt x="16174" y="4793"/>
                  <a:pt x="16181" y="4772"/>
                  <a:pt x="16188" y="4751"/>
                </a:cubicBezTo>
                <a:cubicBezTo>
                  <a:pt x="16193" y="4731"/>
                  <a:pt x="16198" y="4714"/>
                  <a:pt x="16200" y="4698"/>
                </a:cubicBezTo>
                <a:cubicBezTo>
                  <a:pt x="16207" y="4673"/>
                  <a:pt x="16211" y="4647"/>
                  <a:pt x="16216" y="4619"/>
                </a:cubicBezTo>
                <a:cubicBezTo>
                  <a:pt x="16218" y="4594"/>
                  <a:pt x="16221" y="4566"/>
                  <a:pt x="16223" y="4541"/>
                </a:cubicBezTo>
                <a:cubicBezTo>
                  <a:pt x="16223" y="4508"/>
                  <a:pt x="16228" y="4469"/>
                  <a:pt x="16228" y="4413"/>
                </a:cubicBezTo>
                <a:lnTo>
                  <a:pt x="16228" y="4413"/>
                </a:lnTo>
                <a:cubicBezTo>
                  <a:pt x="16225" y="4434"/>
                  <a:pt x="16223" y="4453"/>
                  <a:pt x="16221" y="4469"/>
                </a:cubicBezTo>
                <a:cubicBezTo>
                  <a:pt x="16218" y="4485"/>
                  <a:pt x="16216" y="4499"/>
                  <a:pt x="16214" y="4508"/>
                </a:cubicBezTo>
                <a:cubicBezTo>
                  <a:pt x="16211" y="4517"/>
                  <a:pt x="16207" y="4529"/>
                  <a:pt x="16205" y="4538"/>
                </a:cubicBezTo>
                <a:cubicBezTo>
                  <a:pt x="16204" y="4539"/>
                  <a:pt x="16204" y="4539"/>
                  <a:pt x="16203" y="4539"/>
                </a:cubicBezTo>
                <a:cubicBezTo>
                  <a:pt x="16200" y="4539"/>
                  <a:pt x="16200" y="4517"/>
                  <a:pt x="16202" y="4492"/>
                </a:cubicBezTo>
                <a:cubicBezTo>
                  <a:pt x="16202" y="4466"/>
                  <a:pt x="16202" y="4441"/>
                  <a:pt x="16198" y="4415"/>
                </a:cubicBezTo>
                <a:cubicBezTo>
                  <a:pt x="16197" y="4412"/>
                  <a:pt x="16196" y="4410"/>
                  <a:pt x="16194" y="4410"/>
                </a:cubicBezTo>
                <a:cubicBezTo>
                  <a:pt x="16191" y="4410"/>
                  <a:pt x="16186" y="4422"/>
                  <a:pt x="16179" y="4457"/>
                </a:cubicBezTo>
                <a:cubicBezTo>
                  <a:pt x="16184" y="4418"/>
                  <a:pt x="16186" y="4392"/>
                  <a:pt x="16188" y="4371"/>
                </a:cubicBezTo>
                <a:cubicBezTo>
                  <a:pt x="16191" y="4351"/>
                  <a:pt x="16191" y="4334"/>
                  <a:pt x="16193" y="4316"/>
                </a:cubicBezTo>
                <a:cubicBezTo>
                  <a:pt x="16195" y="4249"/>
                  <a:pt x="16188" y="4182"/>
                  <a:pt x="16177" y="4117"/>
                </a:cubicBezTo>
                <a:lnTo>
                  <a:pt x="16177" y="4117"/>
                </a:lnTo>
                <a:cubicBezTo>
                  <a:pt x="16193" y="4191"/>
                  <a:pt x="16195" y="4191"/>
                  <a:pt x="16202" y="4198"/>
                </a:cubicBezTo>
                <a:cubicBezTo>
                  <a:pt x="16207" y="4205"/>
                  <a:pt x="16211" y="4214"/>
                  <a:pt x="16211" y="4223"/>
                </a:cubicBezTo>
                <a:cubicBezTo>
                  <a:pt x="16214" y="4242"/>
                  <a:pt x="16217" y="4261"/>
                  <a:pt x="16218" y="4281"/>
                </a:cubicBezTo>
                <a:lnTo>
                  <a:pt x="16218" y="4281"/>
                </a:lnTo>
                <a:cubicBezTo>
                  <a:pt x="16218" y="4275"/>
                  <a:pt x="16218" y="4268"/>
                  <a:pt x="16218" y="4263"/>
                </a:cubicBezTo>
                <a:cubicBezTo>
                  <a:pt x="16216" y="4244"/>
                  <a:pt x="16214" y="4230"/>
                  <a:pt x="16211" y="4214"/>
                </a:cubicBezTo>
                <a:cubicBezTo>
                  <a:pt x="16209" y="4186"/>
                  <a:pt x="16207" y="4163"/>
                  <a:pt x="16202" y="4142"/>
                </a:cubicBezTo>
                <a:cubicBezTo>
                  <a:pt x="16195" y="4100"/>
                  <a:pt x="16191" y="4073"/>
                  <a:pt x="16184" y="4045"/>
                </a:cubicBezTo>
                <a:cubicBezTo>
                  <a:pt x="16172" y="3989"/>
                  <a:pt x="16158" y="3934"/>
                  <a:pt x="16119" y="3783"/>
                </a:cubicBezTo>
                <a:cubicBezTo>
                  <a:pt x="16114" y="3773"/>
                  <a:pt x="16111" y="3769"/>
                  <a:pt x="16109" y="3769"/>
                </a:cubicBezTo>
                <a:cubicBezTo>
                  <a:pt x="16099" y="3769"/>
                  <a:pt x="16122" y="3887"/>
                  <a:pt x="16116" y="3887"/>
                </a:cubicBezTo>
                <a:cubicBezTo>
                  <a:pt x="16112" y="3887"/>
                  <a:pt x="16099" y="3850"/>
                  <a:pt x="16066" y="3734"/>
                </a:cubicBezTo>
                <a:cubicBezTo>
                  <a:pt x="16055" y="3695"/>
                  <a:pt x="16053" y="3679"/>
                  <a:pt x="16055" y="3679"/>
                </a:cubicBezTo>
                <a:cubicBezTo>
                  <a:pt x="16057" y="3679"/>
                  <a:pt x="16062" y="3693"/>
                  <a:pt x="16068" y="3716"/>
                </a:cubicBezTo>
                <a:cubicBezTo>
                  <a:pt x="16050" y="3634"/>
                  <a:pt x="16042" y="3610"/>
                  <a:pt x="16038" y="3610"/>
                </a:cubicBezTo>
                <a:cubicBezTo>
                  <a:pt x="16032" y="3610"/>
                  <a:pt x="16035" y="3663"/>
                  <a:pt x="16027" y="3663"/>
                </a:cubicBezTo>
                <a:cubicBezTo>
                  <a:pt x="16023" y="3663"/>
                  <a:pt x="16016" y="3651"/>
                  <a:pt x="16005" y="3616"/>
                </a:cubicBezTo>
                <a:cubicBezTo>
                  <a:pt x="15985" y="3533"/>
                  <a:pt x="15979" y="3487"/>
                  <a:pt x="15983" y="3487"/>
                </a:cubicBezTo>
                <a:lnTo>
                  <a:pt x="15983" y="3487"/>
                </a:lnTo>
                <a:cubicBezTo>
                  <a:pt x="15983" y="3487"/>
                  <a:pt x="15984" y="3489"/>
                  <a:pt x="15986" y="3494"/>
                </a:cubicBezTo>
                <a:lnTo>
                  <a:pt x="15986" y="3494"/>
                </a:lnTo>
                <a:cubicBezTo>
                  <a:pt x="15965" y="3420"/>
                  <a:pt x="15959" y="3400"/>
                  <a:pt x="15950" y="3389"/>
                </a:cubicBezTo>
                <a:cubicBezTo>
                  <a:pt x="15943" y="3378"/>
                  <a:pt x="15938" y="3375"/>
                  <a:pt x="15927" y="3315"/>
                </a:cubicBezTo>
                <a:lnTo>
                  <a:pt x="15927" y="3315"/>
                </a:lnTo>
                <a:lnTo>
                  <a:pt x="15931" y="3371"/>
                </a:lnTo>
                <a:cubicBezTo>
                  <a:pt x="15929" y="3362"/>
                  <a:pt x="15926" y="3359"/>
                  <a:pt x="15924" y="3359"/>
                </a:cubicBezTo>
                <a:cubicBezTo>
                  <a:pt x="15921" y="3359"/>
                  <a:pt x="15917" y="3366"/>
                  <a:pt x="15912" y="3366"/>
                </a:cubicBezTo>
                <a:cubicBezTo>
                  <a:pt x="15911" y="3366"/>
                  <a:pt x="15911" y="3366"/>
                  <a:pt x="15910" y="3366"/>
                </a:cubicBezTo>
                <a:cubicBezTo>
                  <a:pt x="15903" y="3364"/>
                  <a:pt x="15901" y="3357"/>
                  <a:pt x="15896" y="3334"/>
                </a:cubicBezTo>
                <a:cubicBezTo>
                  <a:pt x="15892" y="3322"/>
                  <a:pt x="15889" y="3304"/>
                  <a:pt x="15885" y="3285"/>
                </a:cubicBezTo>
                <a:cubicBezTo>
                  <a:pt x="15883" y="3264"/>
                  <a:pt x="15880" y="3236"/>
                  <a:pt x="15878" y="3202"/>
                </a:cubicBezTo>
                <a:cubicBezTo>
                  <a:pt x="15876" y="3153"/>
                  <a:pt x="15878" y="3121"/>
                  <a:pt x="15878" y="3097"/>
                </a:cubicBezTo>
                <a:cubicBezTo>
                  <a:pt x="15878" y="3086"/>
                  <a:pt x="15880" y="3072"/>
                  <a:pt x="15885" y="3060"/>
                </a:cubicBezTo>
                <a:cubicBezTo>
                  <a:pt x="15886" y="3058"/>
                  <a:pt x="15887" y="3057"/>
                  <a:pt x="15888" y="3057"/>
                </a:cubicBezTo>
                <a:cubicBezTo>
                  <a:pt x="15891" y="3057"/>
                  <a:pt x="15893" y="3063"/>
                  <a:pt x="15895" y="3063"/>
                </a:cubicBezTo>
                <a:cubicBezTo>
                  <a:pt x="15896" y="3063"/>
                  <a:pt x="15896" y="3063"/>
                  <a:pt x="15896" y="3063"/>
                </a:cubicBezTo>
                <a:cubicBezTo>
                  <a:pt x="15896" y="3044"/>
                  <a:pt x="15896" y="3026"/>
                  <a:pt x="15896" y="3007"/>
                </a:cubicBezTo>
                <a:cubicBezTo>
                  <a:pt x="15901" y="2991"/>
                  <a:pt x="15903" y="2972"/>
                  <a:pt x="15906" y="2956"/>
                </a:cubicBezTo>
                <a:cubicBezTo>
                  <a:pt x="15908" y="2938"/>
                  <a:pt x="15910" y="2921"/>
                  <a:pt x="15915" y="2905"/>
                </a:cubicBezTo>
                <a:cubicBezTo>
                  <a:pt x="15920" y="2889"/>
                  <a:pt x="15924" y="2875"/>
                  <a:pt x="15927" y="2859"/>
                </a:cubicBezTo>
                <a:cubicBezTo>
                  <a:pt x="15931" y="2845"/>
                  <a:pt x="15936" y="2831"/>
                  <a:pt x="15940" y="2817"/>
                </a:cubicBezTo>
                <a:lnTo>
                  <a:pt x="15959" y="2775"/>
                </a:lnTo>
                <a:cubicBezTo>
                  <a:pt x="15971" y="2750"/>
                  <a:pt x="15982" y="2727"/>
                  <a:pt x="15996" y="2704"/>
                </a:cubicBezTo>
                <a:lnTo>
                  <a:pt x="15996" y="2704"/>
                </a:lnTo>
                <a:cubicBezTo>
                  <a:pt x="15994" y="2705"/>
                  <a:pt x="15993" y="2706"/>
                  <a:pt x="15992" y="2706"/>
                </a:cubicBezTo>
                <a:cubicBezTo>
                  <a:pt x="15990" y="2706"/>
                  <a:pt x="15990" y="2703"/>
                  <a:pt x="15991" y="2699"/>
                </a:cubicBezTo>
                <a:cubicBezTo>
                  <a:pt x="15996" y="2685"/>
                  <a:pt x="16003" y="2671"/>
                  <a:pt x="16012" y="2657"/>
                </a:cubicBezTo>
                <a:cubicBezTo>
                  <a:pt x="16075" y="2541"/>
                  <a:pt x="16107" y="2521"/>
                  <a:pt x="16121" y="2509"/>
                </a:cubicBezTo>
                <a:cubicBezTo>
                  <a:pt x="16140" y="2502"/>
                  <a:pt x="16158" y="2488"/>
                  <a:pt x="16170" y="2474"/>
                </a:cubicBezTo>
                <a:cubicBezTo>
                  <a:pt x="16232" y="2409"/>
                  <a:pt x="16265" y="2382"/>
                  <a:pt x="16276" y="2368"/>
                </a:cubicBezTo>
                <a:cubicBezTo>
                  <a:pt x="16288" y="2352"/>
                  <a:pt x="16281" y="2352"/>
                  <a:pt x="16276" y="2349"/>
                </a:cubicBezTo>
                <a:cubicBezTo>
                  <a:pt x="16272" y="2347"/>
                  <a:pt x="16265" y="2345"/>
                  <a:pt x="16281" y="2324"/>
                </a:cubicBezTo>
                <a:cubicBezTo>
                  <a:pt x="16317" y="2286"/>
                  <a:pt x="16356" y="2250"/>
                  <a:pt x="16399" y="2220"/>
                </a:cubicBezTo>
                <a:lnTo>
                  <a:pt x="16399" y="2220"/>
                </a:lnTo>
                <a:cubicBezTo>
                  <a:pt x="16275" y="2306"/>
                  <a:pt x="16162" y="2412"/>
                  <a:pt x="16066" y="2530"/>
                </a:cubicBezTo>
                <a:cubicBezTo>
                  <a:pt x="16068" y="2520"/>
                  <a:pt x="16068" y="2511"/>
                  <a:pt x="16061" y="2511"/>
                </a:cubicBezTo>
                <a:cubicBezTo>
                  <a:pt x="16060" y="2511"/>
                  <a:pt x="16060" y="2511"/>
                  <a:pt x="16059" y="2511"/>
                </a:cubicBezTo>
                <a:cubicBezTo>
                  <a:pt x="16049" y="2516"/>
                  <a:pt x="16033" y="2532"/>
                  <a:pt x="16001" y="2579"/>
                </a:cubicBezTo>
                <a:cubicBezTo>
                  <a:pt x="16001" y="2590"/>
                  <a:pt x="15998" y="2604"/>
                  <a:pt x="15991" y="2616"/>
                </a:cubicBezTo>
                <a:cubicBezTo>
                  <a:pt x="15984" y="2634"/>
                  <a:pt x="15971" y="2660"/>
                  <a:pt x="15959" y="2690"/>
                </a:cubicBezTo>
                <a:cubicBezTo>
                  <a:pt x="15954" y="2706"/>
                  <a:pt x="15947" y="2722"/>
                  <a:pt x="15940" y="2741"/>
                </a:cubicBezTo>
                <a:cubicBezTo>
                  <a:pt x="15934" y="2757"/>
                  <a:pt x="15927" y="2778"/>
                  <a:pt x="15922" y="2796"/>
                </a:cubicBezTo>
                <a:cubicBezTo>
                  <a:pt x="15915" y="2815"/>
                  <a:pt x="15910" y="2836"/>
                  <a:pt x="15903" y="2854"/>
                </a:cubicBezTo>
                <a:cubicBezTo>
                  <a:pt x="15899" y="2873"/>
                  <a:pt x="15894" y="2894"/>
                  <a:pt x="15889" y="2914"/>
                </a:cubicBezTo>
                <a:cubicBezTo>
                  <a:pt x="15888" y="2916"/>
                  <a:pt x="15887" y="2917"/>
                  <a:pt x="15886" y="2917"/>
                </a:cubicBezTo>
                <a:cubicBezTo>
                  <a:pt x="15885" y="2917"/>
                  <a:pt x="15885" y="2914"/>
                  <a:pt x="15885" y="2907"/>
                </a:cubicBezTo>
                <a:cubicBezTo>
                  <a:pt x="15885" y="2894"/>
                  <a:pt x="15887" y="2880"/>
                  <a:pt x="15889" y="2868"/>
                </a:cubicBezTo>
                <a:cubicBezTo>
                  <a:pt x="15892" y="2850"/>
                  <a:pt x="15896" y="2829"/>
                  <a:pt x="15901" y="2808"/>
                </a:cubicBezTo>
                <a:cubicBezTo>
                  <a:pt x="15906" y="2787"/>
                  <a:pt x="15915" y="2764"/>
                  <a:pt x="15922" y="2745"/>
                </a:cubicBezTo>
                <a:cubicBezTo>
                  <a:pt x="15936" y="2704"/>
                  <a:pt x="15950" y="2674"/>
                  <a:pt x="15950" y="2667"/>
                </a:cubicBezTo>
                <a:cubicBezTo>
                  <a:pt x="15950" y="2665"/>
                  <a:pt x="15949" y="2664"/>
                  <a:pt x="15949" y="2664"/>
                </a:cubicBezTo>
                <a:cubicBezTo>
                  <a:pt x="15945" y="2664"/>
                  <a:pt x="15931" y="2686"/>
                  <a:pt x="15903" y="2741"/>
                </a:cubicBezTo>
                <a:cubicBezTo>
                  <a:pt x="15927" y="2685"/>
                  <a:pt x="15954" y="2634"/>
                  <a:pt x="15984" y="2583"/>
                </a:cubicBezTo>
                <a:cubicBezTo>
                  <a:pt x="16003" y="2555"/>
                  <a:pt x="16022" y="2528"/>
                  <a:pt x="16040" y="2502"/>
                </a:cubicBezTo>
                <a:cubicBezTo>
                  <a:pt x="16059" y="2477"/>
                  <a:pt x="16079" y="2451"/>
                  <a:pt x="16100" y="2428"/>
                </a:cubicBezTo>
                <a:lnTo>
                  <a:pt x="16100" y="2428"/>
                </a:lnTo>
                <a:cubicBezTo>
                  <a:pt x="16093" y="2440"/>
                  <a:pt x="16090" y="2445"/>
                  <a:pt x="16092" y="2445"/>
                </a:cubicBezTo>
                <a:cubicBezTo>
                  <a:pt x="16094" y="2445"/>
                  <a:pt x="16101" y="2439"/>
                  <a:pt x="16112" y="2428"/>
                </a:cubicBezTo>
                <a:cubicBezTo>
                  <a:pt x="16121" y="2419"/>
                  <a:pt x="16133" y="2405"/>
                  <a:pt x="16149" y="2391"/>
                </a:cubicBezTo>
                <a:lnTo>
                  <a:pt x="16195" y="2347"/>
                </a:lnTo>
                <a:cubicBezTo>
                  <a:pt x="16235" y="2310"/>
                  <a:pt x="16272" y="2278"/>
                  <a:pt x="16277" y="2278"/>
                </a:cubicBezTo>
                <a:cubicBezTo>
                  <a:pt x="16279" y="2278"/>
                  <a:pt x="16270" y="2289"/>
                  <a:pt x="16244" y="2317"/>
                </a:cubicBezTo>
                <a:cubicBezTo>
                  <a:pt x="16323" y="2247"/>
                  <a:pt x="16406" y="2182"/>
                  <a:pt x="16494" y="2127"/>
                </a:cubicBezTo>
                <a:cubicBezTo>
                  <a:pt x="16566" y="2081"/>
                  <a:pt x="16626" y="2046"/>
                  <a:pt x="16686" y="2011"/>
                </a:cubicBezTo>
                <a:cubicBezTo>
                  <a:pt x="16804" y="1944"/>
                  <a:pt x="16916" y="1879"/>
                  <a:pt x="17106" y="1761"/>
                </a:cubicBezTo>
                <a:lnTo>
                  <a:pt x="17106" y="1761"/>
                </a:lnTo>
                <a:cubicBezTo>
                  <a:pt x="17052" y="1805"/>
                  <a:pt x="16997" y="1847"/>
                  <a:pt x="16939" y="1886"/>
                </a:cubicBezTo>
                <a:cubicBezTo>
                  <a:pt x="16851" y="1944"/>
                  <a:pt x="16740" y="2013"/>
                  <a:pt x="16638" y="2069"/>
                </a:cubicBezTo>
                <a:lnTo>
                  <a:pt x="16615" y="2069"/>
                </a:lnTo>
                <a:cubicBezTo>
                  <a:pt x="16557" y="2109"/>
                  <a:pt x="16538" y="2124"/>
                  <a:pt x="16541" y="2124"/>
                </a:cubicBezTo>
                <a:cubicBezTo>
                  <a:pt x="16545" y="2124"/>
                  <a:pt x="16579" y="2105"/>
                  <a:pt x="16619" y="2083"/>
                </a:cubicBezTo>
                <a:cubicBezTo>
                  <a:pt x="16684" y="2046"/>
                  <a:pt x="16768" y="2002"/>
                  <a:pt x="16782" y="2002"/>
                </a:cubicBezTo>
                <a:cubicBezTo>
                  <a:pt x="16784" y="2002"/>
                  <a:pt x="16784" y="2003"/>
                  <a:pt x="16781" y="2006"/>
                </a:cubicBezTo>
                <a:cubicBezTo>
                  <a:pt x="17078" y="1803"/>
                  <a:pt x="17476" y="1620"/>
                  <a:pt x="17854" y="1390"/>
                </a:cubicBezTo>
                <a:lnTo>
                  <a:pt x="17854" y="1390"/>
                </a:lnTo>
                <a:cubicBezTo>
                  <a:pt x="17837" y="1397"/>
                  <a:pt x="17828" y="1400"/>
                  <a:pt x="17824" y="1400"/>
                </a:cubicBezTo>
                <a:cubicBezTo>
                  <a:pt x="17812" y="1400"/>
                  <a:pt x="17857" y="1370"/>
                  <a:pt x="17865" y="1355"/>
                </a:cubicBezTo>
                <a:lnTo>
                  <a:pt x="17865" y="1355"/>
                </a:lnTo>
                <a:cubicBezTo>
                  <a:pt x="17713" y="1446"/>
                  <a:pt x="17743" y="1434"/>
                  <a:pt x="17625" y="1488"/>
                </a:cubicBezTo>
                <a:cubicBezTo>
                  <a:pt x="17638" y="1464"/>
                  <a:pt x="17733" y="1416"/>
                  <a:pt x="17775" y="1381"/>
                </a:cubicBezTo>
                <a:cubicBezTo>
                  <a:pt x="17780" y="1375"/>
                  <a:pt x="17781" y="1373"/>
                  <a:pt x="17779" y="1373"/>
                </a:cubicBezTo>
                <a:cubicBezTo>
                  <a:pt x="17766" y="1373"/>
                  <a:pt x="17651" y="1450"/>
                  <a:pt x="17601" y="1471"/>
                </a:cubicBezTo>
                <a:cubicBezTo>
                  <a:pt x="17675" y="1427"/>
                  <a:pt x="17743" y="1379"/>
                  <a:pt x="17810" y="1325"/>
                </a:cubicBezTo>
                <a:cubicBezTo>
                  <a:pt x="17858" y="1307"/>
                  <a:pt x="17907" y="1291"/>
                  <a:pt x="17956" y="1277"/>
                </a:cubicBezTo>
                <a:cubicBezTo>
                  <a:pt x="18301" y="1082"/>
                  <a:pt x="18268" y="1075"/>
                  <a:pt x="18518" y="932"/>
                </a:cubicBezTo>
                <a:lnTo>
                  <a:pt x="18518" y="932"/>
                </a:lnTo>
                <a:cubicBezTo>
                  <a:pt x="18500" y="943"/>
                  <a:pt x="18496" y="946"/>
                  <a:pt x="18498" y="946"/>
                </a:cubicBezTo>
                <a:cubicBezTo>
                  <a:pt x="18502" y="946"/>
                  <a:pt x="18526" y="936"/>
                  <a:pt x="18530" y="936"/>
                </a:cubicBezTo>
                <a:cubicBezTo>
                  <a:pt x="18533" y="936"/>
                  <a:pt x="18520" y="944"/>
                  <a:pt x="18463" y="976"/>
                </a:cubicBezTo>
                <a:lnTo>
                  <a:pt x="18560" y="922"/>
                </a:lnTo>
                <a:lnTo>
                  <a:pt x="18560" y="922"/>
                </a:lnTo>
                <a:cubicBezTo>
                  <a:pt x="18319" y="1084"/>
                  <a:pt x="17891" y="1330"/>
                  <a:pt x="17951" y="1335"/>
                </a:cubicBezTo>
                <a:cubicBezTo>
                  <a:pt x="18155" y="1214"/>
                  <a:pt x="18292" y="1112"/>
                  <a:pt x="18542" y="969"/>
                </a:cubicBezTo>
                <a:lnTo>
                  <a:pt x="18542" y="969"/>
                </a:lnTo>
                <a:lnTo>
                  <a:pt x="18533" y="980"/>
                </a:lnTo>
                <a:cubicBezTo>
                  <a:pt x="18599" y="943"/>
                  <a:pt x="18615" y="932"/>
                  <a:pt x="18612" y="932"/>
                </a:cubicBezTo>
                <a:cubicBezTo>
                  <a:pt x="18608" y="932"/>
                  <a:pt x="18568" y="952"/>
                  <a:pt x="18562" y="952"/>
                </a:cubicBezTo>
                <a:cubicBezTo>
                  <a:pt x="18560" y="952"/>
                  <a:pt x="18561" y="950"/>
                  <a:pt x="18567" y="945"/>
                </a:cubicBezTo>
                <a:cubicBezTo>
                  <a:pt x="18762" y="818"/>
                  <a:pt x="18843" y="823"/>
                  <a:pt x="18973" y="721"/>
                </a:cubicBezTo>
                <a:lnTo>
                  <a:pt x="18973" y="721"/>
                </a:lnTo>
                <a:lnTo>
                  <a:pt x="18762" y="837"/>
                </a:lnTo>
                <a:cubicBezTo>
                  <a:pt x="18808" y="806"/>
                  <a:pt x="18821" y="796"/>
                  <a:pt x="18819" y="796"/>
                </a:cubicBezTo>
                <a:cubicBezTo>
                  <a:pt x="18814" y="796"/>
                  <a:pt x="18757" y="828"/>
                  <a:pt x="18742" y="828"/>
                </a:cubicBezTo>
                <a:cubicBezTo>
                  <a:pt x="18738" y="828"/>
                  <a:pt x="18737" y="826"/>
                  <a:pt x="18741" y="820"/>
                </a:cubicBezTo>
                <a:cubicBezTo>
                  <a:pt x="19010" y="647"/>
                  <a:pt x="19494" y="380"/>
                  <a:pt x="19876" y="139"/>
                </a:cubicBezTo>
                <a:lnTo>
                  <a:pt x="19876" y="139"/>
                </a:lnTo>
                <a:cubicBezTo>
                  <a:pt x="19774" y="186"/>
                  <a:pt x="19675" y="239"/>
                  <a:pt x="19577" y="297"/>
                </a:cubicBezTo>
                <a:cubicBezTo>
                  <a:pt x="19620" y="245"/>
                  <a:pt x="19667" y="215"/>
                  <a:pt x="19641" y="215"/>
                </a:cubicBezTo>
                <a:cubicBezTo>
                  <a:pt x="19635" y="215"/>
                  <a:pt x="19624" y="217"/>
                  <a:pt x="19607" y="220"/>
                </a:cubicBezTo>
                <a:lnTo>
                  <a:pt x="19427" y="322"/>
                </a:lnTo>
                <a:lnTo>
                  <a:pt x="19410" y="299"/>
                </a:lnTo>
                <a:cubicBezTo>
                  <a:pt x="19459" y="271"/>
                  <a:pt x="19508" y="244"/>
                  <a:pt x="19554" y="220"/>
                </a:cubicBezTo>
                <a:cubicBezTo>
                  <a:pt x="19570" y="193"/>
                  <a:pt x="19830" y="68"/>
                  <a:pt x="19834" y="47"/>
                </a:cubicBezTo>
                <a:lnTo>
                  <a:pt x="19834" y="47"/>
                </a:lnTo>
                <a:lnTo>
                  <a:pt x="19682" y="137"/>
                </a:lnTo>
                <a:cubicBezTo>
                  <a:pt x="19671" y="141"/>
                  <a:pt x="19665" y="143"/>
                  <a:pt x="19662" y="143"/>
                </a:cubicBezTo>
                <a:cubicBezTo>
                  <a:pt x="19646" y="143"/>
                  <a:pt x="19795" y="57"/>
                  <a:pt x="19885" y="0"/>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2" name="Google Shape;252;p14"/>
          <p:cNvSpPr/>
          <p:nvPr/>
        </p:nvSpPr>
        <p:spPr>
          <a:xfrm rot="1158162">
            <a:off x="-415317" y="-803229"/>
            <a:ext cx="3786310" cy="3389823"/>
          </a:xfrm>
          <a:custGeom>
            <a:avLst/>
            <a:gdLst/>
            <a:ahLst/>
            <a:cxnLst/>
            <a:rect l="l" t="t" r="r" b="b"/>
            <a:pathLst>
              <a:path w="22222" h="19895" extrusionOk="0">
                <a:moveTo>
                  <a:pt x="21425" y="478"/>
                </a:moveTo>
                <a:lnTo>
                  <a:pt x="21425" y="478"/>
                </a:lnTo>
                <a:cubicBezTo>
                  <a:pt x="21399" y="494"/>
                  <a:pt x="21380" y="506"/>
                  <a:pt x="21366" y="516"/>
                </a:cubicBezTo>
                <a:lnTo>
                  <a:pt x="21366" y="516"/>
                </a:lnTo>
                <a:cubicBezTo>
                  <a:pt x="21382" y="506"/>
                  <a:pt x="21402" y="493"/>
                  <a:pt x="21425" y="478"/>
                </a:cubicBezTo>
                <a:close/>
                <a:moveTo>
                  <a:pt x="20697" y="1038"/>
                </a:moveTo>
                <a:lnTo>
                  <a:pt x="20628" y="1078"/>
                </a:lnTo>
                <a:cubicBezTo>
                  <a:pt x="20667" y="1056"/>
                  <a:pt x="20688" y="1044"/>
                  <a:pt x="20697" y="1038"/>
                </a:cubicBezTo>
                <a:close/>
                <a:moveTo>
                  <a:pt x="18339" y="2447"/>
                </a:moveTo>
                <a:cubicBezTo>
                  <a:pt x="18330" y="2453"/>
                  <a:pt x="18321" y="2459"/>
                  <a:pt x="18311" y="2466"/>
                </a:cubicBezTo>
                <a:lnTo>
                  <a:pt x="18311" y="2466"/>
                </a:lnTo>
                <a:cubicBezTo>
                  <a:pt x="18321" y="2460"/>
                  <a:pt x="18330" y="2453"/>
                  <a:pt x="18339" y="2447"/>
                </a:cubicBezTo>
                <a:close/>
                <a:moveTo>
                  <a:pt x="18107" y="4715"/>
                </a:moveTo>
                <a:lnTo>
                  <a:pt x="18108" y="4729"/>
                </a:lnTo>
                <a:lnTo>
                  <a:pt x="18110" y="4789"/>
                </a:lnTo>
                <a:cubicBezTo>
                  <a:pt x="18110" y="4761"/>
                  <a:pt x="18110" y="4740"/>
                  <a:pt x="18108" y="4724"/>
                </a:cubicBezTo>
                <a:cubicBezTo>
                  <a:pt x="18107" y="4721"/>
                  <a:pt x="18107" y="4718"/>
                  <a:pt x="18107" y="4715"/>
                </a:cubicBezTo>
                <a:close/>
                <a:moveTo>
                  <a:pt x="16783" y="6292"/>
                </a:moveTo>
                <a:cubicBezTo>
                  <a:pt x="16766" y="6302"/>
                  <a:pt x="16752" y="6310"/>
                  <a:pt x="16740" y="6317"/>
                </a:cubicBezTo>
                <a:lnTo>
                  <a:pt x="16740" y="6317"/>
                </a:lnTo>
                <a:cubicBezTo>
                  <a:pt x="16754" y="6309"/>
                  <a:pt x="16769" y="6301"/>
                  <a:pt x="16783" y="6292"/>
                </a:cubicBezTo>
                <a:close/>
                <a:moveTo>
                  <a:pt x="13246" y="6782"/>
                </a:moveTo>
                <a:lnTo>
                  <a:pt x="13246" y="6782"/>
                </a:lnTo>
                <a:cubicBezTo>
                  <a:pt x="13253" y="6783"/>
                  <a:pt x="13260" y="6783"/>
                  <a:pt x="13266" y="6783"/>
                </a:cubicBezTo>
                <a:cubicBezTo>
                  <a:pt x="13260" y="6783"/>
                  <a:pt x="13253" y="6783"/>
                  <a:pt x="13246" y="6782"/>
                </a:cubicBezTo>
                <a:close/>
                <a:moveTo>
                  <a:pt x="10960" y="7148"/>
                </a:moveTo>
                <a:lnTo>
                  <a:pt x="10960" y="7148"/>
                </a:lnTo>
                <a:cubicBezTo>
                  <a:pt x="10955" y="7150"/>
                  <a:pt x="10950" y="7152"/>
                  <a:pt x="10945" y="7154"/>
                </a:cubicBezTo>
                <a:cubicBezTo>
                  <a:pt x="10950" y="7152"/>
                  <a:pt x="10955" y="7150"/>
                  <a:pt x="10960" y="7148"/>
                </a:cubicBezTo>
                <a:close/>
                <a:moveTo>
                  <a:pt x="9681" y="7856"/>
                </a:moveTo>
                <a:cubicBezTo>
                  <a:pt x="9677" y="7858"/>
                  <a:pt x="9673" y="7861"/>
                  <a:pt x="9669" y="7864"/>
                </a:cubicBezTo>
                <a:lnTo>
                  <a:pt x="9669" y="7864"/>
                </a:lnTo>
                <a:cubicBezTo>
                  <a:pt x="9673" y="7861"/>
                  <a:pt x="9677" y="7859"/>
                  <a:pt x="9681" y="7856"/>
                </a:cubicBezTo>
                <a:close/>
                <a:moveTo>
                  <a:pt x="8694" y="8808"/>
                </a:moveTo>
                <a:lnTo>
                  <a:pt x="8694" y="8808"/>
                </a:lnTo>
                <a:cubicBezTo>
                  <a:pt x="8692" y="8809"/>
                  <a:pt x="8690" y="8811"/>
                  <a:pt x="8688" y="8812"/>
                </a:cubicBezTo>
                <a:lnTo>
                  <a:pt x="8688" y="8812"/>
                </a:lnTo>
                <a:cubicBezTo>
                  <a:pt x="8690" y="8811"/>
                  <a:pt x="8692" y="8809"/>
                  <a:pt x="8694" y="8808"/>
                </a:cubicBezTo>
                <a:close/>
                <a:moveTo>
                  <a:pt x="8397" y="9130"/>
                </a:moveTo>
                <a:lnTo>
                  <a:pt x="8397" y="9130"/>
                </a:lnTo>
                <a:cubicBezTo>
                  <a:pt x="8397" y="9130"/>
                  <a:pt x="8396" y="9131"/>
                  <a:pt x="8396" y="9131"/>
                </a:cubicBezTo>
                <a:lnTo>
                  <a:pt x="8396" y="9131"/>
                </a:lnTo>
                <a:cubicBezTo>
                  <a:pt x="8396" y="9131"/>
                  <a:pt x="8397" y="9130"/>
                  <a:pt x="8397" y="9130"/>
                </a:cubicBezTo>
                <a:close/>
                <a:moveTo>
                  <a:pt x="5094" y="17059"/>
                </a:moveTo>
                <a:cubicBezTo>
                  <a:pt x="5021" y="17061"/>
                  <a:pt x="4959" y="17063"/>
                  <a:pt x="4941" y="17066"/>
                </a:cubicBezTo>
                <a:cubicBezTo>
                  <a:pt x="4975" y="17069"/>
                  <a:pt x="5009" y="17070"/>
                  <a:pt x="5044" y="17070"/>
                </a:cubicBezTo>
                <a:lnTo>
                  <a:pt x="5044" y="17070"/>
                </a:lnTo>
                <a:cubicBezTo>
                  <a:pt x="5057" y="17067"/>
                  <a:pt x="5075" y="17063"/>
                  <a:pt x="5094" y="17059"/>
                </a:cubicBezTo>
                <a:close/>
                <a:moveTo>
                  <a:pt x="1863" y="17086"/>
                </a:moveTo>
                <a:cubicBezTo>
                  <a:pt x="1863" y="17087"/>
                  <a:pt x="1863" y="17087"/>
                  <a:pt x="1863" y="17087"/>
                </a:cubicBezTo>
                <a:cubicBezTo>
                  <a:pt x="1863" y="17087"/>
                  <a:pt x="1863" y="17087"/>
                  <a:pt x="1863" y="17086"/>
                </a:cubicBezTo>
                <a:close/>
                <a:moveTo>
                  <a:pt x="5125" y="17094"/>
                </a:moveTo>
                <a:lnTo>
                  <a:pt x="5031" y="17105"/>
                </a:lnTo>
                <a:lnTo>
                  <a:pt x="5056" y="17107"/>
                </a:lnTo>
                <a:lnTo>
                  <a:pt x="5056" y="17107"/>
                </a:lnTo>
                <a:cubicBezTo>
                  <a:pt x="5076" y="17104"/>
                  <a:pt x="5107" y="17099"/>
                  <a:pt x="5125" y="17094"/>
                </a:cubicBezTo>
                <a:close/>
                <a:moveTo>
                  <a:pt x="5056" y="17107"/>
                </a:moveTo>
                <a:cubicBezTo>
                  <a:pt x="5038" y="17110"/>
                  <a:pt x="5027" y="17112"/>
                  <a:pt x="5039" y="17112"/>
                </a:cubicBezTo>
                <a:cubicBezTo>
                  <a:pt x="5046" y="17112"/>
                  <a:pt x="5061" y="17112"/>
                  <a:pt x="5087" y="17110"/>
                </a:cubicBezTo>
                <a:lnTo>
                  <a:pt x="5056" y="17107"/>
                </a:lnTo>
                <a:close/>
                <a:moveTo>
                  <a:pt x="652" y="17768"/>
                </a:moveTo>
                <a:cubicBezTo>
                  <a:pt x="652" y="17768"/>
                  <a:pt x="652" y="17768"/>
                  <a:pt x="652" y="17768"/>
                </a:cubicBezTo>
                <a:lnTo>
                  <a:pt x="652" y="17768"/>
                </a:lnTo>
                <a:lnTo>
                  <a:pt x="656" y="17770"/>
                </a:lnTo>
                <a:cubicBezTo>
                  <a:pt x="655" y="17768"/>
                  <a:pt x="654" y="17768"/>
                  <a:pt x="652" y="17768"/>
                </a:cubicBezTo>
                <a:close/>
                <a:moveTo>
                  <a:pt x="426" y="18231"/>
                </a:moveTo>
                <a:cubicBezTo>
                  <a:pt x="425" y="18235"/>
                  <a:pt x="425" y="18238"/>
                  <a:pt x="424" y="18242"/>
                </a:cubicBezTo>
                <a:lnTo>
                  <a:pt x="424" y="18242"/>
                </a:lnTo>
                <a:cubicBezTo>
                  <a:pt x="425" y="18238"/>
                  <a:pt x="426" y="18235"/>
                  <a:pt x="426" y="18231"/>
                </a:cubicBezTo>
                <a:close/>
                <a:moveTo>
                  <a:pt x="339" y="18725"/>
                </a:moveTo>
                <a:cubicBezTo>
                  <a:pt x="340" y="18735"/>
                  <a:pt x="340" y="18745"/>
                  <a:pt x="341" y="18755"/>
                </a:cubicBezTo>
                <a:cubicBezTo>
                  <a:pt x="341" y="18745"/>
                  <a:pt x="340" y="18735"/>
                  <a:pt x="339" y="18725"/>
                </a:cubicBezTo>
                <a:close/>
                <a:moveTo>
                  <a:pt x="533" y="19591"/>
                </a:moveTo>
                <a:lnTo>
                  <a:pt x="533" y="19591"/>
                </a:lnTo>
                <a:cubicBezTo>
                  <a:pt x="533" y="19591"/>
                  <a:pt x="533" y="19592"/>
                  <a:pt x="534" y="19592"/>
                </a:cubicBezTo>
                <a:lnTo>
                  <a:pt x="534" y="19592"/>
                </a:lnTo>
                <a:cubicBezTo>
                  <a:pt x="533" y="19592"/>
                  <a:pt x="533" y="19591"/>
                  <a:pt x="533" y="19591"/>
                </a:cubicBezTo>
                <a:close/>
                <a:moveTo>
                  <a:pt x="534" y="19592"/>
                </a:moveTo>
                <a:lnTo>
                  <a:pt x="534" y="19592"/>
                </a:lnTo>
                <a:cubicBezTo>
                  <a:pt x="543" y="19604"/>
                  <a:pt x="554" y="19620"/>
                  <a:pt x="568" y="19635"/>
                </a:cubicBezTo>
                <a:lnTo>
                  <a:pt x="568" y="19635"/>
                </a:lnTo>
                <a:cubicBezTo>
                  <a:pt x="561" y="19626"/>
                  <a:pt x="550" y="19612"/>
                  <a:pt x="534" y="19592"/>
                </a:cubicBezTo>
                <a:close/>
                <a:moveTo>
                  <a:pt x="22222" y="1"/>
                </a:moveTo>
                <a:lnTo>
                  <a:pt x="22222" y="1"/>
                </a:lnTo>
                <a:cubicBezTo>
                  <a:pt x="22099" y="52"/>
                  <a:pt x="21851" y="216"/>
                  <a:pt x="21608" y="358"/>
                </a:cubicBezTo>
                <a:cubicBezTo>
                  <a:pt x="21624" y="358"/>
                  <a:pt x="21515" y="435"/>
                  <a:pt x="21530" y="435"/>
                </a:cubicBezTo>
                <a:cubicBezTo>
                  <a:pt x="21536" y="435"/>
                  <a:pt x="21565" y="421"/>
                  <a:pt x="21636" y="381"/>
                </a:cubicBezTo>
                <a:lnTo>
                  <a:pt x="21636" y="381"/>
                </a:lnTo>
                <a:cubicBezTo>
                  <a:pt x="21640" y="392"/>
                  <a:pt x="21501" y="478"/>
                  <a:pt x="21409" y="534"/>
                </a:cubicBezTo>
                <a:cubicBezTo>
                  <a:pt x="21415" y="529"/>
                  <a:pt x="21416" y="527"/>
                  <a:pt x="21413" y="527"/>
                </a:cubicBezTo>
                <a:cubicBezTo>
                  <a:pt x="21402" y="527"/>
                  <a:pt x="21354" y="546"/>
                  <a:pt x="21339" y="546"/>
                </a:cubicBezTo>
                <a:cubicBezTo>
                  <a:pt x="21330" y="546"/>
                  <a:pt x="21334" y="539"/>
                  <a:pt x="21366" y="516"/>
                </a:cubicBezTo>
                <a:lnTo>
                  <a:pt x="21366" y="516"/>
                </a:lnTo>
                <a:cubicBezTo>
                  <a:pt x="21244" y="595"/>
                  <a:pt x="21305" y="548"/>
                  <a:pt x="21101" y="673"/>
                </a:cubicBezTo>
                <a:cubicBezTo>
                  <a:pt x="21102" y="671"/>
                  <a:pt x="21102" y="671"/>
                  <a:pt x="21102" y="671"/>
                </a:cubicBezTo>
                <a:cubicBezTo>
                  <a:pt x="21092" y="671"/>
                  <a:pt x="20747" y="875"/>
                  <a:pt x="20712" y="875"/>
                </a:cubicBezTo>
                <a:cubicBezTo>
                  <a:pt x="20709" y="875"/>
                  <a:pt x="20708" y="874"/>
                  <a:pt x="20709" y="872"/>
                </a:cubicBezTo>
                <a:lnTo>
                  <a:pt x="20709" y="872"/>
                </a:lnTo>
                <a:cubicBezTo>
                  <a:pt x="20640" y="923"/>
                  <a:pt x="20730" y="900"/>
                  <a:pt x="20459" y="1057"/>
                </a:cubicBezTo>
                <a:cubicBezTo>
                  <a:pt x="20513" y="1040"/>
                  <a:pt x="20688" y="945"/>
                  <a:pt x="20706" y="945"/>
                </a:cubicBezTo>
                <a:cubicBezTo>
                  <a:pt x="20712" y="945"/>
                  <a:pt x="20697" y="958"/>
                  <a:pt x="20644" y="995"/>
                </a:cubicBezTo>
                <a:lnTo>
                  <a:pt x="20769" y="909"/>
                </a:lnTo>
                <a:cubicBezTo>
                  <a:pt x="20829" y="878"/>
                  <a:pt x="20848" y="870"/>
                  <a:pt x="20853" y="870"/>
                </a:cubicBezTo>
                <a:cubicBezTo>
                  <a:pt x="20859" y="870"/>
                  <a:pt x="20848" y="879"/>
                  <a:pt x="20853" y="879"/>
                </a:cubicBezTo>
                <a:cubicBezTo>
                  <a:pt x="20859" y="879"/>
                  <a:pt x="20885" y="867"/>
                  <a:pt x="20978" y="816"/>
                </a:cubicBezTo>
                <a:lnTo>
                  <a:pt x="20978" y="816"/>
                </a:lnTo>
                <a:cubicBezTo>
                  <a:pt x="20904" y="858"/>
                  <a:pt x="20762" y="951"/>
                  <a:pt x="20723" y="960"/>
                </a:cubicBezTo>
                <a:cubicBezTo>
                  <a:pt x="20724" y="960"/>
                  <a:pt x="20725" y="960"/>
                  <a:pt x="20726" y="960"/>
                </a:cubicBezTo>
                <a:cubicBezTo>
                  <a:pt x="20791" y="960"/>
                  <a:pt x="20366" y="1185"/>
                  <a:pt x="20369" y="1215"/>
                </a:cubicBezTo>
                <a:cubicBezTo>
                  <a:pt x="20308" y="1238"/>
                  <a:pt x="20237" y="1277"/>
                  <a:pt x="20102" y="1358"/>
                </a:cubicBezTo>
                <a:cubicBezTo>
                  <a:pt x="20116" y="1340"/>
                  <a:pt x="20035" y="1374"/>
                  <a:pt x="20137" y="1307"/>
                </a:cubicBezTo>
                <a:cubicBezTo>
                  <a:pt x="20225" y="1261"/>
                  <a:pt x="20288" y="1222"/>
                  <a:pt x="20387" y="1173"/>
                </a:cubicBezTo>
                <a:cubicBezTo>
                  <a:pt x="20315" y="1173"/>
                  <a:pt x="20030" y="1365"/>
                  <a:pt x="19801" y="1488"/>
                </a:cubicBezTo>
                <a:cubicBezTo>
                  <a:pt x="19815" y="1481"/>
                  <a:pt x="19825" y="1477"/>
                  <a:pt x="19828" y="1477"/>
                </a:cubicBezTo>
                <a:cubicBezTo>
                  <a:pt x="19832" y="1477"/>
                  <a:pt x="19821" y="1486"/>
                  <a:pt x="19785" y="1511"/>
                </a:cubicBezTo>
                <a:cubicBezTo>
                  <a:pt x="19668" y="1574"/>
                  <a:pt x="19431" y="1704"/>
                  <a:pt x="19408" y="1704"/>
                </a:cubicBezTo>
                <a:cubicBezTo>
                  <a:pt x="19404" y="1704"/>
                  <a:pt x="19407" y="1700"/>
                  <a:pt x="19419" y="1689"/>
                </a:cubicBezTo>
                <a:lnTo>
                  <a:pt x="19419" y="1689"/>
                </a:lnTo>
                <a:lnTo>
                  <a:pt x="18726" y="2093"/>
                </a:lnTo>
                <a:cubicBezTo>
                  <a:pt x="18719" y="2088"/>
                  <a:pt x="18824" y="2032"/>
                  <a:pt x="18865" y="2007"/>
                </a:cubicBezTo>
                <a:lnTo>
                  <a:pt x="18865" y="2007"/>
                </a:lnTo>
                <a:lnTo>
                  <a:pt x="18671" y="2118"/>
                </a:lnTo>
                <a:cubicBezTo>
                  <a:pt x="18606" y="2155"/>
                  <a:pt x="18541" y="2194"/>
                  <a:pt x="18474" y="2234"/>
                </a:cubicBezTo>
                <a:cubicBezTo>
                  <a:pt x="18460" y="2240"/>
                  <a:pt x="18453" y="2243"/>
                  <a:pt x="18451" y="2243"/>
                </a:cubicBezTo>
                <a:cubicBezTo>
                  <a:pt x="18445" y="2243"/>
                  <a:pt x="18471" y="2224"/>
                  <a:pt x="18506" y="2199"/>
                </a:cubicBezTo>
                <a:cubicBezTo>
                  <a:pt x="18555" y="2167"/>
                  <a:pt x="18620" y="2125"/>
                  <a:pt x="18636" y="2109"/>
                </a:cubicBezTo>
                <a:lnTo>
                  <a:pt x="18636" y="2109"/>
                </a:lnTo>
                <a:cubicBezTo>
                  <a:pt x="18543" y="2164"/>
                  <a:pt x="18446" y="2222"/>
                  <a:pt x="18351" y="2287"/>
                </a:cubicBezTo>
                <a:lnTo>
                  <a:pt x="18386" y="2250"/>
                </a:lnTo>
                <a:lnTo>
                  <a:pt x="18386" y="2250"/>
                </a:lnTo>
                <a:cubicBezTo>
                  <a:pt x="18353" y="2278"/>
                  <a:pt x="18254" y="2345"/>
                  <a:pt x="18154" y="2424"/>
                </a:cubicBezTo>
                <a:cubicBezTo>
                  <a:pt x="18055" y="2505"/>
                  <a:pt x="17960" y="2593"/>
                  <a:pt x="17918" y="2630"/>
                </a:cubicBezTo>
                <a:cubicBezTo>
                  <a:pt x="17862" y="2692"/>
                  <a:pt x="17814" y="2762"/>
                  <a:pt x="17774" y="2836"/>
                </a:cubicBezTo>
                <a:cubicBezTo>
                  <a:pt x="17758" y="2864"/>
                  <a:pt x="17744" y="2894"/>
                  <a:pt x="17733" y="2924"/>
                </a:cubicBezTo>
                <a:cubicBezTo>
                  <a:pt x="17721" y="2952"/>
                  <a:pt x="17709" y="2982"/>
                  <a:pt x="17700" y="3010"/>
                </a:cubicBezTo>
                <a:cubicBezTo>
                  <a:pt x="17679" y="3079"/>
                  <a:pt x="17661" y="3151"/>
                  <a:pt x="17647" y="3221"/>
                </a:cubicBezTo>
                <a:cubicBezTo>
                  <a:pt x="17640" y="3269"/>
                  <a:pt x="17633" y="3318"/>
                  <a:pt x="17628" y="3367"/>
                </a:cubicBezTo>
                <a:cubicBezTo>
                  <a:pt x="17624" y="3427"/>
                  <a:pt x="17621" y="3489"/>
                  <a:pt x="17624" y="3552"/>
                </a:cubicBezTo>
                <a:cubicBezTo>
                  <a:pt x="17614" y="3533"/>
                  <a:pt x="17612" y="3513"/>
                  <a:pt x="17612" y="3494"/>
                </a:cubicBezTo>
                <a:cubicBezTo>
                  <a:pt x="17612" y="3475"/>
                  <a:pt x="17610" y="3457"/>
                  <a:pt x="17610" y="3436"/>
                </a:cubicBezTo>
                <a:cubicBezTo>
                  <a:pt x="17610" y="3418"/>
                  <a:pt x="17612" y="3394"/>
                  <a:pt x="17614" y="3369"/>
                </a:cubicBezTo>
                <a:cubicBezTo>
                  <a:pt x="17619" y="3279"/>
                  <a:pt x="17635" y="3186"/>
                  <a:pt x="17656" y="3098"/>
                </a:cubicBezTo>
                <a:lnTo>
                  <a:pt x="17656" y="3098"/>
                </a:lnTo>
                <a:cubicBezTo>
                  <a:pt x="17651" y="3112"/>
                  <a:pt x="17647" y="3128"/>
                  <a:pt x="17640" y="3149"/>
                </a:cubicBezTo>
                <a:cubicBezTo>
                  <a:pt x="17633" y="3172"/>
                  <a:pt x="17628" y="3193"/>
                  <a:pt x="17624" y="3216"/>
                </a:cubicBezTo>
                <a:cubicBezTo>
                  <a:pt x="17621" y="3241"/>
                  <a:pt x="17617" y="3267"/>
                  <a:pt x="17612" y="3295"/>
                </a:cubicBezTo>
                <a:cubicBezTo>
                  <a:pt x="17607" y="3320"/>
                  <a:pt x="17607" y="3348"/>
                  <a:pt x="17605" y="3374"/>
                </a:cubicBezTo>
                <a:cubicBezTo>
                  <a:pt x="17598" y="3482"/>
                  <a:pt x="17605" y="3577"/>
                  <a:pt x="17598" y="3605"/>
                </a:cubicBezTo>
                <a:cubicBezTo>
                  <a:pt x="17603" y="3647"/>
                  <a:pt x="17610" y="3691"/>
                  <a:pt x="17617" y="3730"/>
                </a:cubicBezTo>
                <a:cubicBezTo>
                  <a:pt x="17624" y="3760"/>
                  <a:pt x="17631" y="3790"/>
                  <a:pt x="17640" y="3821"/>
                </a:cubicBezTo>
                <a:cubicBezTo>
                  <a:pt x="17649" y="3858"/>
                  <a:pt x="17663" y="3895"/>
                  <a:pt x="17677" y="3929"/>
                </a:cubicBezTo>
                <a:cubicBezTo>
                  <a:pt x="17700" y="3983"/>
                  <a:pt x="17721" y="4013"/>
                  <a:pt x="17751" y="4092"/>
                </a:cubicBezTo>
                <a:cubicBezTo>
                  <a:pt x="17777" y="4192"/>
                  <a:pt x="17784" y="4223"/>
                  <a:pt x="17780" y="4223"/>
                </a:cubicBezTo>
                <a:cubicBezTo>
                  <a:pt x="17776" y="4223"/>
                  <a:pt x="17746" y="4138"/>
                  <a:pt x="17742" y="4138"/>
                </a:cubicBezTo>
                <a:cubicBezTo>
                  <a:pt x="17742" y="4138"/>
                  <a:pt x="17742" y="4138"/>
                  <a:pt x="17742" y="4138"/>
                </a:cubicBezTo>
                <a:cubicBezTo>
                  <a:pt x="17760" y="4219"/>
                  <a:pt x="17827" y="4342"/>
                  <a:pt x="17818" y="4416"/>
                </a:cubicBezTo>
                <a:cubicBezTo>
                  <a:pt x="17830" y="4458"/>
                  <a:pt x="17844" y="4495"/>
                  <a:pt x="17862" y="4534"/>
                </a:cubicBezTo>
                <a:cubicBezTo>
                  <a:pt x="17863" y="4535"/>
                  <a:pt x="17864" y="4536"/>
                  <a:pt x="17865" y="4536"/>
                </a:cubicBezTo>
                <a:cubicBezTo>
                  <a:pt x="17871" y="4536"/>
                  <a:pt x="17870" y="4502"/>
                  <a:pt x="17855" y="4418"/>
                </a:cubicBezTo>
                <a:lnTo>
                  <a:pt x="17855" y="4418"/>
                </a:lnTo>
                <a:cubicBezTo>
                  <a:pt x="17872" y="4488"/>
                  <a:pt x="17888" y="4571"/>
                  <a:pt x="17899" y="4641"/>
                </a:cubicBezTo>
                <a:cubicBezTo>
                  <a:pt x="17906" y="4675"/>
                  <a:pt x="17911" y="4705"/>
                  <a:pt x="17916" y="4731"/>
                </a:cubicBezTo>
                <a:cubicBezTo>
                  <a:pt x="17918" y="4756"/>
                  <a:pt x="17920" y="4773"/>
                  <a:pt x="17922" y="4782"/>
                </a:cubicBezTo>
                <a:cubicBezTo>
                  <a:pt x="17918" y="4764"/>
                  <a:pt x="17914" y="4756"/>
                  <a:pt x="17912" y="4756"/>
                </a:cubicBezTo>
                <a:cubicBezTo>
                  <a:pt x="17907" y="4756"/>
                  <a:pt x="17906" y="4785"/>
                  <a:pt x="17906" y="4821"/>
                </a:cubicBezTo>
                <a:cubicBezTo>
                  <a:pt x="17906" y="4847"/>
                  <a:pt x="17904" y="4875"/>
                  <a:pt x="17899" y="4902"/>
                </a:cubicBezTo>
                <a:cubicBezTo>
                  <a:pt x="17897" y="4928"/>
                  <a:pt x="17892" y="4946"/>
                  <a:pt x="17885" y="4949"/>
                </a:cubicBezTo>
                <a:cubicBezTo>
                  <a:pt x="17883" y="4974"/>
                  <a:pt x="17878" y="5002"/>
                  <a:pt x="17874" y="5032"/>
                </a:cubicBezTo>
                <a:cubicBezTo>
                  <a:pt x="17869" y="5065"/>
                  <a:pt x="17862" y="5097"/>
                  <a:pt x="17853" y="5132"/>
                </a:cubicBezTo>
                <a:cubicBezTo>
                  <a:pt x="17848" y="5150"/>
                  <a:pt x="17844" y="5169"/>
                  <a:pt x="17839" y="5185"/>
                </a:cubicBezTo>
                <a:cubicBezTo>
                  <a:pt x="17837" y="5194"/>
                  <a:pt x="17834" y="5204"/>
                  <a:pt x="17832" y="5215"/>
                </a:cubicBezTo>
                <a:lnTo>
                  <a:pt x="17821" y="5243"/>
                </a:lnTo>
                <a:cubicBezTo>
                  <a:pt x="17816" y="5261"/>
                  <a:pt x="17809" y="5280"/>
                  <a:pt x="17802" y="5301"/>
                </a:cubicBezTo>
                <a:lnTo>
                  <a:pt x="17781" y="5354"/>
                </a:lnTo>
                <a:cubicBezTo>
                  <a:pt x="17767" y="5393"/>
                  <a:pt x="17746" y="5428"/>
                  <a:pt x="17730" y="5463"/>
                </a:cubicBezTo>
                <a:cubicBezTo>
                  <a:pt x="17716" y="5500"/>
                  <a:pt x="17695" y="5532"/>
                  <a:pt x="17679" y="5563"/>
                </a:cubicBezTo>
                <a:cubicBezTo>
                  <a:pt x="17661" y="5595"/>
                  <a:pt x="17642" y="5625"/>
                  <a:pt x="17628" y="5651"/>
                </a:cubicBezTo>
                <a:cubicBezTo>
                  <a:pt x="17612" y="5676"/>
                  <a:pt x="17596" y="5702"/>
                  <a:pt x="17584" y="5722"/>
                </a:cubicBezTo>
                <a:lnTo>
                  <a:pt x="17596" y="5660"/>
                </a:lnTo>
                <a:lnTo>
                  <a:pt x="17561" y="5709"/>
                </a:lnTo>
                <a:lnTo>
                  <a:pt x="17524" y="5755"/>
                </a:lnTo>
                <a:cubicBezTo>
                  <a:pt x="17499" y="5787"/>
                  <a:pt x="17471" y="5815"/>
                  <a:pt x="17445" y="5845"/>
                </a:cubicBezTo>
                <a:cubicBezTo>
                  <a:pt x="17422" y="5865"/>
                  <a:pt x="17410" y="5874"/>
                  <a:pt x="17407" y="5874"/>
                </a:cubicBezTo>
                <a:cubicBezTo>
                  <a:pt x="17405" y="5874"/>
                  <a:pt x="17406" y="5872"/>
                  <a:pt x="17408" y="5868"/>
                </a:cubicBezTo>
                <a:cubicBezTo>
                  <a:pt x="17415" y="5857"/>
                  <a:pt x="17438" y="5829"/>
                  <a:pt x="17468" y="5797"/>
                </a:cubicBezTo>
                <a:cubicBezTo>
                  <a:pt x="17529" y="5727"/>
                  <a:pt x="17584" y="5653"/>
                  <a:pt x="17633" y="5576"/>
                </a:cubicBezTo>
                <a:lnTo>
                  <a:pt x="17633" y="5576"/>
                </a:lnTo>
                <a:cubicBezTo>
                  <a:pt x="17554" y="5695"/>
                  <a:pt x="17462" y="5803"/>
                  <a:pt x="17360" y="5901"/>
                </a:cubicBezTo>
                <a:cubicBezTo>
                  <a:pt x="17260" y="5996"/>
                  <a:pt x="17153" y="6081"/>
                  <a:pt x="17038" y="6158"/>
                </a:cubicBezTo>
                <a:cubicBezTo>
                  <a:pt x="17073" y="6137"/>
                  <a:pt x="17084" y="6134"/>
                  <a:pt x="17089" y="6134"/>
                </a:cubicBezTo>
                <a:cubicBezTo>
                  <a:pt x="17092" y="6134"/>
                  <a:pt x="17093" y="6135"/>
                  <a:pt x="17097" y="6135"/>
                </a:cubicBezTo>
                <a:cubicBezTo>
                  <a:pt x="17100" y="6135"/>
                  <a:pt x="17105" y="6134"/>
                  <a:pt x="17114" y="6130"/>
                </a:cubicBezTo>
                <a:lnTo>
                  <a:pt x="17114" y="6130"/>
                </a:lnTo>
                <a:cubicBezTo>
                  <a:pt x="17038" y="6202"/>
                  <a:pt x="16910" y="6269"/>
                  <a:pt x="16815" y="6322"/>
                </a:cubicBezTo>
                <a:cubicBezTo>
                  <a:pt x="16811" y="6323"/>
                  <a:pt x="16808" y="6323"/>
                  <a:pt x="16806" y="6323"/>
                </a:cubicBezTo>
                <a:cubicBezTo>
                  <a:pt x="16794" y="6323"/>
                  <a:pt x="16810" y="6311"/>
                  <a:pt x="16871" y="6274"/>
                </a:cubicBezTo>
                <a:lnTo>
                  <a:pt x="16871" y="6274"/>
                </a:lnTo>
                <a:cubicBezTo>
                  <a:pt x="16811" y="6308"/>
                  <a:pt x="16750" y="6343"/>
                  <a:pt x="16688" y="6373"/>
                </a:cubicBezTo>
                <a:cubicBezTo>
                  <a:pt x="16694" y="6352"/>
                  <a:pt x="16620" y="6387"/>
                  <a:pt x="16740" y="6317"/>
                </a:cubicBezTo>
                <a:lnTo>
                  <a:pt x="16740" y="6317"/>
                </a:lnTo>
                <a:cubicBezTo>
                  <a:pt x="16726" y="6324"/>
                  <a:pt x="16713" y="6332"/>
                  <a:pt x="16699" y="6339"/>
                </a:cubicBezTo>
                <a:cubicBezTo>
                  <a:pt x="16669" y="6352"/>
                  <a:pt x="16641" y="6366"/>
                  <a:pt x="16611" y="6380"/>
                </a:cubicBezTo>
                <a:cubicBezTo>
                  <a:pt x="16558" y="6403"/>
                  <a:pt x="16534" y="6411"/>
                  <a:pt x="16528" y="6411"/>
                </a:cubicBezTo>
                <a:cubicBezTo>
                  <a:pt x="16524" y="6411"/>
                  <a:pt x="16532" y="6406"/>
                  <a:pt x="16547" y="6399"/>
                </a:cubicBezTo>
                <a:cubicBezTo>
                  <a:pt x="16577" y="6383"/>
                  <a:pt x="16637" y="6350"/>
                  <a:pt x="16658" y="6336"/>
                </a:cubicBezTo>
                <a:lnTo>
                  <a:pt x="16658" y="6336"/>
                </a:lnTo>
                <a:cubicBezTo>
                  <a:pt x="16558" y="6383"/>
                  <a:pt x="16456" y="6424"/>
                  <a:pt x="16350" y="6459"/>
                </a:cubicBezTo>
                <a:cubicBezTo>
                  <a:pt x="16296" y="6482"/>
                  <a:pt x="16313" y="6480"/>
                  <a:pt x="16317" y="6482"/>
                </a:cubicBezTo>
                <a:cubicBezTo>
                  <a:pt x="16322" y="6485"/>
                  <a:pt x="16313" y="6491"/>
                  <a:pt x="16201" y="6526"/>
                </a:cubicBezTo>
                <a:cubicBezTo>
                  <a:pt x="16037" y="6566"/>
                  <a:pt x="15870" y="6596"/>
                  <a:pt x="15701" y="6614"/>
                </a:cubicBezTo>
                <a:cubicBezTo>
                  <a:pt x="15615" y="6624"/>
                  <a:pt x="15518" y="6626"/>
                  <a:pt x="15428" y="6633"/>
                </a:cubicBezTo>
                <a:cubicBezTo>
                  <a:pt x="15404" y="6634"/>
                  <a:pt x="15381" y="6634"/>
                  <a:pt x="15357" y="6634"/>
                </a:cubicBezTo>
                <a:cubicBezTo>
                  <a:pt x="15334" y="6634"/>
                  <a:pt x="15311" y="6634"/>
                  <a:pt x="15289" y="6635"/>
                </a:cubicBezTo>
                <a:lnTo>
                  <a:pt x="15150" y="6635"/>
                </a:lnTo>
                <a:cubicBezTo>
                  <a:pt x="15235" y="6640"/>
                  <a:pt x="15319" y="6644"/>
                  <a:pt x="15404" y="6649"/>
                </a:cubicBezTo>
                <a:cubicBezTo>
                  <a:pt x="15187" y="6649"/>
                  <a:pt x="15231" y="6677"/>
                  <a:pt x="15164" y="6688"/>
                </a:cubicBezTo>
                <a:cubicBezTo>
                  <a:pt x="14962" y="6684"/>
                  <a:pt x="14686" y="6670"/>
                  <a:pt x="14513" y="6649"/>
                </a:cubicBezTo>
                <a:cubicBezTo>
                  <a:pt x="14712" y="6649"/>
                  <a:pt x="14631" y="6624"/>
                  <a:pt x="14448" y="6596"/>
                </a:cubicBezTo>
                <a:cubicBezTo>
                  <a:pt x="14301" y="6583"/>
                  <a:pt x="14219" y="6579"/>
                  <a:pt x="14163" y="6579"/>
                </a:cubicBezTo>
                <a:cubicBezTo>
                  <a:pt x="14084" y="6579"/>
                  <a:pt x="14058" y="6586"/>
                  <a:pt x="13980" y="6586"/>
                </a:cubicBezTo>
                <a:cubicBezTo>
                  <a:pt x="13958" y="6586"/>
                  <a:pt x="13931" y="6586"/>
                  <a:pt x="13896" y="6584"/>
                </a:cubicBezTo>
                <a:cubicBezTo>
                  <a:pt x="14082" y="6566"/>
                  <a:pt x="13602" y="6545"/>
                  <a:pt x="13646" y="6531"/>
                </a:cubicBezTo>
                <a:cubicBezTo>
                  <a:pt x="13381" y="6508"/>
                  <a:pt x="13111" y="6492"/>
                  <a:pt x="12836" y="6492"/>
                </a:cubicBezTo>
                <a:cubicBezTo>
                  <a:pt x="12552" y="6492"/>
                  <a:pt x="12263" y="6509"/>
                  <a:pt x="11969" y="6554"/>
                </a:cubicBezTo>
                <a:cubicBezTo>
                  <a:pt x="11970" y="6554"/>
                  <a:pt x="11971" y="6554"/>
                  <a:pt x="11973" y="6554"/>
                </a:cubicBezTo>
                <a:cubicBezTo>
                  <a:pt x="11986" y="6554"/>
                  <a:pt x="12022" y="6549"/>
                  <a:pt x="12048" y="6549"/>
                </a:cubicBezTo>
                <a:cubicBezTo>
                  <a:pt x="12055" y="6549"/>
                  <a:pt x="12061" y="6549"/>
                  <a:pt x="12066" y="6549"/>
                </a:cubicBezTo>
                <a:cubicBezTo>
                  <a:pt x="12082" y="6549"/>
                  <a:pt x="12083" y="6552"/>
                  <a:pt x="12046" y="6559"/>
                </a:cubicBezTo>
                <a:cubicBezTo>
                  <a:pt x="11835" y="6593"/>
                  <a:pt x="11735" y="6603"/>
                  <a:pt x="11705" y="6603"/>
                </a:cubicBezTo>
                <a:cubicBezTo>
                  <a:pt x="11596" y="6626"/>
                  <a:pt x="11490" y="6656"/>
                  <a:pt x="11385" y="6693"/>
                </a:cubicBezTo>
                <a:cubicBezTo>
                  <a:pt x="11325" y="6714"/>
                  <a:pt x="11265" y="6737"/>
                  <a:pt x="11207" y="6765"/>
                </a:cubicBezTo>
                <a:cubicBezTo>
                  <a:pt x="11273" y="6740"/>
                  <a:pt x="11304" y="6731"/>
                  <a:pt x="11314" y="6731"/>
                </a:cubicBezTo>
                <a:cubicBezTo>
                  <a:pt x="11321" y="6731"/>
                  <a:pt x="11319" y="6735"/>
                  <a:pt x="11311" y="6742"/>
                </a:cubicBezTo>
                <a:cubicBezTo>
                  <a:pt x="11184" y="6786"/>
                  <a:pt x="11135" y="6795"/>
                  <a:pt x="11089" y="6811"/>
                </a:cubicBezTo>
                <a:cubicBezTo>
                  <a:pt x="11066" y="6816"/>
                  <a:pt x="11043" y="6823"/>
                  <a:pt x="11013" y="6837"/>
                </a:cubicBezTo>
                <a:cubicBezTo>
                  <a:pt x="10968" y="6853"/>
                  <a:pt x="10924" y="6871"/>
                  <a:pt x="10883" y="6895"/>
                </a:cubicBezTo>
                <a:cubicBezTo>
                  <a:pt x="10881" y="6895"/>
                  <a:pt x="10879" y="6895"/>
                  <a:pt x="10877" y="6895"/>
                </a:cubicBezTo>
                <a:cubicBezTo>
                  <a:pt x="10856" y="6895"/>
                  <a:pt x="10915" y="6865"/>
                  <a:pt x="10985" y="6837"/>
                </a:cubicBezTo>
                <a:cubicBezTo>
                  <a:pt x="11057" y="6804"/>
                  <a:pt x="11133" y="6774"/>
                  <a:pt x="11117" y="6769"/>
                </a:cubicBezTo>
                <a:lnTo>
                  <a:pt x="11117" y="6769"/>
                </a:lnTo>
                <a:cubicBezTo>
                  <a:pt x="10938" y="6834"/>
                  <a:pt x="10765" y="6913"/>
                  <a:pt x="10600" y="7006"/>
                </a:cubicBezTo>
                <a:cubicBezTo>
                  <a:pt x="10599" y="7006"/>
                  <a:pt x="10598" y="7006"/>
                  <a:pt x="10597" y="7006"/>
                </a:cubicBezTo>
                <a:cubicBezTo>
                  <a:pt x="10576" y="7006"/>
                  <a:pt x="10667" y="6966"/>
                  <a:pt x="10664" y="6966"/>
                </a:cubicBezTo>
                <a:cubicBezTo>
                  <a:pt x="10663" y="6966"/>
                  <a:pt x="10651" y="6971"/>
                  <a:pt x="10621" y="6983"/>
                </a:cubicBezTo>
                <a:cubicBezTo>
                  <a:pt x="10454" y="7066"/>
                  <a:pt x="10276" y="7168"/>
                  <a:pt x="10114" y="7272"/>
                </a:cubicBezTo>
                <a:cubicBezTo>
                  <a:pt x="9952" y="7374"/>
                  <a:pt x="9806" y="7481"/>
                  <a:pt x="9694" y="7564"/>
                </a:cubicBezTo>
                <a:cubicBezTo>
                  <a:pt x="9671" y="7573"/>
                  <a:pt x="9648" y="7583"/>
                  <a:pt x="9625" y="7592"/>
                </a:cubicBezTo>
                <a:cubicBezTo>
                  <a:pt x="9523" y="7666"/>
                  <a:pt x="9426" y="7745"/>
                  <a:pt x="9333" y="7828"/>
                </a:cubicBezTo>
                <a:cubicBezTo>
                  <a:pt x="9309" y="7845"/>
                  <a:pt x="9298" y="7852"/>
                  <a:pt x="9295" y="7852"/>
                </a:cubicBezTo>
                <a:cubicBezTo>
                  <a:pt x="9290" y="7852"/>
                  <a:pt x="9332" y="7815"/>
                  <a:pt x="9382" y="7775"/>
                </a:cubicBezTo>
                <a:lnTo>
                  <a:pt x="9382" y="7775"/>
                </a:lnTo>
                <a:cubicBezTo>
                  <a:pt x="9192" y="7921"/>
                  <a:pt x="8983" y="8120"/>
                  <a:pt x="8884" y="8210"/>
                </a:cubicBezTo>
                <a:cubicBezTo>
                  <a:pt x="8893" y="8187"/>
                  <a:pt x="8983" y="8120"/>
                  <a:pt x="9009" y="8088"/>
                </a:cubicBezTo>
                <a:lnTo>
                  <a:pt x="9009" y="8088"/>
                </a:lnTo>
                <a:cubicBezTo>
                  <a:pt x="8782" y="8280"/>
                  <a:pt x="8534" y="8560"/>
                  <a:pt x="8386" y="8683"/>
                </a:cubicBezTo>
                <a:cubicBezTo>
                  <a:pt x="8402" y="8662"/>
                  <a:pt x="8420" y="8643"/>
                  <a:pt x="8439" y="8625"/>
                </a:cubicBezTo>
                <a:lnTo>
                  <a:pt x="8439" y="8625"/>
                </a:lnTo>
                <a:cubicBezTo>
                  <a:pt x="8129" y="8931"/>
                  <a:pt x="7881" y="9216"/>
                  <a:pt x="7568" y="9568"/>
                </a:cubicBezTo>
                <a:cubicBezTo>
                  <a:pt x="7267" y="9878"/>
                  <a:pt x="7494" y="9688"/>
                  <a:pt x="7214" y="10006"/>
                </a:cubicBezTo>
                <a:cubicBezTo>
                  <a:pt x="7212" y="10005"/>
                  <a:pt x="7211" y="10004"/>
                  <a:pt x="7209" y="10004"/>
                </a:cubicBezTo>
                <a:cubicBezTo>
                  <a:pt x="7184" y="10004"/>
                  <a:pt x="7094" y="10106"/>
                  <a:pt x="6993" y="10233"/>
                </a:cubicBezTo>
                <a:cubicBezTo>
                  <a:pt x="6943" y="10300"/>
                  <a:pt x="6887" y="10376"/>
                  <a:pt x="6843" y="10446"/>
                </a:cubicBezTo>
                <a:cubicBezTo>
                  <a:pt x="6797" y="10513"/>
                  <a:pt x="6757" y="10578"/>
                  <a:pt x="6732" y="10617"/>
                </a:cubicBezTo>
                <a:lnTo>
                  <a:pt x="6769" y="10568"/>
                </a:lnTo>
                <a:lnTo>
                  <a:pt x="6769" y="10568"/>
                </a:lnTo>
                <a:cubicBezTo>
                  <a:pt x="6716" y="10666"/>
                  <a:pt x="6653" y="10784"/>
                  <a:pt x="6604" y="10900"/>
                </a:cubicBezTo>
                <a:cubicBezTo>
                  <a:pt x="6560" y="11002"/>
                  <a:pt x="6526" y="11106"/>
                  <a:pt x="6500" y="11212"/>
                </a:cubicBezTo>
                <a:cubicBezTo>
                  <a:pt x="6484" y="11307"/>
                  <a:pt x="6477" y="11402"/>
                  <a:pt x="6477" y="11497"/>
                </a:cubicBezTo>
                <a:cubicBezTo>
                  <a:pt x="6477" y="11602"/>
                  <a:pt x="6484" y="11703"/>
                  <a:pt x="6498" y="11808"/>
                </a:cubicBezTo>
                <a:cubicBezTo>
                  <a:pt x="6526" y="11993"/>
                  <a:pt x="6565" y="12176"/>
                  <a:pt x="6614" y="12357"/>
                </a:cubicBezTo>
                <a:lnTo>
                  <a:pt x="6593" y="12299"/>
                </a:lnTo>
                <a:lnTo>
                  <a:pt x="6593" y="12299"/>
                </a:lnTo>
                <a:cubicBezTo>
                  <a:pt x="6623" y="12408"/>
                  <a:pt x="6644" y="12517"/>
                  <a:pt x="6662" y="12628"/>
                </a:cubicBezTo>
                <a:cubicBezTo>
                  <a:pt x="6669" y="12679"/>
                  <a:pt x="6678" y="12730"/>
                  <a:pt x="6688" y="12783"/>
                </a:cubicBezTo>
                <a:cubicBezTo>
                  <a:pt x="6697" y="12836"/>
                  <a:pt x="6704" y="12894"/>
                  <a:pt x="6713" y="12957"/>
                </a:cubicBezTo>
                <a:cubicBezTo>
                  <a:pt x="6712" y="12952"/>
                  <a:pt x="6703" y="12910"/>
                  <a:pt x="6700" y="12910"/>
                </a:cubicBezTo>
                <a:cubicBezTo>
                  <a:pt x="6699" y="12910"/>
                  <a:pt x="6698" y="12921"/>
                  <a:pt x="6702" y="12954"/>
                </a:cubicBezTo>
                <a:cubicBezTo>
                  <a:pt x="6769" y="13568"/>
                  <a:pt x="6748" y="14187"/>
                  <a:pt x="6639" y="14791"/>
                </a:cubicBezTo>
                <a:cubicBezTo>
                  <a:pt x="6530" y="15398"/>
                  <a:pt x="6329" y="15987"/>
                  <a:pt x="6039" y="16529"/>
                </a:cubicBezTo>
                <a:lnTo>
                  <a:pt x="5963" y="16665"/>
                </a:lnTo>
                <a:lnTo>
                  <a:pt x="5914" y="16675"/>
                </a:lnTo>
                <a:lnTo>
                  <a:pt x="5863" y="16684"/>
                </a:lnTo>
                <a:cubicBezTo>
                  <a:pt x="5847" y="16686"/>
                  <a:pt x="5828" y="16691"/>
                  <a:pt x="5810" y="16693"/>
                </a:cubicBezTo>
                <a:lnTo>
                  <a:pt x="5699" y="16707"/>
                </a:lnTo>
                <a:cubicBezTo>
                  <a:pt x="5662" y="16712"/>
                  <a:pt x="5624" y="16716"/>
                  <a:pt x="5587" y="16719"/>
                </a:cubicBezTo>
                <a:cubicBezTo>
                  <a:pt x="5511" y="16728"/>
                  <a:pt x="5435" y="16730"/>
                  <a:pt x="5360" y="16735"/>
                </a:cubicBezTo>
                <a:cubicBezTo>
                  <a:pt x="5260" y="16738"/>
                  <a:pt x="5159" y="16740"/>
                  <a:pt x="5059" y="16740"/>
                </a:cubicBezTo>
                <a:cubicBezTo>
                  <a:pt x="4843" y="16740"/>
                  <a:pt x="4628" y="16732"/>
                  <a:pt x="4415" y="16716"/>
                </a:cubicBezTo>
                <a:cubicBezTo>
                  <a:pt x="4091" y="16693"/>
                  <a:pt x="3762" y="16663"/>
                  <a:pt x="3426" y="16644"/>
                </a:cubicBezTo>
                <a:cubicBezTo>
                  <a:pt x="3283" y="16635"/>
                  <a:pt x="3140" y="16630"/>
                  <a:pt x="2998" y="16630"/>
                </a:cubicBezTo>
                <a:cubicBezTo>
                  <a:pt x="2798" y="16630"/>
                  <a:pt x="2599" y="16639"/>
                  <a:pt x="2400" y="16658"/>
                </a:cubicBezTo>
                <a:cubicBezTo>
                  <a:pt x="2055" y="16691"/>
                  <a:pt x="1714" y="16770"/>
                  <a:pt x="1390" y="16892"/>
                </a:cubicBezTo>
                <a:cubicBezTo>
                  <a:pt x="1309" y="16927"/>
                  <a:pt x="1228" y="16959"/>
                  <a:pt x="1151" y="17001"/>
                </a:cubicBezTo>
                <a:lnTo>
                  <a:pt x="1093" y="17031"/>
                </a:lnTo>
                <a:lnTo>
                  <a:pt x="1063" y="17045"/>
                </a:lnTo>
                <a:lnTo>
                  <a:pt x="1036" y="17061"/>
                </a:lnTo>
                <a:lnTo>
                  <a:pt x="922" y="17131"/>
                </a:lnTo>
                <a:cubicBezTo>
                  <a:pt x="885" y="17154"/>
                  <a:pt x="850" y="17180"/>
                  <a:pt x="816" y="17205"/>
                </a:cubicBezTo>
                <a:lnTo>
                  <a:pt x="762" y="17244"/>
                </a:lnTo>
                <a:cubicBezTo>
                  <a:pt x="744" y="17256"/>
                  <a:pt x="727" y="17272"/>
                  <a:pt x="711" y="17284"/>
                </a:cubicBezTo>
                <a:lnTo>
                  <a:pt x="612" y="17370"/>
                </a:lnTo>
                <a:lnTo>
                  <a:pt x="519" y="17462"/>
                </a:lnTo>
                <a:cubicBezTo>
                  <a:pt x="505" y="17476"/>
                  <a:pt x="491" y="17492"/>
                  <a:pt x="475" y="17508"/>
                </a:cubicBezTo>
                <a:lnTo>
                  <a:pt x="431" y="17559"/>
                </a:lnTo>
                <a:cubicBezTo>
                  <a:pt x="417" y="17576"/>
                  <a:pt x="401" y="17592"/>
                  <a:pt x="389" y="17610"/>
                </a:cubicBezTo>
                <a:cubicBezTo>
                  <a:pt x="378" y="17629"/>
                  <a:pt x="361" y="17645"/>
                  <a:pt x="350" y="17664"/>
                </a:cubicBezTo>
                <a:cubicBezTo>
                  <a:pt x="301" y="17736"/>
                  <a:pt x="257" y="17812"/>
                  <a:pt x="218" y="17891"/>
                </a:cubicBezTo>
                <a:cubicBezTo>
                  <a:pt x="144" y="18044"/>
                  <a:pt x="93" y="18206"/>
                  <a:pt x="60" y="18375"/>
                </a:cubicBezTo>
                <a:cubicBezTo>
                  <a:pt x="0" y="18697"/>
                  <a:pt x="28" y="19030"/>
                  <a:pt x="141" y="19341"/>
                </a:cubicBezTo>
                <a:lnTo>
                  <a:pt x="167" y="19385"/>
                </a:lnTo>
                <a:cubicBezTo>
                  <a:pt x="176" y="19401"/>
                  <a:pt x="188" y="19417"/>
                  <a:pt x="199" y="19436"/>
                </a:cubicBezTo>
                <a:cubicBezTo>
                  <a:pt x="211" y="19454"/>
                  <a:pt x="225" y="19477"/>
                  <a:pt x="243" y="19498"/>
                </a:cubicBezTo>
                <a:cubicBezTo>
                  <a:pt x="320" y="19605"/>
                  <a:pt x="415" y="19695"/>
                  <a:pt x="524" y="19767"/>
                </a:cubicBezTo>
                <a:cubicBezTo>
                  <a:pt x="619" y="19832"/>
                  <a:pt x="727" y="19874"/>
                  <a:pt x="841" y="19890"/>
                </a:cubicBezTo>
                <a:cubicBezTo>
                  <a:pt x="850" y="19890"/>
                  <a:pt x="860" y="19892"/>
                  <a:pt x="869" y="19894"/>
                </a:cubicBezTo>
                <a:lnTo>
                  <a:pt x="894" y="19894"/>
                </a:lnTo>
                <a:cubicBezTo>
                  <a:pt x="906" y="19892"/>
                  <a:pt x="917" y="19892"/>
                  <a:pt x="929" y="19887"/>
                </a:cubicBezTo>
                <a:cubicBezTo>
                  <a:pt x="945" y="19881"/>
                  <a:pt x="948" y="19871"/>
                  <a:pt x="934" y="19855"/>
                </a:cubicBezTo>
                <a:cubicBezTo>
                  <a:pt x="919" y="19848"/>
                  <a:pt x="919" y="19845"/>
                  <a:pt x="925" y="19845"/>
                </a:cubicBezTo>
                <a:cubicBezTo>
                  <a:pt x="926" y="19845"/>
                  <a:pt x="929" y="19845"/>
                  <a:pt x="931" y="19846"/>
                </a:cubicBezTo>
                <a:cubicBezTo>
                  <a:pt x="945" y="19848"/>
                  <a:pt x="964" y="19853"/>
                  <a:pt x="987" y="19860"/>
                </a:cubicBezTo>
                <a:cubicBezTo>
                  <a:pt x="1006" y="19864"/>
                  <a:pt x="1023" y="19867"/>
                  <a:pt x="1028" y="19867"/>
                </a:cubicBezTo>
                <a:cubicBezTo>
                  <a:pt x="1036" y="19867"/>
                  <a:pt x="1025" y="19861"/>
                  <a:pt x="973" y="19841"/>
                </a:cubicBezTo>
                <a:cubicBezTo>
                  <a:pt x="948" y="19834"/>
                  <a:pt x="920" y="19827"/>
                  <a:pt x="894" y="19820"/>
                </a:cubicBezTo>
                <a:cubicBezTo>
                  <a:pt x="866" y="19811"/>
                  <a:pt x="841" y="19802"/>
                  <a:pt x="816" y="19790"/>
                </a:cubicBezTo>
                <a:lnTo>
                  <a:pt x="816" y="19790"/>
                </a:lnTo>
                <a:cubicBezTo>
                  <a:pt x="817" y="19790"/>
                  <a:pt x="818" y="19790"/>
                  <a:pt x="819" y="19790"/>
                </a:cubicBezTo>
                <a:cubicBezTo>
                  <a:pt x="827" y="19790"/>
                  <a:pt x="816" y="19780"/>
                  <a:pt x="802" y="19765"/>
                </a:cubicBezTo>
                <a:cubicBezTo>
                  <a:pt x="795" y="19755"/>
                  <a:pt x="785" y="19746"/>
                  <a:pt x="776" y="19739"/>
                </a:cubicBezTo>
                <a:cubicBezTo>
                  <a:pt x="771" y="19732"/>
                  <a:pt x="767" y="19725"/>
                  <a:pt x="762" y="19718"/>
                </a:cubicBezTo>
                <a:cubicBezTo>
                  <a:pt x="758" y="19717"/>
                  <a:pt x="755" y="19717"/>
                  <a:pt x="753" y="19717"/>
                </a:cubicBezTo>
                <a:cubicBezTo>
                  <a:pt x="747" y="19717"/>
                  <a:pt x="748" y="19721"/>
                  <a:pt x="755" y="19730"/>
                </a:cubicBezTo>
                <a:cubicBezTo>
                  <a:pt x="760" y="19737"/>
                  <a:pt x="765" y="19744"/>
                  <a:pt x="771" y="19751"/>
                </a:cubicBezTo>
                <a:cubicBezTo>
                  <a:pt x="778" y="19760"/>
                  <a:pt x="785" y="19765"/>
                  <a:pt x="792" y="19772"/>
                </a:cubicBezTo>
                <a:cubicBezTo>
                  <a:pt x="809" y="19788"/>
                  <a:pt x="820" y="19802"/>
                  <a:pt x="808" y="19802"/>
                </a:cubicBezTo>
                <a:cubicBezTo>
                  <a:pt x="800" y="19802"/>
                  <a:pt x="780" y="19795"/>
                  <a:pt x="741" y="19776"/>
                </a:cubicBezTo>
                <a:cubicBezTo>
                  <a:pt x="725" y="19769"/>
                  <a:pt x="709" y="19760"/>
                  <a:pt x="695" y="19751"/>
                </a:cubicBezTo>
                <a:cubicBezTo>
                  <a:pt x="674" y="19737"/>
                  <a:pt x="656" y="19721"/>
                  <a:pt x="635" y="19702"/>
                </a:cubicBezTo>
                <a:cubicBezTo>
                  <a:pt x="614" y="19686"/>
                  <a:pt x="595" y="19663"/>
                  <a:pt x="577" y="19644"/>
                </a:cubicBezTo>
                <a:cubicBezTo>
                  <a:pt x="574" y="19641"/>
                  <a:pt x="571" y="19638"/>
                  <a:pt x="568" y="19635"/>
                </a:cubicBezTo>
                <a:lnTo>
                  <a:pt x="568" y="19635"/>
                </a:lnTo>
                <a:cubicBezTo>
                  <a:pt x="577" y="19647"/>
                  <a:pt x="579" y="19651"/>
                  <a:pt x="577" y="19651"/>
                </a:cubicBezTo>
                <a:cubicBezTo>
                  <a:pt x="575" y="19651"/>
                  <a:pt x="569" y="19647"/>
                  <a:pt x="561" y="19640"/>
                </a:cubicBezTo>
                <a:cubicBezTo>
                  <a:pt x="549" y="19628"/>
                  <a:pt x="531" y="19612"/>
                  <a:pt x="512" y="19596"/>
                </a:cubicBezTo>
                <a:lnTo>
                  <a:pt x="468" y="19542"/>
                </a:lnTo>
                <a:lnTo>
                  <a:pt x="422" y="19461"/>
                </a:lnTo>
                <a:cubicBezTo>
                  <a:pt x="408" y="19433"/>
                  <a:pt x="389" y="19401"/>
                  <a:pt x="378" y="19371"/>
                </a:cubicBezTo>
                <a:lnTo>
                  <a:pt x="359" y="19327"/>
                </a:lnTo>
                <a:cubicBezTo>
                  <a:pt x="355" y="19313"/>
                  <a:pt x="350" y="19299"/>
                  <a:pt x="348" y="19288"/>
                </a:cubicBezTo>
                <a:cubicBezTo>
                  <a:pt x="341" y="19269"/>
                  <a:pt x="336" y="19250"/>
                  <a:pt x="334" y="19230"/>
                </a:cubicBezTo>
                <a:cubicBezTo>
                  <a:pt x="322" y="19211"/>
                  <a:pt x="315" y="19190"/>
                  <a:pt x="308" y="19169"/>
                </a:cubicBezTo>
                <a:cubicBezTo>
                  <a:pt x="299" y="19137"/>
                  <a:pt x="292" y="19105"/>
                  <a:pt x="285" y="19074"/>
                </a:cubicBezTo>
                <a:lnTo>
                  <a:pt x="290" y="19067"/>
                </a:lnTo>
                <a:cubicBezTo>
                  <a:pt x="281" y="19030"/>
                  <a:pt x="278" y="19018"/>
                  <a:pt x="277" y="19018"/>
                </a:cubicBezTo>
                <a:lnTo>
                  <a:pt x="277" y="19018"/>
                </a:lnTo>
                <a:cubicBezTo>
                  <a:pt x="275" y="19018"/>
                  <a:pt x="287" y="19083"/>
                  <a:pt x="283" y="19083"/>
                </a:cubicBezTo>
                <a:cubicBezTo>
                  <a:pt x="282" y="19083"/>
                  <a:pt x="282" y="19082"/>
                  <a:pt x="280" y="19079"/>
                </a:cubicBezTo>
                <a:cubicBezTo>
                  <a:pt x="255" y="18984"/>
                  <a:pt x="250" y="18829"/>
                  <a:pt x="257" y="18671"/>
                </a:cubicBezTo>
                <a:lnTo>
                  <a:pt x="257" y="18671"/>
                </a:lnTo>
                <a:cubicBezTo>
                  <a:pt x="253" y="18806"/>
                  <a:pt x="269" y="18940"/>
                  <a:pt x="306" y="19070"/>
                </a:cubicBezTo>
                <a:cubicBezTo>
                  <a:pt x="299" y="19033"/>
                  <a:pt x="294" y="18996"/>
                  <a:pt x="297" y="18959"/>
                </a:cubicBezTo>
                <a:cubicBezTo>
                  <a:pt x="297" y="18957"/>
                  <a:pt x="298" y="18957"/>
                  <a:pt x="299" y="18957"/>
                </a:cubicBezTo>
                <a:cubicBezTo>
                  <a:pt x="303" y="18957"/>
                  <a:pt x="309" y="18972"/>
                  <a:pt x="315" y="18993"/>
                </a:cubicBezTo>
                <a:cubicBezTo>
                  <a:pt x="324" y="19021"/>
                  <a:pt x="336" y="19058"/>
                  <a:pt x="348" y="19091"/>
                </a:cubicBezTo>
                <a:cubicBezTo>
                  <a:pt x="357" y="19116"/>
                  <a:pt x="368" y="19142"/>
                  <a:pt x="382" y="19167"/>
                </a:cubicBezTo>
                <a:cubicBezTo>
                  <a:pt x="355" y="19084"/>
                  <a:pt x="334" y="19000"/>
                  <a:pt x="317" y="18915"/>
                </a:cubicBezTo>
                <a:cubicBezTo>
                  <a:pt x="304" y="18836"/>
                  <a:pt x="294" y="18759"/>
                  <a:pt x="292" y="18681"/>
                </a:cubicBezTo>
                <a:cubicBezTo>
                  <a:pt x="300" y="18612"/>
                  <a:pt x="308" y="18587"/>
                  <a:pt x="315" y="18587"/>
                </a:cubicBezTo>
                <a:cubicBezTo>
                  <a:pt x="319" y="18587"/>
                  <a:pt x="323" y="18598"/>
                  <a:pt x="327" y="18613"/>
                </a:cubicBezTo>
                <a:cubicBezTo>
                  <a:pt x="329" y="18634"/>
                  <a:pt x="331" y="18662"/>
                  <a:pt x="336" y="18690"/>
                </a:cubicBezTo>
                <a:cubicBezTo>
                  <a:pt x="337" y="18701"/>
                  <a:pt x="339" y="18713"/>
                  <a:pt x="339" y="18725"/>
                </a:cubicBezTo>
                <a:lnTo>
                  <a:pt x="339" y="18725"/>
                </a:lnTo>
                <a:cubicBezTo>
                  <a:pt x="336" y="18635"/>
                  <a:pt x="337" y="18546"/>
                  <a:pt x="345" y="18456"/>
                </a:cubicBezTo>
                <a:cubicBezTo>
                  <a:pt x="352" y="18379"/>
                  <a:pt x="366" y="18305"/>
                  <a:pt x="382" y="18231"/>
                </a:cubicBezTo>
                <a:lnTo>
                  <a:pt x="382" y="18231"/>
                </a:lnTo>
                <a:cubicBezTo>
                  <a:pt x="378" y="18259"/>
                  <a:pt x="375" y="18287"/>
                  <a:pt x="375" y="18317"/>
                </a:cubicBezTo>
                <a:cubicBezTo>
                  <a:pt x="373" y="18335"/>
                  <a:pt x="373" y="18352"/>
                  <a:pt x="375" y="18370"/>
                </a:cubicBezTo>
                <a:cubicBezTo>
                  <a:pt x="378" y="18398"/>
                  <a:pt x="375" y="18428"/>
                  <a:pt x="378" y="18495"/>
                </a:cubicBezTo>
                <a:cubicBezTo>
                  <a:pt x="387" y="18456"/>
                  <a:pt x="394" y="18426"/>
                  <a:pt x="401" y="18400"/>
                </a:cubicBezTo>
                <a:cubicBezTo>
                  <a:pt x="405" y="18375"/>
                  <a:pt x="408" y="18352"/>
                  <a:pt x="412" y="18333"/>
                </a:cubicBezTo>
                <a:cubicBezTo>
                  <a:pt x="415" y="18315"/>
                  <a:pt x="417" y="18298"/>
                  <a:pt x="419" y="18282"/>
                </a:cubicBezTo>
                <a:cubicBezTo>
                  <a:pt x="419" y="18269"/>
                  <a:pt x="421" y="18256"/>
                  <a:pt x="424" y="18242"/>
                </a:cubicBezTo>
                <a:lnTo>
                  <a:pt x="424" y="18242"/>
                </a:lnTo>
                <a:cubicBezTo>
                  <a:pt x="415" y="18280"/>
                  <a:pt x="402" y="18318"/>
                  <a:pt x="389" y="18356"/>
                </a:cubicBezTo>
                <a:cubicBezTo>
                  <a:pt x="443" y="18171"/>
                  <a:pt x="401" y="18192"/>
                  <a:pt x="419" y="18090"/>
                </a:cubicBezTo>
                <a:cubicBezTo>
                  <a:pt x="459" y="18011"/>
                  <a:pt x="505" y="17937"/>
                  <a:pt x="556" y="17865"/>
                </a:cubicBezTo>
                <a:cubicBezTo>
                  <a:pt x="570" y="17849"/>
                  <a:pt x="582" y="17833"/>
                  <a:pt x="593" y="17821"/>
                </a:cubicBezTo>
                <a:cubicBezTo>
                  <a:pt x="605" y="17807"/>
                  <a:pt x="616" y="17796"/>
                  <a:pt x="623" y="17786"/>
                </a:cubicBezTo>
                <a:cubicBezTo>
                  <a:pt x="637" y="17775"/>
                  <a:pt x="646" y="17768"/>
                  <a:pt x="652" y="17768"/>
                </a:cubicBezTo>
                <a:lnTo>
                  <a:pt x="652" y="17768"/>
                </a:lnTo>
                <a:lnTo>
                  <a:pt x="635" y="17756"/>
                </a:lnTo>
                <a:cubicBezTo>
                  <a:pt x="653" y="17733"/>
                  <a:pt x="672" y="17712"/>
                  <a:pt x="690" y="17691"/>
                </a:cubicBezTo>
                <a:cubicBezTo>
                  <a:pt x="704" y="17680"/>
                  <a:pt x="709" y="17678"/>
                  <a:pt x="714" y="17678"/>
                </a:cubicBezTo>
                <a:cubicBezTo>
                  <a:pt x="716" y="17678"/>
                  <a:pt x="714" y="17688"/>
                  <a:pt x="722" y="17688"/>
                </a:cubicBezTo>
                <a:cubicBezTo>
                  <a:pt x="724" y="17688"/>
                  <a:pt x="725" y="17688"/>
                  <a:pt x="727" y="17687"/>
                </a:cubicBezTo>
                <a:cubicBezTo>
                  <a:pt x="744" y="17657"/>
                  <a:pt x="734" y="17652"/>
                  <a:pt x="744" y="17629"/>
                </a:cubicBezTo>
                <a:cubicBezTo>
                  <a:pt x="755" y="17610"/>
                  <a:pt x="767" y="17592"/>
                  <a:pt x="783" y="17573"/>
                </a:cubicBezTo>
                <a:cubicBezTo>
                  <a:pt x="820" y="17536"/>
                  <a:pt x="857" y="17499"/>
                  <a:pt x="899" y="17467"/>
                </a:cubicBezTo>
                <a:lnTo>
                  <a:pt x="899" y="17467"/>
                </a:lnTo>
                <a:cubicBezTo>
                  <a:pt x="898" y="17473"/>
                  <a:pt x="900" y="17476"/>
                  <a:pt x="904" y="17476"/>
                </a:cubicBezTo>
                <a:cubicBezTo>
                  <a:pt x="909" y="17476"/>
                  <a:pt x="917" y="17473"/>
                  <a:pt x="927" y="17467"/>
                </a:cubicBezTo>
                <a:cubicBezTo>
                  <a:pt x="954" y="17451"/>
                  <a:pt x="980" y="17434"/>
                  <a:pt x="1003" y="17416"/>
                </a:cubicBezTo>
                <a:cubicBezTo>
                  <a:pt x="1049" y="17382"/>
                  <a:pt x="1102" y="17351"/>
                  <a:pt x="1122" y="17351"/>
                </a:cubicBezTo>
                <a:cubicBezTo>
                  <a:pt x="1127" y="17351"/>
                  <a:pt x="1130" y="17352"/>
                  <a:pt x="1131" y="17356"/>
                </a:cubicBezTo>
                <a:cubicBezTo>
                  <a:pt x="1161" y="17337"/>
                  <a:pt x="1184" y="17321"/>
                  <a:pt x="1207" y="17305"/>
                </a:cubicBezTo>
                <a:lnTo>
                  <a:pt x="1272" y="17263"/>
                </a:lnTo>
                <a:cubicBezTo>
                  <a:pt x="1295" y="17249"/>
                  <a:pt x="1316" y="17235"/>
                  <a:pt x="1341" y="17221"/>
                </a:cubicBezTo>
                <a:cubicBezTo>
                  <a:pt x="1369" y="17207"/>
                  <a:pt x="1397" y="17196"/>
                  <a:pt x="1427" y="17184"/>
                </a:cubicBezTo>
                <a:cubicBezTo>
                  <a:pt x="1444" y="17179"/>
                  <a:pt x="1455" y="17177"/>
                  <a:pt x="1461" y="17177"/>
                </a:cubicBezTo>
                <a:cubicBezTo>
                  <a:pt x="1482" y="17177"/>
                  <a:pt x="1443" y="17205"/>
                  <a:pt x="1385" y="17235"/>
                </a:cubicBezTo>
                <a:cubicBezTo>
                  <a:pt x="1367" y="17244"/>
                  <a:pt x="1346" y="17258"/>
                  <a:pt x="1327" y="17270"/>
                </a:cubicBezTo>
                <a:lnTo>
                  <a:pt x="1270" y="17305"/>
                </a:lnTo>
                <a:cubicBezTo>
                  <a:pt x="1251" y="17316"/>
                  <a:pt x="1232" y="17325"/>
                  <a:pt x="1216" y="17332"/>
                </a:cubicBezTo>
                <a:cubicBezTo>
                  <a:pt x="1200" y="17342"/>
                  <a:pt x="1186" y="17351"/>
                  <a:pt x="1179" y="17356"/>
                </a:cubicBezTo>
                <a:cubicBezTo>
                  <a:pt x="1130" y="17385"/>
                  <a:pt x="1111" y="17395"/>
                  <a:pt x="1107" y="17395"/>
                </a:cubicBezTo>
                <a:cubicBezTo>
                  <a:pt x="1099" y="17395"/>
                  <a:pt x="1146" y="17359"/>
                  <a:pt x="1141" y="17359"/>
                </a:cubicBezTo>
                <a:cubicBezTo>
                  <a:pt x="1140" y="17359"/>
                  <a:pt x="1135" y="17362"/>
                  <a:pt x="1126" y="17367"/>
                </a:cubicBezTo>
                <a:cubicBezTo>
                  <a:pt x="1075" y="17404"/>
                  <a:pt x="1024" y="17441"/>
                  <a:pt x="978" y="17481"/>
                </a:cubicBezTo>
                <a:cubicBezTo>
                  <a:pt x="1053" y="17430"/>
                  <a:pt x="1203" y="17351"/>
                  <a:pt x="1228" y="17351"/>
                </a:cubicBezTo>
                <a:cubicBezTo>
                  <a:pt x="1231" y="17351"/>
                  <a:pt x="1232" y="17353"/>
                  <a:pt x="1230" y="17356"/>
                </a:cubicBezTo>
                <a:cubicBezTo>
                  <a:pt x="1273" y="17331"/>
                  <a:pt x="1284" y="17323"/>
                  <a:pt x="1279" y="17323"/>
                </a:cubicBezTo>
                <a:cubicBezTo>
                  <a:pt x="1274" y="17323"/>
                  <a:pt x="1258" y="17329"/>
                  <a:pt x="1242" y="17335"/>
                </a:cubicBezTo>
                <a:cubicBezTo>
                  <a:pt x="1228" y="17341"/>
                  <a:pt x="1214" y="17347"/>
                  <a:pt x="1210" y="17347"/>
                </a:cubicBezTo>
                <a:cubicBezTo>
                  <a:pt x="1210" y="17347"/>
                  <a:pt x="1209" y="17347"/>
                  <a:pt x="1209" y="17346"/>
                </a:cubicBezTo>
                <a:cubicBezTo>
                  <a:pt x="1207" y="17344"/>
                  <a:pt x="1221" y="17332"/>
                  <a:pt x="1267" y="17307"/>
                </a:cubicBezTo>
                <a:cubicBezTo>
                  <a:pt x="1304" y="17293"/>
                  <a:pt x="1344" y="17275"/>
                  <a:pt x="1383" y="17261"/>
                </a:cubicBezTo>
                <a:cubicBezTo>
                  <a:pt x="1476" y="17214"/>
                  <a:pt x="1464" y="17212"/>
                  <a:pt x="1457" y="17207"/>
                </a:cubicBezTo>
                <a:cubicBezTo>
                  <a:pt x="1453" y="17203"/>
                  <a:pt x="1455" y="17203"/>
                  <a:pt x="1471" y="17193"/>
                </a:cubicBezTo>
                <a:cubicBezTo>
                  <a:pt x="1478" y="17189"/>
                  <a:pt x="1490" y="17182"/>
                  <a:pt x="1508" y="17175"/>
                </a:cubicBezTo>
                <a:cubicBezTo>
                  <a:pt x="1527" y="17166"/>
                  <a:pt x="1550" y="17156"/>
                  <a:pt x="1582" y="17145"/>
                </a:cubicBezTo>
                <a:lnTo>
                  <a:pt x="1582" y="17145"/>
                </a:lnTo>
                <a:cubicBezTo>
                  <a:pt x="1552" y="17159"/>
                  <a:pt x="1542" y="17165"/>
                  <a:pt x="1546" y="17165"/>
                </a:cubicBezTo>
                <a:cubicBezTo>
                  <a:pt x="1554" y="17165"/>
                  <a:pt x="1604" y="17148"/>
                  <a:pt x="1661" y="17129"/>
                </a:cubicBezTo>
                <a:cubicBezTo>
                  <a:pt x="1732" y="17103"/>
                  <a:pt x="1819" y="17082"/>
                  <a:pt x="1850" y="17082"/>
                </a:cubicBezTo>
                <a:cubicBezTo>
                  <a:pt x="1859" y="17082"/>
                  <a:pt x="1863" y="17083"/>
                  <a:pt x="1863" y="17086"/>
                </a:cubicBezTo>
                <a:lnTo>
                  <a:pt x="1863" y="17086"/>
                </a:lnTo>
                <a:cubicBezTo>
                  <a:pt x="1867" y="17070"/>
                  <a:pt x="1987" y="17036"/>
                  <a:pt x="2115" y="17015"/>
                </a:cubicBezTo>
                <a:cubicBezTo>
                  <a:pt x="2245" y="16992"/>
                  <a:pt x="2381" y="16976"/>
                  <a:pt x="2409" y="16959"/>
                </a:cubicBezTo>
                <a:lnTo>
                  <a:pt x="2409" y="16959"/>
                </a:lnTo>
                <a:lnTo>
                  <a:pt x="2333" y="16964"/>
                </a:lnTo>
                <a:lnTo>
                  <a:pt x="2259" y="16971"/>
                </a:lnTo>
                <a:lnTo>
                  <a:pt x="2293" y="16980"/>
                </a:lnTo>
                <a:lnTo>
                  <a:pt x="2178" y="16999"/>
                </a:lnTo>
                <a:cubicBezTo>
                  <a:pt x="2141" y="17006"/>
                  <a:pt x="2106" y="17015"/>
                  <a:pt x="2069" y="17022"/>
                </a:cubicBezTo>
                <a:cubicBezTo>
                  <a:pt x="1995" y="17036"/>
                  <a:pt x="1923" y="17057"/>
                  <a:pt x="1842" y="17073"/>
                </a:cubicBezTo>
                <a:cubicBezTo>
                  <a:pt x="1967" y="17029"/>
                  <a:pt x="1791" y="17057"/>
                  <a:pt x="1937" y="17010"/>
                </a:cubicBezTo>
                <a:cubicBezTo>
                  <a:pt x="1981" y="16997"/>
                  <a:pt x="2022" y="16985"/>
                  <a:pt x="2069" y="16978"/>
                </a:cubicBezTo>
                <a:cubicBezTo>
                  <a:pt x="2075" y="16977"/>
                  <a:pt x="2080" y="16976"/>
                  <a:pt x="2083" y="16976"/>
                </a:cubicBezTo>
                <a:cubicBezTo>
                  <a:pt x="2090" y="16976"/>
                  <a:pt x="2090" y="16979"/>
                  <a:pt x="2085" y="16980"/>
                </a:cubicBezTo>
                <a:cubicBezTo>
                  <a:pt x="2076" y="16989"/>
                  <a:pt x="2041" y="17004"/>
                  <a:pt x="2054" y="17004"/>
                </a:cubicBezTo>
                <a:cubicBezTo>
                  <a:pt x="2055" y="17004"/>
                  <a:pt x="2056" y="17004"/>
                  <a:pt x="2057" y="17004"/>
                </a:cubicBezTo>
                <a:lnTo>
                  <a:pt x="2168" y="16973"/>
                </a:lnTo>
                <a:lnTo>
                  <a:pt x="2282" y="16948"/>
                </a:lnTo>
                <a:lnTo>
                  <a:pt x="2282" y="16948"/>
                </a:lnTo>
                <a:cubicBezTo>
                  <a:pt x="2229" y="16953"/>
                  <a:pt x="2175" y="16953"/>
                  <a:pt x="2124" y="16959"/>
                </a:cubicBezTo>
                <a:cubicBezTo>
                  <a:pt x="2347" y="16915"/>
                  <a:pt x="2571" y="16890"/>
                  <a:pt x="2796" y="16888"/>
                </a:cubicBezTo>
                <a:cubicBezTo>
                  <a:pt x="2805" y="16887"/>
                  <a:pt x="2815" y="16887"/>
                  <a:pt x="2824" y="16887"/>
                </a:cubicBezTo>
                <a:cubicBezTo>
                  <a:pt x="2866" y="16887"/>
                  <a:pt x="2909" y="16891"/>
                  <a:pt x="2949" y="16895"/>
                </a:cubicBezTo>
                <a:cubicBezTo>
                  <a:pt x="2967" y="16899"/>
                  <a:pt x="2958" y="16902"/>
                  <a:pt x="2947" y="16904"/>
                </a:cubicBezTo>
                <a:cubicBezTo>
                  <a:pt x="2921" y="16909"/>
                  <a:pt x="2884" y="16913"/>
                  <a:pt x="3016" y="16920"/>
                </a:cubicBezTo>
                <a:cubicBezTo>
                  <a:pt x="3074" y="16915"/>
                  <a:pt x="3097" y="16913"/>
                  <a:pt x="3127" y="16913"/>
                </a:cubicBezTo>
                <a:cubicBezTo>
                  <a:pt x="3148" y="16911"/>
                  <a:pt x="3168" y="16910"/>
                  <a:pt x="3189" y="16910"/>
                </a:cubicBezTo>
                <a:cubicBezTo>
                  <a:pt x="3218" y="16910"/>
                  <a:pt x="3246" y="16912"/>
                  <a:pt x="3276" y="16913"/>
                </a:cubicBezTo>
                <a:cubicBezTo>
                  <a:pt x="3244" y="16908"/>
                  <a:pt x="3215" y="16907"/>
                  <a:pt x="3188" y="16907"/>
                </a:cubicBezTo>
                <a:cubicBezTo>
                  <a:pt x="3142" y="16907"/>
                  <a:pt x="3102" y="16911"/>
                  <a:pt x="3064" y="16911"/>
                </a:cubicBezTo>
                <a:cubicBezTo>
                  <a:pt x="3059" y="16911"/>
                  <a:pt x="3054" y="16911"/>
                  <a:pt x="3049" y="16911"/>
                </a:cubicBezTo>
                <a:cubicBezTo>
                  <a:pt x="3009" y="16899"/>
                  <a:pt x="3083" y="16899"/>
                  <a:pt x="3167" y="16897"/>
                </a:cubicBezTo>
                <a:cubicBezTo>
                  <a:pt x="3195" y="16897"/>
                  <a:pt x="3224" y="16897"/>
                  <a:pt x="3250" y="16897"/>
                </a:cubicBezTo>
                <a:cubicBezTo>
                  <a:pt x="3302" y="16897"/>
                  <a:pt x="3340" y="16896"/>
                  <a:pt x="3336" y="16890"/>
                </a:cubicBezTo>
                <a:lnTo>
                  <a:pt x="3336" y="16890"/>
                </a:lnTo>
                <a:cubicBezTo>
                  <a:pt x="3405" y="16902"/>
                  <a:pt x="3391" y="16909"/>
                  <a:pt x="3336" y="16915"/>
                </a:cubicBezTo>
                <a:cubicBezTo>
                  <a:pt x="3621" y="16920"/>
                  <a:pt x="3896" y="16946"/>
                  <a:pt x="4001" y="16980"/>
                </a:cubicBezTo>
                <a:lnTo>
                  <a:pt x="4128" y="16964"/>
                </a:lnTo>
                <a:cubicBezTo>
                  <a:pt x="4335" y="16984"/>
                  <a:pt x="4307" y="16986"/>
                  <a:pt x="4236" y="16986"/>
                </a:cubicBezTo>
                <a:cubicBezTo>
                  <a:pt x="4210" y="16986"/>
                  <a:pt x="4178" y="16986"/>
                  <a:pt x="4150" y="16986"/>
                </a:cubicBezTo>
                <a:cubicBezTo>
                  <a:pt x="4074" y="16986"/>
                  <a:pt x="4027" y="16989"/>
                  <a:pt x="4202" y="17008"/>
                </a:cubicBezTo>
                <a:cubicBezTo>
                  <a:pt x="4319" y="17022"/>
                  <a:pt x="4436" y="17027"/>
                  <a:pt x="4553" y="17027"/>
                </a:cubicBezTo>
                <a:cubicBezTo>
                  <a:pt x="4575" y="17027"/>
                  <a:pt x="4597" y="17027"/>
                  <a:pt x="4619" y="17027"/>
                </a:cubicBezTo>
                <a:lnTo>
                  <a:pt x="4471" y="17017"/>
                </a:lnTo>
                <a:cubicBezTo>
                  <a:pt x="4566" y="17006"/>
                  <a:pt x="4663" y="17001"/>
                  <a:pt x="4760" y="16999"/>
                </a:cubicBezTo>
                <a:cubicBezTo>
                  <a:pt x="4859" y="17004"/>
                  <a:pt x="4842" y="17014"/>
                  <a:pt x="4899" y="17014"/>
                </a:cubicBezTo>
                <a:cubicBezTo>
                  <a:pt x="4916" y="17014"/>
                  <a:pt x="4941" y="17013"/>
                  <a:pt x="4978" y="17010"/>
                </a:cubicBezTo>
                <a:cubicBezTo>
                  <a:pt x="5299" y="17022"/>
                  <a:pt x="5185" y="17040"/>
                  <a:pt x="5094" y="17059"/>
                </a:cubicBezTo>
                <a:lnTo>
                  <a:pt x="5094" y="17059"/>
                </a:lnTo>
                <a:cubicBezTo>
                  <a:pt x="5124" y="17058"/>
                  <a:pt x="5157" y="17057"/>
                  <a:pt x="5189" y="17057"/>
                </a:cubicBezTo>
                <a:cubicBezTo>
                  <a:pt x="5245" y="17054"/>
                  <a:pt x="5298" y="17052"/>
                  <a:pt x="5342" y="17050"/>
                </a:cubicBezTo>
                <a:cubicBezTo>
                  <a:pt x="5370" y="17050"/>
                  <a:pt x="5397" y="17045"/>
                  <a:pt x="5423" y="17038"/>
                </a:cubicBezTo>
                <a:lnTo>
                  <a:pt x="5423" y="17038"/>
                </a:lnTo>
                <a:cubicBezTo>
                  <a:pt x="5426" y="17043"/>
                  <a:pt x="5407" y="17056"/>
                  <a:pt x="5333" y="17066"/>
                </a:cubicBezTo>
                <a:lnTo>
                  <a:pt x="5333" y="17066"/>
                </a:lnTo>
                <a:cubicBezTo>
                  <a:pt x="5286" y="17063"/>
                  <a:pt x="5252" y="17062"/>
                  <a:pt x="5227" y="17062"/>
                </a:cubicBezTo>
                <a:cubicBezTo>
                  <a:pt x="5177" y="17062"/>
                  <a:pt x="5163" y="17066"/>
                  <a:pt x="5159" y="17071"/>
                </a:cubicBezTo>
                <a:cubicBezTo>
                  <a:pt x="5156" y="17073"/>
                  <a:pt x="5160" y="17077"/>
                  <a:pt x="5151" y="17077"/>
                </a:cubicBezTo>
                <a:cubicBezTo>
                  <a:pt x="5145" y="17077"/>
                  <a:pt x="5134" y="17075"/>
                  <a:pt x="5110" y="17071"/>
                </a:cubicBezTo>
                <a:cubicBezTo>
                  <a:pt x="5088" y="17071"/>
                  <a:pt x="5066" y="17071"/>
                  <a:pt x="5044" y="17070"/>
                </a:cubicBezTo>
                <a:lnTo>
                  <a:pt x="5044" y="17070"/>
                </a:lnTo>
                <a:cubicBezTo>
                  <a:pt x="5041" y="17071"/>
                  <a:pt x="5038" y="17072"/>
                  <a:pt x="5036" y="17073"/>
                </a:cubicBezTo>
                <a:cubicBezTo>
                  <a:pt x="5154" y="17078"/>
                  <a:pt x="5155" y="17086"/>
                  <a:pt x="5125" y="17094"/>
                </a:cubicBezTo>
                <a:lnTo>
                  <a:pt x="5125" y="17094"/>
                </a:lnTo>
                <a:lnTo>
                  <a:pt x="5187" y="17087"/>
                </a:lnTo>
                <a:lnTo>
                  <a:pt x="5230" y="17081"/>
                </a:lnTo>
                <a:lnTo>
                  <a:pt x="5230" y="17081"/>
                </a:lnTo>
                <a:lnTo>
                  <a:pt x="5316" y="17103"/>
                </a:lnTo>
                <a:cubicBezTo>
                  <a:pt x="5403" y="17103"/>
                  <a:pt x="5464" y="17084"/>
                  <a:pt x="5515" y="17084"/>
                </a:cubicBezTo>
                <a:cubicBezTo>
                  <a:pt x="5525" y="17084"/>
                  <a:pt x="5536" y="17085"/>
                  <a:pt x="5546" y="17087"/>
                </a:cubicBezTo>
                <a:cubicBezTo>
                  <a:pt x="5669" y="17091"/>
                  <a:pt x="5462" y="17121"/>
                  <a:pt x="5548" y="17121"/>
                </a:cubicBezTo>
                <a:cubicBezTo>
                  <a:pt x="5573" y="17121"/>
                  <a:pt x="5620" y="17118"/>
                  <a:pt x="5706" y="17112"/>
                </a:cubicBezTo>
                <a:cubicBezTo>
                  <a:pt x="5756" y="17108"/>
                  <a:pt x="5801" y="17098"/>
                  <a:pt x="5840" y="17094"/>
                </a:cubicBezTo>
                <a:cubicBezTo>
                  <a:pt x="5879" y="17089"/>
                  <a:pt x="5914" y="17082"/>
                  <a:pt x="5944" y="17075"/>
                </a:cubicBezTo>
                <a:lnTo>
                  <a:pt x="5986" y="17066"/>
                </a:lnTo>
                <a:lnTo>
                  <a:pt x="6053" y="17050"/>
                </a:lnTo>
                <a:lnTo>
                  <a:pt x="6169" y="17020"/>
                </a:lnTo>
                <a:lnTo>
                  <a:pt x="6194" y="17013"/>
                </a:lnTo>
                <a:lnTo>
                  <a:pt x="6208" y="17010"/>
                </a:lnTo>
                <a:lnTo>
                  <a:pt x="6213" y="17008"/>
                </a:lnTo>
                <a:cubicBezTo>
                  <a:pt x="6213" y="17008"/>
                  <a:pt x="6215" y="17006"/>
                  <a:pt x="6217" y="17004"/>
                </a:cubicBezTo>
                <a:lnTo>
                  <a:pt x="6241" y="16955"/>
                </a:lnTo>
                <a:lnTo>
                  <a:pt x="6289" y="16855"/>
                </a:lnTo>
                <a:lnTo>
                  <a:pt x="6333" y="16770"/>
                </a:lnTo>
                <a:cubicBezTo>
                  <a:pt x="6347" y="16746"/>
                  <a:pt x="6361" y="16721"/>
                  <a:pt x="6377" y="16691"/>
                </a:cubicBezTo>
                <a:lnTo>
                  <a:pt x="6377" y="16691"/>
                </a:lnTo>
                <a:cubicBezTo>
                  <a:pt x="6363" y="16707"/>
                  <a:pt x="6350" y="16728"/>
                  <a:pt x="6338" y="16749"/>
                </a:cubicBezTo>
                <a:lnTo>
                  <a:pt x="6312" y="16793"/>
                </a:lnTo>
                <a:cubicBezTo>
                  <a:pt x="6296" y="16823"/>
                  <a:pt x="6280" y="16851"/>
                  <a:pt x="6261" y="16883"/>
                </a:cubicBezTo>
                <a:cubicBezTo>
                  <a:pt x="6280" y="16844"/>
                  <a:pt x="6284" y="16833"/>
                  <a:pt x="6281" y="16833"/>
                </a:cubicBezTo>
                <a:cubicBezTo>
                  <a:pt x="6278" y="16833"/>
                  <a:pt x="6271" y="16841"/>
                  <a:pt x="6266" y="16846"/>
                </a:cubicBezTo>
                <a:cubicBezTo>
                  <a:pt x="6264" y="16848"/>
                  <a:pt x="6262" y="16850"/>
                  <a:pt x="6261" y="16850"/>
                </a:cubicBezTo>
                <a:cubicBezTo>
                  <a:pt x="6259" y="16850"/>
                  <a:pt x="6259" y="16848"/>
                  <a:pt x="6261" y="16841"/>
                </a:cubicBezTo>
                <a:cubicBezTo>
                  <a:pt x="6264" y="16834"/>
                  <a:pt x="6268" y="16825"/>
                  <a:pt x="6275" y="16809"/>
                </a:cubicBezTo>
                <a:lnTo>
                  <a:pt x="6299" y="16760"/>
                </a:lnTo>
                <a:cubicBezTo>
                  <a:pt x="6352" y="16695"/>
                  <a:pt x="6396" y="16624"/>
                  <a:pt x="6431" y="16549"/>
                </a:cubicBezTo>
                <a:cubicBezTo>
                  <a:pt x="6456" y="16501"/>
                  <a:pt x="6482" y="16448"/>
                  <a:pt x="6509" y="16392"/>
                </a:cubicBezTo>
                <a:lnTo>
                  <a:pt x="6579" y="16232"/>
                </a:lnTo>
                <a:lnTo>
                  <a:pt x="6579" y="16232"/>
                </a:lnTo>
                <a:cubicBezTo>
                  <a:pt x="6577" y="16244"/>
                  <a:pt x="6577" y="16248"/>
                  <a:pt x="6580" y="16248"/>
                </a:cubicBezTo>
                <a:cubicBezTo>
                  <a:pt x="6587" y="16248"/>
                  <a:pt x="6610" y="16212"/>
                  <a:pt x="6615" y="16212"/>
                </a:cubicBezTo>
                <a:cubicBezTo>
                  <a:pt x="6617" y="16212"/>
                  <a:pt x="6616" y="16217"/>
                  <a:pt x="6611" y="16232"/>
                </a:cubicBezTo>
                <a:cubicBezTo>
                  <a:pt x="6623" y="16204"/>
                  <a:pt x="6632" y="16179"/>
                  <a:pt x="6644" y="16153"/>
                </a:cubicBezTo>
                <a:cubicBezTo>
                  <a:pt x="6653" y="16130"/>
                  <a:pt x="6660" y="16105"/>
                  <a:pt x="6667" y="16084"/>
                </a:cubicBezTo>
                <a:cubicBezTo>
                  <a:pt x="6678" y="16049"/>
                  <a:pt x="6690" y="16014"/>
                  <a:pt x="6697" y="15980"/>
                </a:cubicBezTo>
                <a:lnTo>
                  <a:pt x="6697" y="15980"/>
                </a:lnTo>
                <a:cubicBezTo>
                  <a:pt x="6659" y="16067"/>
                  <a:pt x="6644" y="16099"/>
                  <a:pt x="6641" y="16099"/>
                </a:cubicBezTo>
                <a:cubicBezTo>
                  <a:pt x="6638" y="16099"/>
                  <a:pt x="6660" y="16036"/>
                  <a:pt x="6683" y="15968"/>
                </a:cubicBezTo>
                <a:cubicBezTo>
                  <a:pt x="6699" y="15922"/>
                  <a:pt x="6716" y="15873"/>
                  <a:pt x="6727" y="15822"/>
                </a:cubicBezTo>
                <a:cubicBezTo>
                  <a:pt x="6729" y="15814"/>
                  <a:pt x="6729" y="15809"/>
                  <a:pt x="6728" y="15809"/>
                </a:cubicBezTo>
                <a:cubicBezTo>
                  <a:pt x="6726" y="15809"/>
                  <a:pt x="6715" y="15831"/>
                  <a:pt x="6690" y="15885"/>
                </a:cubicBezTo>
                <a:cubicBezTo>
                  <a:pt x="6806" y="15556"/>
                  <a:pt x="6841" y="15496"/>
                  <a:pt x="6910" y="15287"/>
                </a:cubicBezTo>
                <a:lnTo>
                  <a:pt x="6910" y="15287"/>
                </a:lnTo>
                <a:cubicBezTo>
                  <a:pt x="6913" y="15299"/>
                  <a:pt x="6860" y="15498"/>
                  <a:pt x="6867" y="15498"/>
                </a:cubicBezTo>
                <a:cubicBezTo>
                  <a:pt x="6869" y="15498"/>
                  <a:pt x="6881" y="15467"/>
                  <a:pt x="6908" y="15384"/>
                </a:cubicBezTo>
                <a:cubicBezTo>
                  <a:pt x="6912" y="15361"/>
                  <a:pt x="6915" y="15343"/>
                  <a:pt x="6919" y="15326"/>
                </a:cubicBezTo>
                <a:cubicBezTo>
                  <a:pt x="6924" y="15308"/>
                  <a:pt x="6924" y="15294"/>
                  <a:pt x="6926" y="15282"/>
                </a:cubicBezTo>
                <a:cubicBezTo>
                  <a:pt x="6929" y="15268"/>
                  <a:pt x="6929" y="15255"/>
                  <a:pt x="6929" y="15238"/>
                </a:cubicBezTo>
                <a:cubicBezTo>
                  <a:pt x="6929" y="15232"/>
                  <a:pt x="6928" y="15230"/>
                  <a:pt x="6926" y="15230"/>
                </a:cubicBezTo>
                <a:cubicBezTo>
                  <a:pt x="6923" y="15230"/>
                  <a:pt x="6919" y="15236"/>
                  <a:pt x="6915" y="15243"/>
                </a:cubicBezTo>
                <a:cubicBezTo>
                  <a:pt x="6909" y="15253"/>
                  <a:pt x="6903" y="15264"/>
                  <a:pt x="6899" y="15264"/>
                </a:cubicBezTo>
                <a:cubicBezTo>
                  <a:pt x="6893" y="15264"/>
                  <a:pt x="6892" y="15242"/>
                  <a:pt x="6903" y="15162"/>
                </a:cubicBezTo>
                <a:lnTo>
                  <a:pt x="6903" y="15162"/>
                </a:lnTo>
                <a:cubicBezTo>
                  <a:pt x="6885" y="15234"/>
                  <a:pt x="6866" y="15306"/>
                  <a:pt x="6841" y="15377"/>
                </a:cubicBezTo>
                <a:cubicBezTo>
                  <a:pt x="6840" y="15378"/>
                  <a:pt x="6839" y="15378"/>
                  <a:pt x="6839" y="15378"/>
                </a:cubicBezTo>
                <a:cubicBezTo>
                  <a:pt x="6834" y="15378"/>
                  <a:pt x="6836" y="15358"/>
                  <a:pt x="6841" y="15326"/>
                </a:cubicBezTo>
                <a:cubicBezTo>
                  <a:pt x="6848" y="15289"/>
                  <a:pt x="6859" y="15241"/>
                  <a:pt x="6873" y="15187"/>
                </a:cubicBezTo>
                <a:lnTo>
                  <a:pt x="6912" y="15037"/>
                </a:lnTo>
                <a:cubicBezTo>
                  <a:pt x="6922" y="14991"/>
                  <a:pt x="6929" y="14956"/>
                  <a:pt x="6931" y="14942"/>
                </a:cubicBezTo>
                <a:cubicBezTo>
                  <a:pt x="6937" y="14918"/>
                  <a:pt x="6939" y="14909"/>
                  <a:pt x="6940" y="14909"/>
                </a:cubicBezTo>
                <a:lnTo>
                  <a:pt x="6940" y="14909"/>
                </a:lnTo>
                <a:cubicBezTo>
                  <a:pt x="6944" y="14909"/>
                  <a:pt x="6922" y="15033"/>
                  <a:pt x="6931" y="15033"/>
                </a:cubicBezTo>
                <a:cubicBezTo>
                  <a:pt x="6933" y="15033"/>
                  <a:pt x="6937" y="15025"/>
                  <a:pt x="6945" y="15002"/>
                </a:cubicBezTo>
                <a:cubicBezTo>
                  <a:pt x="6968" y="14902"/>
                  <a:pt x="6980" y="14826"/>
                  <a:pt x="6991" y="14757"/>
                </a:cubicBezTo>
                <a:cubicBezTo>
                  <a:pt x="6996" y="14694"/>
                  <a:pt x="7007" y="14629"/>
                  <a:pt x="7019" y="14567"/>
                </a:cubicBezTo>
                <a:cubicBezTo>
                  <a:pt x="7019" y="14696"/>
                  <a:pt x="7024" y="14615"/>
                  <a:pt x="7019" y="14761"/>
                </a:cubicBezTo>
                <a:cubicBezTo>
                  <a:pt x="7045" y="14582"/>
                  <a:pt x="7054" y="14540"/>
                  <a:pt x="7058" y="14540"/>
                </a:cubicBezTo>
                <a:cubicBezTo>
                  <a:pt x="7059" y="14540"/>
                  <a:pt x="7060" y="14545"/>
                  <a:pt x="7061" y="14550"/>
                </a:cubicBezTo>
                <a:cubicBezTo>
                  <a:pt x="7062" y="14558"/>
                  <a:pt x="7064" y="14567"/>
                  <a:pt x="7067" y="14567"/>
                </a:cubicBezTo>
                <a:cubicBezTo>
                  <a:pt x="7068" y="14567"/>
                  <a:pt x="7069" y="14566"/>
                  <a:pt x="7070" y="14564"/>
                </a:cubicBezTo>
                <a:cubicBezTo>
                  <a:pt x="7077" y="14550"/>
                  <a:pt x="7079" y="14536"/>
                  <a:pt x="7082" y="14523"/>
                </a:cubicBezTo>
                <a:cubicBezTo>
                  <a:pt x="7091" y="14490"/>
                  <a:pt x="7095" y="14455"/>
                  <a:pt x="7100" y="14423"/>
                </a:cubicBezTo>
                <a:cubicBezTo>
                  <a:pt x="7107" y="14305"/>
                  <a:pt x="7084" y="14377"/>
                  <a:pt x="7107" y="14189"/>
                </a:cubicBezTo>
                <a:lnTo>
                  <a:pt x="7107" y="14189"/>
                </a:lnTo>
                <a:cubicBezTo>
                  <a:pt x="7093" y="14242"/>
                  <a:pt x="7084" y="14265"/>
                  <a:pt x="7075" y="14314"/>
                </a:cubicBezTo>
                <a:cubicBezTo>
                  <a:pt x="7070" y="14340"/>
                  <a:pt x="7065" y="14370"/>
                  <a:pt x="7061" y="14411"/>
                </a:cubicBezTo>
                <a:cubicBezTo>
                  <a:pt x="7054" y="14455"/>
                  <a:pt x="7047" y="14511"/>
                  <a:pt x="7035" y="14587"/>
                </a:cubicBezTo>
                <a:cubicBezTo>
                  <a:pt x="7033" y="14550"/>
                  <a:pt x="7035" y="14511"/>
                  <a:pt x="7040" y="14476"/>
                </a:cubicBezTo>
                <a:cubicBezTo>
                  <a:pt x="7044" y="14430"/>
                  <a:pt x="7051" y="14377"/>
                  <a:pt x="7058" y="14319"/>
                </a:cubicBezTo>
                <a:cubicBezTo>
                  <a:pt x="7063" y="14291"/>
                  <a:pt x="7065" y="14261"/>
                  <a:pt x="7070" y="14233"/>
                </a:cubicBezTo>
                <a:cubicBezTo>
                  <a:pt x="7075" y="14203"/>
                  <a:pt x="7077" y="14175"/>
                  <a:pt x="7079" y="14143"/>
                </a:cubicBezTo>
                <a:cubicBezTo>
                  <a:pt x="7082" y="14085"/>
                  <a:pt x="7086" y="14025"/>
                  <a:pt x="7084" y="13971"/>
                </a:cubicBezTo>
                <a:lnTo>
                  <a:pt x="7084" y="13971"/>
                </a:lnTo>
                <a:cubicBezTo>
                  <a:pt x="7070" y="14143"/>
                  <a:pt x="7077" y="14025"/>
                  <a:pt x="7068" y="14210"/>
                </a:cubicBezTo>
                <a:cubicBezTo>
                  <a:pt x="7054" y="14221"/>
                  <a:pt x="7045" y="14242"/>
                  <a:pt x="7038" y="14242"/>
                </a:cubicBezTo>
                <a:cubicBezTo>
                  <a:pt x="7038" y="14242"/>
                  <a:pt x="7038" y="14242"/>
                  <a:pt x="7037" y="14242"/>
                </a:cubicBezTo>
                <a:cubicBezTo>
                  <a:pt x="7033" y="14242"/>
                  <a:pt x="7033" y="14235"/>
                  <a:pt x="7031" y="14219"/>
                </a:cubicBezTo>
                <a:cubicBezTo>
                  <a:pt x="7028" y="14201"/>
                  <a:pt x="7026" y="14173"/>
                  <a:pt x="7024" y="14131"/>
                </a:cubicBezTo>
                <a:cubicBezTo>
                  <a:pt x="7024" y="14182"/>
                  <a:pt x="7019" y="14224"/>
                  <a:pt x="7019" y="14263"/>
                </a:cubicBezTo>
                <a:cubicBezTo>
                  <a:pt x="7019" y="14305"/>
                  <a:pt x="7017" y="14342"/>
                  <a:pt x="7017" y="14384"/>
                </a:cubicBezTo>
                <a:cubicBezTo>
                  <a:pt x="7014" y="14488"/>
                  <a:pt x="7003" y="14594"/>
                  <a:pt x="6982" y="14699"/>
                </a:cubicBezTo>
                <a:cubicBezTo>
                  <a:pt x="6979" y="14704"/>
                  <a:pt x="6977" y="14707"/>
                  <a:pt x="6975" y="14707"/>
                </a:cubicBezTo>
                <a:cubicBezTo>
                  <a:pt x="6966" y="14707"/>
                  <a:pt x="6974" y="14633"/>
                  <a:pt x="6982" y="14550"/>
                </a:cubicBezTo>
                <a:cubicBezTo>
                  <a:pt x="6991" y="14453"/>
                  <a:pt x="6993" y="14349"/>
                  <a:pt x="6980" y="14344"/>
                </a:cubicBezTo>
                <a:cubicBezTo>
                  <a:pt x="6980" y="14309"/>
                  <a:pt x="6982" y="14261"/>
                  <a:pt x="6987" y="14208"/>
                </a:cubicBezTo>
                <a:cubicBezTo>
                  <a:pt x="6991" y="14152"/>
                  <a:pt x="6993" y="14092"/>
                  <a:pt x="6998" y="14034"/>
                </a:cubicBezTo>
                <a:cubicBezTo>
                  <a:pt x="7012" y="13911"/>
                  <a:pt x="7017" y="13788"/>
                  <a:pt x="7024" y="13710"/>
                </a:cubicBezTo>
                <a:cubicBezTo>
                  <a:pt x="7007" y="13436"/>
                  <a:pt x="6989" y="13100"/>
                  <a:pt x="6931" y="12896"/>
                </a:cubicBezTo>
                <a:cubicBezTo>
                  <a:pt x="6924" y="12799"/>
                  <a:pt x="6892" y="12628"/>
                  <a:pt x="6852" y="12440"/>
                </a:cubicBezTo>
                <a:cubicBezTo>
                  <a:pt x="6813" y="12250"/>
                  <a:pt x="6760" y="12046"/>
                  <a:pt x="6736" y="11868"/>
                </a:cubicBezTo>
                <a:cubicBezTo>
                  <a:pt x="6739" y="11838"/>
                  <a:pt x="6727" y="11729"/>
                  <a:pt x="6725" y="11655"/>
                </a:cubicBezTo>
                <a:cubicBezTo>
                  <a:pt x="6722" y="11612"/>
                  <a:pt x="6722" y="11581"/>
                  <a:pt x="6724" y="11581"/>
                </a:cubicBezTo>
                <a:cubicBezTo>
                  <a:pt x="6726" y="11581"/>
                  <a:pt x="6730" y="11600"/>
                  <a:pt x="6736" y="11648"/>
                </a:cubicBezTo>
                <a:cubicBezTo>
                  <a:pt x="6736" y="11639"/>
                  <a:pt x="6732" y="11615"/>
                  <a:pt x="6729" y="11585"/>
                </a:cubicBezTo>
                <a:cubicBezTo>
                  <a:pt x="6727" y="11555"/>
                  <a:pt x="6725" y="11518"/>
                  <a:pt x="6725" y="11483"/>
                </a:cubicBezTo>
                <a:cubicBezTo>
                  <a:pt x="6723" y="11433"/>
                  <a:pt x="6724" y="11390"/>
                  <a:pt x="6719" y="11390"/>
                </a:cubicBezTo>
                <a:cubicBezTo>
                  <a:pt x="6718" y="11390"/>
                  <a:pt x="6716" y="11394"/>
                  <a:pt x="6713" y="11402"/>
                </a:cubicBezTo>
                <a:cubicBezTo>
                  <a:pt x="6716" y="11419"/>
                  <a:pt x="6716" y="11435"/>
                  <a:pt x="6713" y="11453"/>
                </a:cubicBezTo>
                <a:cubicBezTo>
                  <a:pt x="6713" y="11476"/>
                  <a:pt x="6713" y="11502"/>
                  <a:pt x="6713" y="11527"/>
                </a:cubicBezTo>
                <a:cubicBezTo>
                  <a:pt x="6709" y="11509"/>
                  <a:pt x="6702" y="11490"/>
                  <a:pt x="6697" y="11470"/>
                </a:cubicBezTo>
                <a:cubicBezTo>
                  <a:pt x="6699" y="11381"/>
                  <a:pt x="6709" y="11293"/>
                  <a:pt x="6720" y="11205"/>
                </a:cubicBezTo>
                <a:cubicBezTo>
                  <a:pt x="6734" y="11120"/>
                  <a:pt x="6760" y="11036"/>
                  <a:pt x="6797" y="10958"/>
                </a:cubicBezTo>
                <a:cubicBezTo>
                  <a:pt x="6798" y="10955"/>
                  <a:pt x="6799" y="10953"/>
                  <a:pt x="6800" y="10953"/>
                </a:cubicBezTo>
                <a:cubicBezTo>
                  <a:pt x="6802" y="10953"/>
                  <a:pt x="6800" y="10966"/>
                  <a:pt x="6797" y="10983"/>
                </a:cubicBezTo>
                <a:cubicBezTo>
                  <a:pt x="6792" y="10995"/>
                  <a:pt x="6787" y="11009"/>
                  <a:pt x="6783" y="11025"/>
                </a:cubicBezTo>
                <a:cubicBezTo>
                  <a:pt x="6776" y="11041"/>
                  <a:pt x="6773" y="11057"/>
                  <a:pt x="6769" y="11073"/>
                </a:cubicBezTo>
                <a:cubicBezTo>
                  <a:pt x="6755" y="11124"/>
                  <a:pt x="6745" y="11170"/>
                  <a:pt x="6749" y="11170"/>
                </a:cubicBezTo>
                <a:cubicBezTo>
                  <a:pt x="6751" y="11170"/>
                  <a:pt x="6754" y="11164"/>
                  <a:pt x="6760" y="11152"/>
                </a:cubicBezTo>
                <a:cubicBezTo>
                  <a:pt x="6766" y="11087"/>
                  <a:pt x="6783" y="11025"/>
                  <a:pt x="6804" y="10965"/>
                </a:cubicBezTo>
                <a:cubicBezTo>
                  <a:pt x="6838" y="10872"/>
                  <a:pt x="6878" y="10784"/>
                  <a:pt x="6929" y="10700"/>
                </a:cubicBezTo>
                <a:cubicBezTo>
                  <a:pt x="7019" y="10550"/>
                  <a:pt x="7126" y="10406"/>
                  <a:pt x="7246" y="10277"/>
                </a:cubicBezTo>
                <a:cubicBezTo>
                  <a:pt x="7341" y="10172"/>
                  <a:pt x="7369" y="10175"/>
                  <a:pt x="7410" y="10133"/>
                </a:cubicBezTo>
                <a:lnTo>
                  <a:pt x="7566" y="9952"/>
                </a:lnTo>
                <a:cubicBezTo>
                  <a:pt x="7589" y="9938"/>
                  <a:pt x="7612" y="9927"/>
                  <a:pt x="7633" y="9911"/>
                </a:cubicBezTo>
                <a:cubicBezTo>
                  <a:pt x="7695" y="9846"/>
                  <a:pt x="7753" y="9776"/>
                  <a:pt x="7807" y="9704"/>
                </a:cubicBezTo>
                <a:cubicBezTo>
                  <a:pt x="7891" y="9619"/>
                  <a:pt x="7928" y="9587"/>
                  <a:pt x="7936" y="9587"/>
                </a:cubicBezTo>
                <a:cubicBezTo>
                  <a:pt x="7949" y="9587"/>
                  <a:pt x="7890" y="9668"/>
                  <a:pt x="7832" y="9746"/>
                </a:cubicBezTo>
                <a:lnTo>
                  <a:pt x="7709" y="9873"/>
                </a:lnTo>
                <a:cubicBezTo>
                  <a:pt x="7647" y="9956"/>
                  <a:pt x="7553" y="10061"/>
                  <a:pt x="7566" y="10061"/>
                </a:cubicBezTo>
                <a:cubicBezTo>
                  <a:pt x="7569" y="10061"/>
                  <a:pt x="7577" y="10055"/>
                  <a:pt x="7593" y="10043"/>
                </a:cubicBezTo>
                <a:cubicBezTo>
                  <a:pt x="7621" y="10012"/>
                  <a:pt x="7642" y="9980"/>
                  <a:pt x="7661" y="9945"/>
                </a:cubicBezTo>
                <a:lnTo>
                  <a:pt x="7737" y="9876"/>
                </a:lnTo>
                <a:cubicBezTo>
                  <a:pt x="7798" y="9793"/>
                  <a:pt x="7976" y="9588"/>
                  <a:pt x="7957" y="9588"/>
                </a:cubicBezTo>
                <a:cubicBezTo>
                  <a:pt x="7957" y="9588"/>
                  <a:pt x="7956" y="9588"/>
                  <a:pt x="7955" y="9589"/>
                </a:cubicBezTo>
                <a:cubicBezTo>
                  <a:pt x="8105" y="9441"/>
                  <a:pt x="8257" y="9256"/>
                  <a:pt x="8396" y="9131"/>
                </a:cubicBezTo>
                <a:lnTo>
                  <a:pt x="8396" y="9131"/>
                </a:lnTo>
                <a:cubicBezTo>
                  <a:pt x="8372" y="9153"/>
                  <a:pt x="8361" y="9161"/>
                  <a:pt x="8358" y="9161"/>
                </a:cubicBezTo>
                <a:cubicBezTo>
                  <a:pt x="8350" y="9161"/>
                  <a:pt x="8389" y="9111"/>
                  <a:pt x="8380" y="9111"/>
                </a:cubicBezTo>
                <a:cubicBezTo>
                  <a:pt x="8379" y="9111"/>
                  <a:pt x="8377" y="9112"/>
                  <a:pt x="8374" y="9114"/>
                </a:cubicBezTo>
                <a:cubicBezTo>
                  <a:pt x="8321" y="9165"/>
                  <a:pt x="8270" y="9218"/>
                  <a:pt x="8217" y="9271"/>
                </a:cubicBezTo>
                <a:cubicBezTo>
                  <a:pt x="8337" y="9137"/>
                  <a:pt x="8506" y="8945"/>
                  <a:pt x="8636" y="8833"/>
                </a:cubicBezTo>
                <a:lnTo>
                  <a:pt x="8636" y="8833"/>
                </a:lnTo>
                <a:cubicBezTo>
                  <a:pt x="8632" y="8842"/>
                  <a:pt x="8629" y="8849"/>
                  <a:pt x="8633" y="8849"/>
                </a:cubicBezTo>
                <a:cubicBezTo>
                  <a:pt x="8638" y="8849"/>
                  <a:pt x="8653" y="8839"/>
                  <a:pt x="8688" y="8812"/>
                </a:cubicBezTo>
                <a:lnTo>
                  <a:pt x="8688" y="8812"/>
                </a:lnTo>
                <a:cubicBezTo>
                  <a:pt x="8681" y="8817"/>
                  <a:pt x="8677" y="8820"/>
                  <a:pt x="8676" y="8820"/>
                </a:cubicBezTo>
                <a:cubicBezTo>
                  <a:pt x="8665" y="8820"/>
                  <a:pt x="8785" y="8695"/>
                  <a:pt x="8775" y="8695"/>
                </a:cubicBezTo>
                <a:cubicBezTo>
                  <a:pt x="8771" y="8695"/>
                  <a:pt x="8752" y="8709"/>
                  <a:pt x="8708" y="8748"/>
                </a:cubicBezTo>
                <a:cubicBezTo>
                  <a:pt x="8643" y="8820"/>
                  <a:pt x="8580" y="8882"/>
                  <a:pt x="8492" y="8970"/>
                </a:cubicBezTo>
                <a:cubicBezTo>
                  <a:pt x="8483" y="8976"/>
                  <a:pt x="8477" y="8978"/>
                  <a:pt x="8473" y="8978"/>
                </a:cubicBezTo>
                <a:cubicBezTo>
                  <a:pt x="8452" y="8978"/>
                  <a:pt x="8564" y="8862"/>
                  <a:pt x="8624" y="8787"/>
                </a:cubicBezTo>
                <a:cubicBezTo>
                  <a:pt x="8719" y="8687"/>
                  <a:pt x="8909" y="8495"/>
                  <a:pt x="9044" y="8365"/>
                </a:cubicBezTo>
                <a:cubicBezTo>
                  <a:pt x="9134" y="8291"/>
                  <a:pt x="9176" y="8287"/>
                  <a:pt x="9319" y="8148"/>
                </a:cubicBezTo>
                <a:lnTo>
                  <a:pt x="9319" y="8148"/>
                </a:lnTo>
                <a:cubicBezTo>
                  <a:pt x="9282" y="8174"/>
                  <a:pt x="9263" y="8185"/>
                  <a:pt x="9257" y="8185"/>
                </a:cubicBezTo>
                <a:cubicBezTo>
                  <a:pt x="9247" y="8185"/>
                  <a:pt x="9280" y="8150"/>
                  <a:pt x="9326" y="8104"/>
                </a:cubicBezTo>
                <a:cubicBezTo>
                  <a:pt x="9398" y="8034"/>
                  <a:pt x="9505" y="7939"/>
                  <a:pt x="9523" y="7911"/>
                </a:cubicBezTo>
                <a:cubicBezTo>
                  <a:pt x="9683" y="7800"/>
                  <a:pt x="9766" y="7710"/>
                  <a:pt x="9903" y="7633"/>
                </a:cubicBezTo>
                <a:lnTo>
                  <a:pt x="9903" y="7633"/>
                </a:lnTo>
                <a:cubicBezTo>
                  <a:pt x="9875" y="7659"/>
                  <a:pt x="9796" y="7712"/>
                  <a:pt x="9722" y="7772"/>
                </a:cubicBezTo>
                <a:cubicBezTo>
                  <a:pt x="9685" y="7800"/>
                  <a:pt x="9648" y="7830"/>
                  <a:pt x="9618" y="7856"/>
                </a:cubicBezTo>
                <a:cubicBezTo>
                  <a:pt x="9595" y="7874"/>
                  <a:pt x="9572" y="7895"/>
                  <a:pt x="9551" y="7918"/>
                </a:cubicBezTo>
                <a:cubicBezTo>
                  <a:pt x="9551" y="7928"/>
                  <a:pt x="9569" y="7925"/>
                  <a:pt x="9560" y="7944"/>
                </a:cubicBezTo>
                <a:cubicBezTo>
                  <a:pt x="9551" y="7962"/>
                  <a:pt x="9514" y="8002"/>
                  <a:pt x="9403" y="8097"/>
                </a:cubicBezTo>
                <a:cubicBezTo>
                  <a:pt x="9539" y="7988"/>
                  <a:pt x="9581" y="7955"/>
                  <a:pt x="9599" y="7935"/>
                </a:cubicBezTo>
                <a:cubicBezTo>
                  <a:pt x="9620" y="7908"/>
                  <a:pt x="9644" y="7884"/>
                  <a:pt x="9669" y="7864"/>
                </a:cubicBezTo>
                <a:lnTo>
                  <a:pt x="9669" y="7864"/>
                </a:lnTo>
                <a:cubicBezTo>
                  <a:pt x="9641" y="7885"/>
                  <a:pt x="9614" y="7907"/>
                  <a:pt x="9586" y="7930"/>
                </a:cubicBezTo>
                <a:cubicBezTo>
                  <a:pt x="9599" y="7917"/>
                  <a:pt x="9598" y="7914"/>
                  <a:pt x="9593" y="7914"/>
                </a:cubicBezTo>
                <a:cubicBezTo>
                  <a:pt x="9591" y="7914"/>
                  <a:pt x="9587" y="7915"/>
                  <a:pt x="9585" y="7915"/>
                </a:cubicBezTo>
                <a:cubicBezTo>
                  <a:pt x="9580" y="7915"/>
                  <a:pt x="9581" y="7910"/>
                  <a:pt x="9620" y="7879"/>
                </a:cubicBezTo>
                <a:cubicBezTo>
                  <a:pt x="9736" y="7793"/>
                  <a:pt x="9857" y="7712"/>
                  <a:pt x="9982" y="7640"/>
                </a:cubicBezTo>
                <a:cubicBezTo>
                  <a:pt x="10072" y="7587"/>
                  <a:pt x="10151" y="7548"/>
                  <a:pt x="10274" y="7483"/>
                </a:cubicBezTo>
                <a:lnTo>
                  <a:pt x="10274" y="7483"/>
                </a:lnTo>
                <a:cubicBezTo>
                  <a:pt x="10266" y="7486"/>
                  <a:pt x="10261" y="7487"/>
                  <a:pt x="10258" y="7487"/>
                </a:cubicBezTo>
                <a:cubicBezTo>
                  <a:pt x="10243" y="7487"/>
                  <a:pt x="10327" y="7430"/>
                  <a:pt x="10375" y="7400"/>
                </a:cubicBezTo>
                <a:cubicBezTo>
                  <a:pt x="10450" y="7363"/>
                  <a:pt x="10479" y="7352"/>
                  <a:pt x="10489" y="7352"/>
                </a:cubicBezTo>
                <a:cubicBezTo>
                  <a:pt x="10506" y="7352"/>
                  <a:pt x="10468" y="7384"/>
                  <a:pt x="10491" y="7384"/>
                </a:cubicBezTo>
                <a:cubicBezTo>
                  <a:pt x="10499" y="7384"/>
                  <a:pt x="10515" y="7380"/>
                  <a:pt x="10542" y="7369"/>
                </a:cubicBezTo>
                <a:cubicBezTo>
                  <a:pt x="10610" y="7319"/>
                  <a:pt x="10751" y="7251"/>
                  <a:pt x="10732" y="7251"/>
                </a:cubicBezTo>
                <a:cubicBezTo>
                  <a:pt x="10730" y="7251"/>
                  <a:pt x="10726" y="7252"/>
                  <a:pt x="10721" y="7254"/>
                </a:cubicBezTo>
                <a:cubicBezTo>
                  <a:pt x="10816" y="7207"/>
                  <a:pt x="10769" y="7237"/>
                  <a:pt x="10839" y="7210"/>
                </a:cubicBezTo>
                <a:cubicBezTo>
                  <a:pt x="10871" y="7186"/>
                  <a:pt x="10906" y="7166"/>
                  <a:pt x="10941" y="7149"/>
                </a:cubicBezTo>
                <a:cubicBezTo>
                  <a:pt x="10992" y="7122"/>
                  <a:pt x="11047" y="7098"/>
                  <a:pt x="11101" y="7078"/>
                </a:cubicBezTo>
                <a:lnTo>
                  <a:pt x="11101" y="7078"/>
                </a:lnTo>
                <a:cubicBezTo>
                  <a:pt x="11092" y="7089"/>
                  <a:pt x="11076" y="7102"/>
                  <a:pt x="10960" y="7148"/>
                </a:cubicBezTo>
                <a:lnTo>
                  <a:pt x="10960" y="7148"/>
                </a:lnTo>
                <a:cubicBezTo>
                  <a:pt x="11028" y="7122"/>
                  <a:pt x="11076" y="7111"/>
                  <a:pt x="11100" y="7111"/>
                </a:cubicBezTo>
                <a:cubicBezTo>
                  <a:pt x="11123" y="7111"/>
                  <a:pt x="11123" y="7121"/>
                  <a:pt x="11096" y="7138"/>
                </a:cubicBezTo>
                <a:cubicBezTo>
                  <a:pt x="11054" y="7149"/>
                  <a:pt x="11015" y="7166"/>
                  <a:pt x="10975" y="7182"/>
                </a:cubicBezTo>
                <a:cubicBezTo>
                  <a:pt x="10936" y="7196"/>
                  <a:pt x="10897" y="7210"/>
                  <a:pt x="10860" y="7228"/>
                </a:cubicBezTo>
                <a:cubicBezTo>
                  <a:pt x="10843" y="7238"/>
                  <a:pt x="10837" y="7242"/>
                  <a:pt x="10841" y="7242"/>
                </a:cubicBezTo>
                <a:cubicBezTo>
                  <a:pt x="10847" y="7242"/>
                  <a:pt x="10886" y="7226"/>
                  <a:pt x="10929" y="7207"/>
                </a:cubicBezTo>
                <a:cubicBezTo>
                  <a:pt x="10988" y="7183"/>
                  <a:pt x="11055" y="7157"/>
                  <a:pt x="11071" y="7157"/>
                </a:cubicBezTo>
                <a:cubicBezTo>
                  <a:pt x="11074" y="7157"/>
                  <a:pt x="11075" y="7157"/>
                  <a:pt x="11075" y="7159"/>
                </a:cubicBezTo>
                <a:cubicBezTo>
                  <a:pt x="11024" y="7182"/>
                  <a:pt x="10978" y="7198"/>
                  <a:pt x="10938" y="7214"/>
                </a:cubicBezTo>
                <a:cubicBezTo>
                  <a:pt x="10901" y="7228"/>
                  <a:pt x="10864" y="7244"/>
                  <a:pt x="10830" y="7263"/>
                </a:cubicBezTo>
                <a:cubicBezTo>
                  <a:pt x="10899" y="7244"/>
                  <a:pt x="11096" y="7147"/>
                  <a:pt x="11214" y="7103"/>
                </a:cubicBezTo>
                <a:cubicBezTo>
                  <a:pt x="11298" y="7075"/>
                  <a:pt x="11333" y="7066"/>
                  <a:pt x="11346" y="7066"/>
                </a:cubicBezTo>
                <a:cubicBezTo>
                  <a:pt x="11363" y="7066"/>
                  <a:pt x="11344" y="7081"/>
                  <a:pt x="11348" y="7084"/>
                </a:cubicBezTo>
                <a:cubicBezTo>
                  <a:pt x="11427" y="7052"/>
                  <a:pt x="11443" y="7043"/>
                  <a:pt x="11425" y="7043"/>
                </a:cubicBezTo>
                <a:cubicBezTo>
                  <a:pt x="11385" y="7050"/>
                  <a:pt x="11348" y="7057"/>
                  <a:pt x="11309" y="7068"/>
                </a:cubicBezTo>
                <a:lnTo>
                  <a:pt x="11240" y="7087"/>
                </a:lnTo>
                <a:cubicBezTo>
                  <a:pt x="11219" y="7094"/>
                  <a:pt x="11200" y="7098"/>
                  <a:pt x="11191" y="7098"/>
                </a:cubicBezTo>
                <a:cubicBezTo>
                  <a:pt x="11188" y="7099"/>
                  <a:pt x="11186" y="7099"/>
                  <a:pt x="11185" y="7099"/>
                </a:cubicBezTo>
                <a:cubicBezTo>
                  <a:pt x="11176" y="7099"/>
                  <a:pt x="11192" y="7087"/>
                  <a:pt x="11256" y="7059"/>
                </a:cubicBezTo>
                <a:cubicBezTo>
                  <a:pt x="11284" y="7045"/>
                  <a:pt x="11323" y="7029"/>
                  <a:pt x="11369" y="7010"/>
                </a:cubicBezTo>
                <a:cubicBezTo>
                  <a:pt x="11416" y="6994"/>
                  <a:pt x="11469" y="6978"/>
                  <a:pt x="11527" y="6959"/>
                </a:cubicBezTo>
                <a:cubicBezTo>
                  <a:pt x="11582" y="6941"/>
                  <a:pt x="11645" y="6927"/>
                  <a:pt x="11703" y="6911"/>
                </a:cubicBezTo>
                <a:cubicBezTo>
                  <a:pt x="11763" y="6897"/>
                  <a:pt x="11821" y="6885"/>
                  <a:pt x="11874" y="6874"/>
                </a:cubicBezTo>
                <a:lnTo>
                  <a:pt x="11874" y="6874"/>
                </a:lnTo>
                <a:cubicBezTo>
                  <a:pt x="11850" y="6876"/>
                  <a:pt x="11832" y="6877"/>
                  <a:pt x="11820" y="6877"/>
                </a:cubicBezTo>
                <a:cubicBezTo>
                  <a:pt x="11742" y="6877"/>
                  <a:pt x="11918" y="6830"/>
                  <a:pt x="12111" y="6800"/>
                </a:cubicBezTo>
                <a:lnTo>
                  <a:pt x="12111" y="6800"/>
                </a:lnTo>
                <a:cubicBezTo>
                  <a:pt x="11967" y="6818"/>
                  <a:pt x="11946" y="6818"/>
                  <a:pt x="11921" y="6818"/>
                </a:cubicBezTo>
                <a:cubicBezTo>
                  <a:pt x="11916" y="6818"/>
                  <a:pt x="11911" y="6817"/>
                  <a:pt x="11906" y="6817"/>
                </a:cubicBezTo>
                <a:cubicBezTo>
                  <a:pt x="11892" y="6817"/>
                  <a:pt x="11877" y="6820"/>
                  <a:pt x="11863" y="6825"/>
                </a:cubicBezTo>
                <a:cubicBezTo>
                  <a:pt x="11830" y="6830"/>
                  <a:pt x="11779" y="6841"/>
                  <a:pt x="11696" y="6862"/>
                </a:cubicBezTo>
                <a:lnTo>
                  <a:pt x="11687" y="6848"/>
                </a:lnTo>
                <a:cubicBezTo>
                  <a:pt x="11721" y="6839"/>
                  <a:pt x="11761" y="6832"/>
                  <a:pt x="11800" y="6825"/>
                </a:cubicBezTo>
                <a:cubicBezTo>
                  <a:pt x="11837" y="6818"/>
                  <a:pt x="11879" y="6811"/>
                  <a:pt x="11918" y="6804"/>
                </a:cubicBezTo>
                <a:cubicBezTo>
                  <a:pt x="11997" y="6795"/>
                  <a:pt x="12078" y="6781"/>
                  <a:pt x="12152" y="6776"/>
                </a:cubicBezTo>
                <a:lnTo>
                  <a:pt x="12152" y="6776"/>
                </a:lnTo>
                <a:cubicBezTo>
                  <a:pt x="12122" y="6783"/>
                  <a:pt x="12157" y="6783"/>
                  <a:pt x="12108" y="6793"/>
                </a:cubicBezTo>
                <a:cubicBezTo>
                  <a:pt x="12180" y="6783"/>
                  <a:pt x="12252" y="6772"/>
                  <a:pt x="12326" y="6765"/>
                </a:cubicBezTo>
                <a:cubicBezTo>
                  <a:pt x="12400" y="6758"/>
                  <a:pt x="12472" y="6753"/>
                  <a:pt x="12546" y="6749"/>
                </a:cubicBezTo>
                <a:lnTo>
                  <a:pt x="12546" y="6749"/>
                </a:lnTo>
                <a:cubicBezTo>
                  <a:pt x="12530" y="6753"/>
                  <a:pt x="12516" y="6756"/>
                  <a:pt x="12502" y="6762"/>
                </a:cubicBezTo>
                <a:cubicBezTo>
                  <a:pt x="12569" y="6760"/>
                  <a:pt x="12641" y="6760"/>
                  <a:pt x="12713" y="6760"/>
                </a:cubicBezTo>
                <a:cubicBezTo>
                  <a:pt x="12723" y="6760"/>
                  <a:pt x="12733" y="6760"/>
                  <a:pt x="12744" y="6760"/>
                </a:cubicBezTo>
                <a:cubicBezTo>
                  <a:pt x="12805" y="6760"/>
                  <a:pt x="12866" y="6765"/>
                  <a:pt x="12926" y="6765"/>
                </a:cubicBezTo>
                <a:cubicBezTo>
                  <a:pt x="13052" y="6771"/>
                  <a:pt x="13165" y="6778"/>
                  <a:pt x="13246" y="6782"/>
                </a:cubicBezTo>
                <a:lnTo>
                  <a:pt x="13246" y="6782"/>
                </a:lnTo>
                <a:cubicBezTo>
                  <a:pt x="13202" y="6779"/>
                  <a:pt x="13158" y="6773"/>
                  <a:pt x="13114" y="6767"/>
                </a:cubicBezTo>
                <a:cubicBezTo>
                  <a:pt x="13086" y="6760"/>
                  <a:pt x="13093" y="6756"/>
                  <a:pt x="13162" y="6756"/>
                </a:cubicBezTo>
                <a:cubicBezTo>
                  <a:pt x="13188" y="6755"/>
                  <a:pt x="13214" y="6755"/>
                  <a:pt x="13240" y="6755"/>
                </a:cubicBezTo>
                <a:cubicBezTo>
                  <a:pt x="13330" y="6755"/>
                  <a:pt x="13420" y="6758"/>
                  <a:pt x="13510" y="6767"/>
                </a:cubicBezTo>
                <a:cubicBezTo>
                  <a:pt x="13568" y="6788"/>
                  <a:pt x="13959" y="6826"/>
                  <a:pt x="13808" y="6826"/>
                </a:cubicBezTo>
                <a:cubicBezTo>
                  <a:pt x="13793" y="6826"/>
                  <a:pt x="13771" y="6826"/>
                  <a:pt x="13744" y="6825"/>
                </a:cubicBezTo>
                <a:lnTo>
                  <a:pt x="13744" y="6825"/>
                </a:lnTo>
                <a:cubicBezTo>
                  <a:pt x="14128" y="6851"/>
                  <a:pt x="13987" y="6834"/>
                  <a:pt x="14353" y="6855"/>
                </a:cubicBezTo>
                <a:cubicBezTo>
                  <a:pt x="14272" y="6851"/>
                  <a:pt x="14188" y="6844"/>
                  <a:pt x="14107" y="6839"/>
                </a:cubicBezTo>
                <a:cubicBezTo>
                  <a:pt x="14077" y="6820"/>
                  <a:pt x="14283" y="6813"/>
                  <a:pt x="14049" y="6781"/>
                </a:cubicBezTo>
                <a:lnTo>
                  <a:pt x="14049" y="6781"/>
                </a:lnTo>
                <a:cubicBezTo>
                  <a:pt x="14097" y="6784"/>
                  <a:pt x="14131" y="6785"/>
                  <a:pt x="14157" y="6785"/>
                </a:cubicBezTo>
                <a:cubicBezTo>
                  <a:pt x="14244" y="6785"/>
                  <a:pt x="14238" y="6773"/>
                  <a:pt x="14332" y="6773"/>
                </a:cubicBezTo>
                <a:cubicBezTo>
                  <a:pt x="14373" y="6773"/>
                  <a:pt x="14431" y="6775"/>
                  <a:pt x="14522" y="6781"/>
                </a:cubicBezTo>
                <a:cubicBezTo>
                  <a:pt x="14596" y="6793"/>
                  <a:pt x="14584" y="6800"/>
                  <a:pt x="14527" y="6802"/>
                </a:cubicBezTo>
                <a:cubicBezTo>
                  <a:pt x="14511" y="6803"/>
                  <a:pt x="14492" y="6804"/>
                  <a:pt x="14471" y="6804"/>
                </a:cubicBezTo>
                <a:cubicBezTo>
                  <a:pt x="14415" y="6804"/>
                  <a:pt x="14342" y="6800"/>
                  <a:pt x="14267" y="6795"/>
                </a:cubicBezTo>
                <a:lnTo>
                  <a:pt x="14267" y="6795"/>
                </a:lnTo>
                <a:cubicBezTo>
                  <a:pt x="14369" y="6811"/>
                  <a:pt x="14471" y="6818"/>
                  <a:pt x="14575" y="6820"/>
                </a:cubicBezTo>
                <a:cubicBezTo>
                  <a:pt x="14603" y="6826"/>
                  <a:pt x="14583" y="6830"/>
                  <a:pt x="14546" y="6831"/>
                </a:cubicBezTo>
                <a:lnTo>
                  <a:pt x="14546" y="6831"/>
                </a:lnTo>
                <a:cubicBezTo>
                  <a:pt x="14526" y="6830"/>
                  <a:pt x="14512" y="6830"/>
                  <a:pt x="14502" y="6830"/>
                </a:cubicBezTo>
                <a:cubicBezTo>
                  <a:pt x="14491" y="6830"/>
                  <a:pt x="14485" y="6830"/>
                  <a:pt x="14482" y="6831"/>
                </a:cubicBezTo>
                <a:lnTo>
                  <a:pt x="14482" y="6831"/>
                </a:lnTo>
                <a:cubicBezTo>
                  <a:pt x="14470" y="6830"/>
                  <a:pt x="14458" y="6830"/>
                  <a:pt x="14445" y="6830"/>
                </a:cubicBezTo>
                <a:cubicBezTo>
                  <a:pt x="14425" y="6830"/>
                  <a:pt x="14405" y="6831"/>
                  <a:pt x="14385" y="6832"/>
                </a:cubicBezTo>
                <a:cubicBezTo>
                  <a:pt x="14433" y="6836"/>
                  <a:pt x="14457" y="6838"/>
                  <a:pt x="14468" y="6838"/>
                </a:cubicBezTo>
                <a:cubicBezTo>
                  <a:pt x="14489" y="6838"/>
                  <a:pt x="14470" y="6833"/>
                  <a:pt x="14482" y="6831"/>
                </a:cubicBezTo>
                <a:lnTo>
                  <a:pt x="14482" y="6831"/>
                </a:lnTo>
                <a:cubicBezTo>
                  <a:pt x="14490" y="6831"/>
                  <a:pt x="14498" y="6832"/>
                  <a:pt x="14506" y="6832"/>
                </a:cubicBezTo>
                <a:cubicBezTo>
                  <a:pt x="14520" y="6832"/>
                  <a:pt x="14534" y="6832"/>
                  <a:pt x="14546" y="6831"/>
                </a:cubicBezTo>
                <a:lnTo>
                  <a:pt x="14546" y="6831"/>
                </a:lnTo>
                <a:cubicBezTo>
                  <a:pt x="14552" y="6831"/>
                  <a:pt x="14557" y="6832"/>
                  <a:pt x="14564" y="6832"/>
                </a:cubicBezTo>
                <a:cubicBezTo>
                  <a:pt x="14574" y="6832"/>
                  <a:pt x="14585" y="6832"/>
                  <a:pt x="14596" y="6832"/>
                </a:cubicBezTo>
                <a:cubicBezTo>
                  <a:pt x="14671" y="6832"/>
                  <a:pt x="14745" y="6839"/>
                  <a:pt x="14818" y="6853"/>
                </a:cubicBezTo>
                <a:cubicBezTo>
                  <a:pt x="14842" y="6857"/>
                  <a:pt x="14865" y="6862"/>
                  <a:pt x="14902" y="6867"/>
                </a:cubicBezTo>
                <a:cubicBezTo>
                  <a:pt x="14920" y="6869"/>
                  <a:pt x="14941" y="6871"/>
                  <a:pt x="14969" y="6871"/>
                </a:cubicBezTo>
                <a:cubicBezTo>
                  <a:pt x="14977" y="6872"/>
                  <a:pt x="14987" y="6872"/>
                  <a:pt x="14997" y="6872"/>
                </a:cubicBezTo>
                <a:cubicBezTo>
                  <a:pt x="15017" y="6872"/>
                  <a:pt x="15039" y="6871"/>
                  <a:pt x="15064" y="6871"/>
                </a:cubicBezTo>
                <a:cubicBezTo>
                  <a:pt x="15032" y="6871"/>
                  <a:pt x="14985" y="6871"/>
                  <a:pt x="14957" y="6867"/>
                </a:cubicBezTo>
                <a:cubicBezTo>
                  <a:pt x="14930" y="6864"/>
                  <a:pt x="14920" y="6860"/>
                  <a:pt x="14960" y="6860"/>
                </a:cubicBezTo>
                <a:cubicBezTo>
                  <a:pt x="15011" y="6861"/>
                  <a:pt x="15052" y="6862"/>
                  <a:pt x="15087" y="6862"/>
                </a:cubicBezTo>
                <a:cubicBezTo>
                  <a:pt x="15121" y="6862"/>
                  <a:pt x="15149" y="6861"/>
                  <a:pt x="15171" y="6860"/>
                </a:cubicBezTo>
                <a:cubicBezTo>
                  <a:pt x="15201" y="6860"/>
                  <a:pt x="15231" y="6857"/>
                  <a:pt x="15261" y="6853"/>
                </a:cubicBezTo>
                <a:cubicBezTo>
                  <a:pt x="15282" y="6851"/>
                  <a:pt x="15300" y="6848"/>
                  <a:pt x="15330" y="6846"/>
                </a:cubicBezTo>
                <a:cubicBezTo>
                  <a:pt x="15363" y="6841"/>
                  <a:pt x="15407" y="6839"/>
                  <a:pt x="15479" y="6832"/>
                </a:cubicBezTo>
                <a:cubicBezTo>
                  <a:pt x="15527" y="6837"/>
                  <a:pt x="15576" y="6844"/>
                  <a:pt x="15625" y="6857"/>
                </a:cubicBezTo>
                <a:cubicBezTo>
                  <a:pt x="15648" y="6862"/>
                  <a:pt x="15673" y="6862"/>
                  <a:pt x="15696" y="6862"/>
                </a:cubicBezTo>
                <a:cubicBezTo>
                  <a:pt x="15713" y="6862"/>
                  <a:pt x="15733" y="6862"/>
                  <a:pt x="15757" y="6860"/>
                </a:cubicBezTo>
                <a:cubicBezTo>
                  <a:pt x="15782" y="6857"/>
                  <a:pt x="15810" y="6855"/>
                  <a:pt x="15845" y="6853"/>
                </a:cubicBezTo>
                <a:lnTo>
                  <a:pt x="15845" y="6853"/>
                </a:lnTo>
                <a:cubicBezTo>
                  <a:pt x="15796" y="6857"/>
                  <a:pt x="15745" y="6864"/>
                  <a:pt x="15696" y="6869"/>
                </a:cubicBezTo>
                <a:cubicBezTo>
                  <a:pt x="15808" y="6869"/>
                  <a:pt x="15919" y="6860"/>
                  <a:pt x="16028" y="6834"/>
                </a:cubicBezTo>
                <a:cubicBezTo>
                  <a:pt x="16408" y="6739"/>
                  <a:pt x="16769" y="6575"/>
                  <a:pt x="17091" y="6348"/>
                </a:cubicBezTo>
                <a:cubicBezTo>
                  <a:pt x="17202" y="6269"/>
                  <a:pt x="17309" y="6183"/>
                  <a:pt x="17408" y="6093"/>
                </a:cubicBezTo>
                <a:lnTo>
                  <a:pt x="17408" y="6093"/>
                </a:lnTo>
                <a:cubicBezTo>
                  <a:pt x="17360" y="6137"/>
                  <a:pt x="17309" y="6181"/>
                  <a:pt x="17255" y="6223"/>
                </a:cubicBezTo>
                <a:cubicBezTo>
                  <a:pt x="17249" y="6227"/>
                  <a:pt x="17245" y="6229"/>
                  <a:pt x="17244" y="6229"/>
                </a:cubicBezTo>
                <a:cubicBezTo>
                  <a:pt x="17240" y="6229"/>
                  <a:pt x="17266" y="6206"/>
                  <a:pt x="17297" y="6181"/>
                </a:cubicBezTo>
                <a:cubicBezTo>
                  <a:pt x="17325" y="6160"/>
                  <a:pt x="17350" y="6135"/>
                  <a:pt x="17373" y="6107"/>
                </a:cubicBezTo>
                <a:cubicBezTo>
                  <a:pt x="17406" y="6081"/>
                  <a:pt x="17441" y="6056"/>
                  <a:pt x="17473" y="6030"/>
                </a:cubicBezTo>
                <a:cubicBezTo>
                  <a:pt x="17474" y="6028"/>
                  <a:pt x="17474" y="6026"/>
                  <a:pt x="17472" y="6026"/>
                </a:cubicBezTo>
                <a:cubicBezTo>
                  <a:pt x="17463" y="6026"/>
                  <a:pt x="17418" y="6064"/>
                  <a:pt x="17373" y="6098"/>
                </a:cubicBezTo>
                <a:cubicBezTo>
                  <a:pt x="17336" y="6128"/>
                  <a:pt x="17299" y="6153"/>
                  <a:pt x="17292" y="6153"/>
                </a:cubicBezTo>
                <a:cubicBezTo>
                  <a:pt x="17289" y="6153"/>
                  <a:pt x="17290" y="6150"/>
                  <a:pt x="17297" y="6142"/>
                </a:cubicBezTo>
                <a:cubicBezTo>
                  <a:pt x="17318" y="6128"/>
                  <a:pt x="17339" y="6109"/>
                  <a:pt x="17360" y="6091"/>
                </a:cubicBezTo>
                <a:lnTo>
                  <a:pt x="17360" y="6091"/>
                </a:lnTo>
                <a:cubicBezTo>
                  <a:pt x="17329" y="6114"/>
                  <a:pt x="17299" y="6139"/>
                  <a:pt x="17267" y="6160"/>
                </a:cubicBezTo>
                <a:cubicBezTo>
                  <a:pt x="17362" y="6088"/>
                  <a:pt x="17450" y="6007"/>
                  <a:pt x="17529" y="5919"/>
                </a:cubicBezTo>
                <a:cubicBezTo>
                  <a:pt x="17600" y="5838"/>
                  <a:pt x="17661" y="5759"/>
                  <a:pt x="17728" y="5688"/>
                </a:cubicBezTo>
                <a:lnTo>
                  <a:pt x="17728" y="5688"/>
                </a:lnTo>
                <a:cubicBezTo>
                  <a:pt x="17656" y="5790"/>
                  <a:pt x="17612" y="5843"/>
                  <a:pt x="17591" y="5875"/>
                </a:cubicBezTo>
                <a:cubicBezTo>
                  <a:pt x="17577" y="5892"/>
                  <a:pt x="17568" y="5910"/>
                  <a:pt x="17563" y="5929"/>
                </a:cubicBezTo>
                <a:cubicBezTo>
                  <a:pt x="17561" y="5949"/>
                  <a:pt x="17552" y="5968"/>
                  <a:pt x="17538" y="5982"/>
                </a:cubicBezTo>
                <a:cubicBezTo>
                  <a:pt x="17526" y="5998"/>
                  <a:pt x="17510" y="6019"/>
                  <a:pt x="17485" y="6047"/>
                </a:cubicBezTo>
                <a:lnTo>
                  <a:pt x="17436" y="6091"/>
                </a:lnTo>
                <a:cubicBezTo>
                  <a:pt x="17420" y="6109"/>
                  <a:pt x="17399" y="6128"/>
                  <a:pt x="17374" y="6149"/>
                </a:cubicBezTo>
                <a:lnTo>
                  <a:pt x="17374" y="6149"/>
                </a:lnTo>
                <a:cubicBezTo>
                  <a:pt x="17399" y="6128"/>
                  <a:pt x="17420" y="6109"/>
                  <a:pt x="17434" y="6098"/>
                </a:cubicBezTo>
                <a:cubicBezTo>
                  <a:pt x="17448" y="6084"/>
                  <a:pt x="17459" y="6075"/>
                  <a:pt x="17466" y="6070"/>
                </a:cubicBezTo>
                <a:cubicBezTo>
                  <a:pt x="17473" y="6064"/>
                  <a:pt x="17476" y="6062"/>
                  <a:pt x="17478" y="6062"/>
                </a:cubicBezTo>
                <a:cubicBezTo>
                  <a:pt x="17479" y="6062"/>
                  <a:pt x="17478" y="6065"/>
                  <a:pt x="17475" y="6070"/>
                </a:cubicBezTo>
                <a:cubicBezTo>
                  <a:pt x="17467" y="6085"/>
                  <a:pt x="17439" y="6119"/>
                  <a:pt x="17443" y="6119"/>
                </a:cubicBezTo>
                <a:cubicBezTo>
                  <a:pt x="17444" y="6119"/>
                  <a:pt x="17444" y="6119"/>
                  <a:pt x="17445" y="6119"/>
                </a:cubicBezTo>
                <a:cubicBezTo>
                  <a:pt x="17473" y="6095"/>
                  <a:pt x="17489" y="6079"/>
                  <a:pt x="17501" y="6068"/>
                </a:cubicBezTo>
                <a:cubicBezTo>
                  <a:pt x="17510" y="6061"/>
                  <a:pt x="17517" y="6051"/>
                  <a:pt x="17524" y="6040"/>
                </a:cubicBezTo>
                <a:cubicBezTo>
                  <a:pt x="17531" y="6030"/>
                  <a:pt x="17540" y="6021"/>
                  <a:pt x="17547" y="6012"/>
                </a:cubicBezTo>
                <a:lnTo>
                  <a:pt x="17605" y="5952"/>
                </a:lnTo>
                <a:lnTo>
                  <a:pt x="17605" y="5952"/>
                </a:lnTo>
                <a:cubicBezTo>
                  <a:pt x="17598" y="5968"/>
                  <a:pt x="17589" y="5984"/>
                  <a:pt x="17575" y="5998"/>
                </a:cubicBezTo>
                <a:lnTo>
                  <a:pt x="17508" y="6077"/>
                </a:lnTo>
                <a:cubicBezTo>
                  <a:pt x="17477" y="6109"/>
                  <a:pt x="17452" y="6135"/>
                  <a:pt x="17455" y="6135"/>
                </a:cubicBezTo>
                <a:cubicBezTo>
                  <a:pt x="17457" y="6135"/>
                  <a:pt x="17467" y="6128"/>
                  <a:pt x="17487" y="6112"/>
                </a:cubicBezTo>
                <a:cubicBezTo>
                  <a:pt x="17489" y="6088"/>
                  <a:pt x="17596" y="5991"/>
                  <a:pt x="17633" y="5929"/>
                </a:cubicBezTo>
                <a:cubicBezTo>
                  <a:pt x="17659" y="5901"/>
                  <a:pt x="17669" y="5892"/>
                  <a:pt x="17672" y="5892"/>
                </a:cubicBezTo>
                <a:cubicBezTo>
                  <a:pt x="17676" y="5892"/>
                  <a:pt x="17663" y="5912"/>
                  <a:pt x="17666" y="5912"/>
                </a:cubicBezTo>
                <a:cubicBezTo>
                  <a:pt x="17667" y="5912"/>
                  <a:pt x="17671" y="5910"/>
                  <a:pt x="17677" y="5903"/>
                </a:cubicBezTo>
                <a:cubicBezTo>
                  <a:pt x="17700" y="5878"/>
                  <a:pt x="17714" y="5857"/>
                  <a:pt x="17728" y="5836"/>
                </a:cubicBezTo>
                <a:cubicBezTo>
                  <a:pt x="17744" y="5813"/>
                  <a:pt x="17758" y="5792"/>
                  <a:pt x="17774" y="5769"/>
                </a:cubicBezTo>
                <a:lnTo>
                  <a:pt x="17774" y="5769"/>
                </a:lnTo>
                <a:lnTo>
                  <a:pt x="17758" y="5813"/>
                </a:lnTo>
                <a:cubicBezTo>
                  <a:pt x="17793" y="5771"/>
                  <a:pt x="17825" y="5727"/>
                  <a:pt x="17853" y="5681"/>
                </a:cubicBezTo>
                <a:cubicBezTo>
                  <a:pt x="17865" y="5665"/>
                  <a:pt x="17874" y="5644"/>
                  <a:pt x="17881" y="5625"/>
                </a:cubicBezTo>
                <a:cubicBezTo>
                  <a:pt x="17890" y="5595"/>
                  <a:pt x="17909" y="5563"/>
                  <a:pt x="17985" y="5389"/>
                </a:cubicBezTo>
                <a:cubicBezTo>
                  <a:pt x="17984" y="5387"/>
                  <a:pt x="17983" y="5387"/>
                  <a:pt x="17982" y="5387"/>
                </a:cubicBezTo>
                <a:cubicBezTo>
                  <a:pt x="17976" y="5387"/>
                  <a:pt x="17964" y="5409"/>
                  <a:pt x="17948" y="5447"/>
                </a:cubicBezTo>
                <a:cubicBezTo>
                  <a:pt x="17929" y="5488"/>
                  <a:pt x="17902" y="5551"/>
                  <a:pt x="17862" y="5620"/>
                </a:cubicBezTo>
                <a:cubicBezTo>
                  <a:pt x="17859" y="5623"/>
                  <a:pt x="17856" y="5624"/>
                  <a:pt x="17854" y="5624"/>
                </a:cubicBezTo>
                <a:cubicBezTo>
                  <a:pt x="17839" y="5624"/>
                  <a:pt x="17887" y="5527"/>
                  <a:pt x="17925" y="5419"/>
                </a:cubicBezTo>
                <a:cubicBezTo>
                  <a:pt x="17934" y="5391"/>
                  <a:pt x="17946" y="5361"/>
                  <a:pt x="17955" y="5333"/>
                </a:cubicBezTo>
                <a:cubicBezTo>
                  <a:pt x="17962" y="5303"/>
                  <a:pt x="17969" y="5278"/>
                  <a:pt x="17973" y="5254"/>
                </a:cubicBezTo>
                <a:cubicBezTo>
                  <a:pt x="17980" y="5213"/>
                  <a:pt x="17980" y="5184"/>
                  <a:pt x="17972" y="5184"/>
                </a:cubicBezTo>
                <a:cubicBezTo>
                  <a:pt x="17971" y="5184"/>
                  <a:pt x="17970" y="5184"/>
                  <a:pt x="17969" y="5185"/>
                </a:cubicBezTo>
                <a:cubicBezTo>
                  <a:pt x="17980" y="5143"/>
                  <a:pt x="17985" y="5113"/>
                  <a:pt x="17990" y="5092"/>
                </a:cubicBezTo>
                <a:cubicBezTo>
                  <a:pt x="17994" y="5069"/>
                  <a:pt x="17997" y="5058"/>
                  <a:pt x="17997" y="5053"/>
                </a:cubicBezTo>
                <a:cubicBezTo>
                  <a:pt x="17998" y="5050"/>
                  <a:pt x="17999" y="5048"/>
                  <a:pt x="18000" y="5048"/>
                </a:cubicBezTo>
                <a:cubicBezTo>
                  <a:pt x="18001" y="5048"/>
                  <a:pt x="18001" y="5058"/>
                  <a:pt x="18001" y="5069"/>
                </a:cubicBezTo>
                <a:cubicBezTo>
                  <a:pt x="17999" y="5083"/>
                  <a:pt x="18001" y="5096"/>
                  <a:pt x="18003" y="5096"/>
                </a:cubicBezTo>
                <a:cubicBezTo>
                  <a:pt x="18003" y="5096"/>
                  <a:pt x="18003" y="5095"/>
                  <a:pt x="18004" y="5095"/>
                </a:cubicBezTo>
                <a:cubicBezTo>
                  <a:pt x="18017" y="5062"/>
                  <a:pt x="18027" y="5025"/>
                  <a:pt x="18029" y="4990"/>
                </a:cubicBezTo>
                <a:cubicBezTo>
                  <a:pt x="18035" y="4962"/>
                  <a:pt x="18040" y="4950"/>
                  <a:pt x="18042" y="4950"/>
                </a:cubicBezTo>
                <a:cubicBezTo>
                  <a:pt x="18047" y="4950"/>
                  <a:pt x="18046" y="4992"/>
                  <a:pt x="18043" y="5048"/>
                </a:cubicBezTo>
                <a:cubicBezTo>
                  <a:pt x="18041" y="5071"/>
                  <a:pt x="18038" y="5095"/>
                  <a:pt x="18034" y="5118"/>
                </a:cubicBezTo>
                <a:cubicBezTo>
                  <a:pt x="18031" y="5141"/>
                  <a:pt x="18029" y="5164"/>
                  <a:pt x="18022" y="5185"/>
                </a:cubicBezTo>
                <a:cubicBezTo>
                  <a:pt x="18015" y="5229"/>
                  <a:pt x="18008" y="5268"/>
                  <a:pt x="18004" y="5287"/>
                </a:cubicBezTo>
                <a:cubicBezTo>
                  <a:pt x="18015" y="5264"/>
                  <a:pt x="18022" y="5238"/>
                  <a:pt x="18029" y="5213"/>
                </a:cubicBezTo>
                <a:cubicBezTo>
                  <a:pt x="18038" y="5187"/>
                  <a:pt x="18045" y="5162"/>
                  <a:pt x="18052" y="5136"/>
                </a:cubicBezTo>
                <a:lnTo>
                  <a:pt x="18071" y="5060"/>
                </a:lnTo>
                <a:lnTo>
                  <a:pt x="18082" y="4981"/>
                </a:lnTo>
                <a:cubicBezTo>
                  <a:pt x="18087" y="5014"/>
                  <a:pt x="18089" y="5044"/>
                  <a:pt x="18087" y="5076"/>
                </a:cubicBezTo>
                <a:cubicBezTo>
                  <a:pt x="18082" y="5111"/>
                  <a:pt x="18080" y="5148"/>
                  <a:pt x="18073" y="5183"/>
                </a:cubicBezTo>
                <a:cubicBezTo>
                  <a:pt x="18066" y="5217"/>
                  <a:pt x="18059" y="5250"/>
                  <a:pt x="18055" y="5278"/>
                </a:cubicBezTo>
                <a:cubicBezTo>
                  <a:pt x="18050" y="5301"/>
                  <a:pt x="18048" y="5324"/>
                  <a:pt x="18048" y="5347"/>
                </a:cubicBezTo>
                <a:cubicBezTo>
                  <a:pt x="18057" y="5317"/>
                  <a:pt x="18066" y="5294"/>
                  <a:pt x="18071" y="5271"/>
                </a:cubicBezTo>
                <a:lnTo>
                  <a:pt x="18087" y="5213"/>
                </a:lnTo>
                <a:cubicBezTo>
                  <a:pt x="18094" y="5185"/>
                  <a:pt x="18101" y="5155"/>
                  <a:pt x="18103" y="5127"/>
                </a:cubicBezTo>
                <a:cubicBezTo>
                  <a:pt x="18105" y="5099"/>
                  <a:pt x="18112" y="5071"/>
                  <a:pt x="18112" y="5037"/>
                </a:cubicBezTo>
                <a:cubicBezTo>
                  <a:pt x="18115" y="5002"/>
                  <a:pt x="18119" y="4958"/>
                  <a:pt x="18117" y="4895"/>
                </a:cubicBezTo>
                <a:lnTo>
                  <a:pt x="18117" y="4895"/>
                </a:lnTo>
                <a:cubicBezTo>
                  <a:pt x="18115" y="4921"/>
                  <a:pt x="18115" y="4942"/>
                  <a:pt x="18110" y="4958"/>
                </a:cubicBezTo>
                <a:lnTo>
                  <a:pt x="18103" y="5002"/>
                </a:lnTo>
                <a:cubicBezTo>
                  <a:pt x="18101" y="5014"/>
                  <a:pt x="18099" y="5025"/>
                  <a:pt x="18094" y="5037"/>
                </a:cubicBezTo>
                <a:cubicBezTo>
                  <a:pt x="18094" y="5037"/>
                  <a:pt x="18093" y="5037"/>
                  <a:pt x="18093" y="5037"/>
                </a:cubicBezTo>
                <a:cubicBezTo>
                  <a:pt x="18089" y="5037"/>
                  <a:pt x="18089" y="5013"/>
                  <a:pt x="18092" y="4983"/>
                </a:cubicBezTo>
                <a:cubicBezTo>
                  <a:pt x="18094" y="4956"/>
                  <a:pt x="18092" y="4928"/>
                  <a:pt x="18089" y="4900"/>
                </a:cubicBezTo>
                <a:cubicBezTo>
                  <a:pt x="18088" y="4896"/>
                  <a:pt x="18087" y="4893"/>
                  <a:pt x="18085" y="4893"/>
                </a:cubicBezTo>
                <a:cubicBezTo>
                  <a:pt x="18081" y="4893"/>
                  <a:pt x="18077" y="4907"/>
                  <a:pt x="18071" y="4946"/>
                </a:cubicBezTo>
                <a:cubicBezTo>
                  <a:pt x="18073" y="4902"/>
                  <a:pt x="18078" y="4872"/>
                  <a:pt x="18080" y="4849"/>
                </a:cubicBezTo>
                <a:cubicBezTo>
                  <a:pt x="18082" y="4824"/>
                  <a:pt x="18082" y="4807"/>
                  <a:pt x="18082" y="4787"/>
                </a:cubicBezTo>
                <a:cubicBezTo>
                  <a:pt x="18085" y="4712"/>
                  <a:pt x="18080" y="4638"/>
                  <a:pt x="18066" y="4567"/>
                </a:cubicBezTo>
                <a:lnTo>
                  <a:pt x="18066" y="4567"/>
                </a:lnTo>
                <a:cubicBezTo>
                  <a:pt x="18082" y="4648"/>
                  <a:pt x="18087" y="4648"/>
                  <a:pt x="18092" y="4657"/>
                </a:cubicBezTo>
                <a:cubicBezTo>
                  <a:pt x="18099" y="4664"/>
                  <a:pt x="18101" y="4675"/>
                  <a:pt x="18101" y="4685"/>
                </a:cubicBezTo>
                <a:cubicBezTo>
                  <a:pt x="18103" y="4692"/>
                  <a:pt x="18105" y="4702"/>
                  <a:pt x="18107" y="4715"/>
                </a:cubicBezTo>
                <a:lnTo>
                  <a:pt x="18107" y="4715"/>
                </a:lnTo>
                <a:lnTo>
                  <a:pt x="18103" y="4675"/>
                </a:lnTo>
                <a:cubicBezTo>
                  <a:pt x="18101" y="4643"/>
                  <a:pt x="18096" y="4617"/>
                  <a:pt x="18092" y="4594"/>
                </a:cubicBezTo>
                <a:cubicBezTo>
                  <a:pt x="18085" y="4548"/>
                  <a:pt x="18080" y="4518"/>
                  <a:pt x="18071" y="4485"/>
                </a:cubicBezTo>
                <a:cubicBezTo>
                  <a:pt x="18057" y="4423"/>
                  <a:pt x="18043" y="4360"/>
                  <a:pt x="17999" y="4194"/>
                </a:cubicBezTo>
                <a:cubicBezTo>
                  <a:pt x="17994" y="4183"/>
                  <a:pt x="17991" y="4179"/>
                  <a:pt x="17990" y="4179"/>
                </a:cubicBezTo>
                <a:cubicBezTo>
                  <a:pt x="17980" y="4179"/>
                  <a:pt x="18006" y="4310"/>
                  <a:pt x="17999" y="4310"/>
                </a:cubicBezTo>
                <a:cubicBezTo>
                  <a:pt x="17995" y="4310"/>
                  <a:pt x="17981" y="4268"/>
                  <a:pt x="17943" y="4138"/>
                </a:cubicBezTo>
                <a:cubicBezTo>
                  <a:pt x="17931" y="4094"/>
                  <a:pt x="17929" y="4076"/>
                  <a:pt x="17931" y="4076"/>
                </a:cubicBezTo>
                <a:lnTo>
                  <a:pt x="17931" y="4076"/>
                </a:lnTo>
                <a:cubicBezTo>
                  <a:pt x="17933" y="4076"/>
                  <a:pt x="17939" y="4092"/>
                  <a:pt x="17946" y="4117"/>
                </a:cubicBezTo>
                <a:cubicBezTo>
                  <a:pt x="17925" y="4026"/>
                  <a:pt x="17917" y="3999"/>
                  <a:pt x="17913" y="3999"/>
                </a:cubicBezTo>
                <a:cubicBezTo>
                  <a:pt x="17907" y="3999"/>
                  <a:pt x="17912" y="4057"/>
                  <a:pt x="17904" y="4057"/>
                </a:cubicBezTo>
                <a:cubicBezTo>
                  <a:pt x="17900" y="4057"/>
                  <a:pt x="17893" y="4044"/>
                  <a:pt x="17881" y="4004"/>
                </a:cubicBezTo>
                <a:cubicBezTo>
                  <a:pt x="17855" y="3912"/>
                  <a:pt x="17848" y="3861"/>
                  <a:pt x="17853" y="3861"/>
                </a:cubicBezTo>
                <a:cubicBezTo>
                  <a:pt x="17855" y="3861"/>
                  <a:pt x="17858" y="3867"/>
                  <a:pt x="17862" y="3881"/>
                </a:cubicBezTo>
                <a:cubicBezTo>
                  <a:pt x="17837" y="3788"/>
                  <a:pt x="17827" y="3765"/>
                  <a:pt x="17818" y="3753"/>
                </a:cubicBezTo>
                <a:cubicBezTo>
                  <a:pt x="17811" y="3742"/>
                  <a:pt x="17807" y="3737"/>
                  <a:pt x="17795" y="3670"/>
                </a:cubicBezTo>
                <a:lnTo>
                  <a:pt x="17795" y="3670"/>
                </a:lnTo>
                <a:lnTo>
                  <a:pt x="17800" y="3730"/>
                </a:lnTo>
                <a:cubicBezTo>
                  <a:pt x="17797" y="3721"/>
                  <a:pt x="17795" y="3718"/>
                  <a:pt x="17793" y="3718"/>
                </a:cubicBezTo>
                <a:cubicBezTo>
                  <a:pt x="17790" y="3718"/>
                  <a:pt x="17787" y="3726"/>
                  <a:pt x="17783" y="3726"/>
                </a:cubicBezTo>
                <a:cubicBezTo>
                  <a:pt x="17782" y="3726"/>
                  <a:pt x="17782" y="3726"/>
                  <a:pt x="17781" y="3726"/>
                </a:cubicBezTo>
                <a:cubicBezTo>
                  <a:pt x="17772" y="3723"/>
                  <a:pt x="17772" y="3716"/>
                  <a:pt x="17765" y="3691"/>
                </a:cubicBezTo>
                <a:cubicBezTo>
                  <a:pt x="17760" y="3677"/>
                  <a:pt x="17756" y="3658"/>
                  <a:pt x="17753" y="3635"/>
                </a:cubicBezTo>
                <a:cubicBezTo>
                  <a:pt x="17749" y="3612"/>
                  <a:pt x="17746" y="3582"/>
                  <a:pt x="17744" y="3545"/>
                </a:cubicBezTo>
                <a:cubicBezTo>
                  <a:pt x="17742" y="3489"/>
                  <a:pt x="17744" y="3455"/>
                  <a:pt x="17744" y="3429"/>
                </a:cubicBezTo>
                <a:cubicBezTo>
                  <a:pt x="17744" y="3415"/>
                  <a:pt x="17749" y="3401"/>
                  <a:pt x="17751" y="3387"/>
                </a:cubicBezTo>
                <a:cubicBezTo>
                  <a:pt x="17752" y="3384"/>
                  <a:pt x="17754" y="3383"/>
                  <a:pt x="17755" y="3383"/>
                </a:cubicBezTo>
                <a:cubicBezTo>
                  <a:pt x="17758" y="3383"/>
                  <a:pt x="17760" y="3390"/>
                  <a:pt x="17762" y="3390"/>
                </a:cubicBezTo>
                <a:cubicBezTo>
                  <a:pt x="17762" y="3390"/>
                  <a:pt x="17762" y="3390"/>
                  <a:pt x="17763" y="3390"/>
                </a:cubicBezTo>
                <a:cubicBezTo>
                  <a:pt x="17763" y="3369"/>
                  <a:pt x="17765" y="3348"/>
                  <a:pt x="17765" y="3330"/>
                </a:cubicBezTo>
                <a:cubicBezTo>
                  <a:pt x="17765" y="3309"/>
                  <a:pt x="17772" y="3290"/>
                  <a:pt x="17774" y="3272"/>
                </a:cubicBezTo>
                <a:cubicBezTo>
                  <a:pt x="17777" y="3253"/>
                  <a:pt x="17779" y="3235"/>
                  <a:pt x="17783" y="3216"/>
                </a:cubicBezTo>
                <a:cubicBezTo>
                  <a:pt x="17788" y="3197"/>
                  <a:pt x="17793" y="3181"/>
                  <a:pt x="17797" y="3165"/>
                </a:cubicBezTo>
                <a:cubicBezTo>
                  <a:pt x="17804" y="3149"/>
                  <a:pt x="17807" y="3133"/>
                  <a:pt x="17814" y="3116"/>
                </a:cubicBezTo>
                <a:lnTo>
                  <a:pt x="17832" y="3072"/>
                </a:lnTo>
                <a:cubicBezTo>
                  <a:pt x="17844" y="3045"/>
                  <a:pt x="17858" y="3017"/>
                  <a:pt x="17874" y="2991"/>
                </a:cubicBezTo>
                <a:lnTo>
                  <a:pt x="17874" y="2991"/>
                </a:lnTo>
                <a:cubicBezTo>
                  <a:pt x="17872" y="2993"/>
                  <a:pt x="17871" y="2994"/>
                  <a:pt x="17870" y="2994"/>
                </a:cubicBezTo>
                <a:cubicBezTo>
                  <a:pt x="17868" y="2994"/>
                  <a:pt x="17868" y="2991"/>
                  <a:pt x="17869" y="2987"/>
                </a:cubicBezTo>
                <a:cubicBezTo>
                  <a:pt x="17874" y="2970"/>
                  <a:pt x="17883" y="2954"/>
                  <a:pt x="17890" y="2940"/>
                </a:cubicBezTo>
                <a:cubicBezTo>
                  <a:pt x="17962" y="2813"/>
                  <a:pt x="17997" y="2787"/>
                  <a:pt x="18013" y="2776"/>
                </a:cubicBezTo>
                <a:cubicBezTo>
                  <a:pt x="18034" y="2767"/>
                  <a:pt x="18052" y="2753"/>
                  <a:pt x="18066" y="2734"/>
                </a:cubicBezTo>
                <a:cubicBezTo>
                  <a:pt x="18136" y="2662"/>
                  <a:pt x="18170" y="2632"/>
                  <a:pt x="18184" y="2616"/>
                </a:cubicBezTo>
                <a:cubicBezTo>
                  <a:pt x="18198" y="2600"/>
                  <a:pt x="18191" y="2600"/>
                  <a:pt x="18184" y="2598"/>
                </a:cubicBezTo>
                <a:cubicBezTo>
                  <a:pt x="18177" y="2595"/>
                  <a:pt x="18173" y="2593"/>
                  <a:pt x="18191" y="2572"/>
                </a:cubicBezTo>
                <a:cubicBezTo>
                  <a:pt x="18227" y="2532"/>
                  <a:pt x="18268" y="2497"/>
                  <a:pt x="18311" y="2466"/>
                </a:cubicBezTo>
                <a:lnTo>
                  <a:pt x="18311" y="2466"/>
                </a:lnTo>
                <a:cubicBezTo>
                  <a:pt x="18177" y="2560"/>
                  <a:pt x="18054" y="2673"/>
                  <a:pt x="17953" y="2801"/>
                </a:cubicBezTo>
                <a:cubicBezTo>
                  <a:pt x="17955" y="2791"/>
                  <a:pt x="17955" y="2782"/>
                  <a:pt x="17948" y="2782"/>
                </a:cubicBezTo>
                <a:cubicBezTo>
                  <a:pt x="17947" y="2782"/>
                  <a:pt x="17947" y="2783"/>
                  <a:pt x="17946" y="2783"/>
                </a:cubicBezTo>
                <a:cubicBezTo>
                  <a:pt x="17936" y="2787"/>
                  <a:pt x="17918" y="2806"/>
                  <a:pt x="17883" y="2857"/>
                </a:cubicBezTo>
                <a:cubicBezTo>
                  <a:pt x="17883" y="2871"/>
                  <a:pt x="17878" y="2885"/>
                  <a:pt x="17872" y="2896"/>
                </a:cubicBezTo>
                <a:cubicBezTo>
                  <a:pt x="17865" y="2917"/>
                  <a:pt x="17848" y="2945"/>
                  <a:pt x="17837" y="2980"/>
                </a:cubicBezTo>
                <a:cubicBezTo>
                  <a:pt x="17830" y="2998"/>
                  <a:pt x="17821" y="3014"/>
                  <a:pt x="17814" y="3035"/>
                </a:cubicBezTo>
                <a:lnTo>
                  <a:pt x="17793" y="3096"/>
                </a:lnTo>
                <a:cubicBezTo>
                  <a:pt x="17786" y="3116"/>
                  <a:pt x="17781" y="3140"/>
                  <a:pt x="17774" y="3160"/>
                </a:cubicBezTo>
                <a:cubicBezTo>
                  <a:pt x="17767" y="3184"/>
                  <a:pt x="17763" y="3204"/>
                  <a:pt x="17758" y="3228"/>
                </a:cubicBezTo>
                <a:cubicBezTo>
                  <a:pt x="17756" y="3230"/>
                  <a:pt x="17755" y="3231"/>
                  <a:pt x="17755" y="3231"/>
                </a:cubicBezTo>
                <a:cubicBezTo>
                  <a:pt x="17753" y="3231"/>
                  <a:pt x="17753" y="3227"/>
                  <a:pt x="17753" y="3221"/>
                </a:cubicBezTo>
                <a:cubicBezTo>
                  <a:pt x="17753" y="3207"/>
                  <a:pt x="17756" y="3191"/>
                  <a:pt x="17758" y="3177"/>
                </a:cubicBezTo>
                <a:cubicBezTo>
                  <a:pt x="17763" y="3158"/>
                  <a:pt x="17767" y="3135"/>
                  <a:pt x="17772" y="3112"/>
                </a:cubicBezTo>
                <a:cubicBezTo>
                  <a:pt x="17779" y="3086"/>
                  <a:pt x="17788" y="3063"/>
                  <a:pt x="17795" y="3042"/>
                </a:cubicBezTo>
                <a:cubicBezTo>
                  <a:pt x="17809" y="2998"/>
                  <a:pt x="17825" y="2964"/>
                  <a:pt x="17825" y="2954"/>
                </a:cubicBezTo>
                <a:cubicBezTo>
                  <a:pt x="17825" y="2952"/>
                  <a:pt x="17825" y="2951"/>
                  <a:pt x="17825" y="2951"/>
                </a:cubicBezTo>
                <a:cubicBezTo>
                  <a:pt x="17823" y="2951"/>
                  <a:pt x="17820" y="2957"/>
                  <a:pt x="17814" y="2966"/>
                </a:cubicBezTo>
                <a:cubicBezTo>
                  <a:pt x="17805" y="2980"/>
                  <a:pt x="17796" y="2994"/>
                  <a:pt x="17789" y="3009"/>
                </a:cubicBezTo>
                <a:lnTo>
                  <a:pt x="17789" y="3009"/>
                </a:lnTo>
                <a:cubicBezTo>
                  <a:pt x="17812" y="2959"/>
                  <a:pt x="17837" y="2911"/>
                  <a:pt x="17865" y="2864"/>
                </a:cubicBezTo>
                <a:cubicBezTo>
                  <a:pt x="17885" y="2836"/>
                  <a:pt x="17904" y="2804"/>
                  <a:pt x="17925" y="2776"/>
                </a:cubicBezTo>
                <a:cubicBezTo>
                  <a:pt x="17948" y="2748"/>
                  <a:pt x="17969" y="2720"/>
                  <a:pt x="17992" y="2695"/>
                </a:cubicBezTo>
                <a:lnTo>
                  <a:pt x="17992" y="2695"/>
                </a:lnTo>
                <a:cubicBezTo>
                  <a:pt x="17983" y="2708"/>
                  <a:pt x="17981" y="2714"/>
                  <a:pt x="17983" y="2714"/>
                </a:cubicBezTo>
                <a:cubicBezTo>
                  <a:pt x="17985" y="2714"/>
                  <a:pt x="17993" y="2707"/>
                  <a:pt x="18004" y="2695"/>
                </a:cubicBezTo>
                <a:cubicBezTo>
                  <a:pt x="18015" y="2683"/>
                  <a:pt x="18029" y="2669"/>
                  <a:pt x="18045" y="2653"/>
                </a:cubicBezTo>
                <a:lnTo>
                  <a:pt x="18096" y="2604"/>
                </a:lnTo>
                <a:cubicBezTo>
                  <a:pt x="18140" y="2564"/>
                  <a:pt x="18182" y="2529"/>
                  <a:pt x="18187" y="2529"/>
                </a:cubicBezTo>
                <a:cubicBezTo>
                  <a:pt x="18190" y="2529"/>
                  <a:pt x="18180" y="2541"/>
                  <a:pt x="18149" y="2572"/>
                </a:cubicBezTo>
                <a:cubicBezTo>
                  <a:pt x="18238" y="2493"/>
                  <a:pt x="18330" y="2424"/>
                  <a:pt x="18430" y="2359"/>
                </a:cubicBezTo>
                <a:cubicBezTo>
                  <a:pt x="18509" y="2308"/>
                  <a:pt x="18576" y="2269"/>
                  <a:pt x="18643" y="2229"/>
                </a:cubicBezTo>
                <a:cubicBezTo>
                  <a:pt x="18773" y="2153"/>
                  <a:pt x="18898" y="2083"/>
                  <a:pt x="19111" y="1951"/>
                </a:cubicBezTo>
                <a:lnTo>
                  <a:pt x="19111" y="1951"/>
                </a:lnTo>
                <a:cubicBezTo>
                  <a:pt x="19051" y="2000"/>
                  <a:pt x="18988" y="2046"/>
                  <a:pt x="18923" y="2088"/>
                </a:cubicBezTo>
                <a:cubicBezTo>
                  <a:pt x="18824" y="2153"/>
                  <a:pt x="18701" y="2229"/>
                  <a:pt x="18585" y="2294"/>
                </a:cubicBezTo>
                <a:lnTo>
                  <a:pt x="18562" y="2296"/>
                </a:lnTo>
                <a:cubicBezTo>
                  <a:pt x="18498" y="2339"/>
                  <a:pt x="18476" y="2355"/>
                  <a:pt x="18480" y="2355"/>
                </a:cubicBezTo>
                <a:cubicBezTo>
                  <a:pt x="18483" y="2355"/>
                  <a:pt x="18521" y="2334"/>
                  <a:pt x="18566" y="2308"/>
                </a:cubicBezTo>
                <a:cubicBezTo>
                  <a:pt x="18639" y="2267"/>
                  <a:pt x="18733" y="2217"/>
                  <a:pt x="18748" y="2217"/>
                </a:cubicBezTo>
                <a:cubicBezTo>
                  <a:pt x="18750" y="2217"/>
                  <a:pt x="18750" y="2219"/>
                  <a:pt x="18747" y="2222"/>
                </a:cubicBezTo>
                <a:cubicBezTo>
                  <a:pt x="19081" y="1998"/>
                  <a:pt x="19523" y="1789"/>
                  <a:pt x="19945" y="1534"/>
                </a:cubicBezTo>
                <a:lnTo>
                  <a:pt x="19945" y="1534"/>
                </a:lnTo>
                <a:cubicBezTo>
                  <a:pt x="19926" y="1542"/>
                  <a:pt x="19916" y="1546"/>
                  <a:pt x="19912" y="1546"/>
                </a:cubicBezTo>
                <a:cubicBezTo>
                  <a:pt x="19899" y="1546"/>
                  <a:pt x="19950" y="1511"/>
                  <a:pt x="19959" y="1497"/>
                </a:cubicBezTo>
                <a:lnTo>
                  <a:pt x="19959" y="1497"/>
                </a:lnTo>
                <a:cubicBezTo>
                  <a:pt x="19790" y="1597"/>
                  <a:pt x="19822" y="1583"/>
                  <a:pt x="19690" y="1645"/>
                </a:cubicBezTo>
                <a:cubicBezTo>
                  <a:pt x="19706" y="1620"/>
                  <a:pt x="19813" y="1567"/>
                  <a:pt x="19861" y="1527"/>
                </a:cubicBezTo>
                <a:cubicBezTo>
                  <a:pt x="19867" y="1522"/>
                  <a:pt x="19868" y="1520"/>
                  <a:pt x="19866" y="1520"/>
                </a:cubicBezTo>
                <a:cubicBezTo>
                  <a:pt x="19854" y="1520"/>
                  <a:pt x="19723" y="1605"/>
                  <a:pt x="19667" y="1629"/>
                </a:cubicBezTo>
                <a:cubicBezTo>
                  <a:pt x="19748" y="1581"/>
                  <a:pt x="19824" y="1527"/>
                  <a:pt x="19898" y="1472"/>
                </a:cubicBezTo>
                <a:cubicBezTo>
                  <a:pt x="19952" y="1449"/>
                  <a:pt x="20007" y="1430"/>
                  <a:pt x="20061" y="1414"/>
                </a:cubicBezTo>
                <a:cubicBezTo>
                  <a:pt x="20453" y="1192"/>
                  <a:pt x="20411" y="1187"/>
                  <a:pt x="20704" y="1021"/>
                </a:cubicBezTo>
                <a:lnTo>
                  <a:pt x="20704" y="1021"/>
                </a:lnTo>
                <a:cubicBezTo>
                  <a:pt x="20673" y="1039"/>
                  <a:pt x="20666" y="1044"/>
                  <a:pt x="20669" y="1044"/>
                </a:cubicBezTo>
                <a:cubicBezTo>
                  <a:pt x="20673" y="1044"/>
                  <a:pt x="20699" y="1033"/>
                  <a:pt x="20703" y="1033"/>
                </a:cubicBezTo>
                <a:cubicBezTo>
                  <a:pt x="20704" y="1033"/>
                  <a:pt x="20703" y="1034"/>
                  <a:pt x="20697" y="1038"/>
                </a:cubicBezTo>
                <a:lnTo>
                  <a:pt x="20697" y="1038"/>
                </a:lnTo>
                <a:lnTo>
                  <a:pt x="20737" y="1015"/>
                </a:lnTo>
                <a:lnTo>
                  <a:pt x="20737" y="1015"/>
                </a:lnTo>
                <a:cubicBezTo>
                  <a:pt x="20468" y="1196"/>
                  <a:pt x="19986" y="1472"/>
                  <a:pt x="20051" y="1474"/>
                </a:cubicBezTo>
                <a:cubicBezTo>
                  <a:pt x="20278" y="1340"/>
                  <a:pt x="20434" y="1226"/>
                  <a:pt x="20711" y="1066"/>
                </a:cubicBezTo>
                <a:lnTo>
                  <a:pt x="20711" y="1066"/>
                </a:lnTo>
                <a:lnTo>
                  <a:pt x="20705" y="1078"/>
                </a:lnTo>
                <a:cubicBezTo>
                  <a:pt x="20778" y="1036"/>
                  <a:pt x="20797" y="1024"/>
                  <a:pt x="20794" y="1024"/>
                </a:cubicBezTo>
                <a:cubicBezTo>
                  <a:pt x="20789" y="1024"/>
                  <a:pt x="20742" y="1047"/>
                  <a:pt x="20736" y="1047"/>
                </a:cubicBezTo>
                <a:cubicBezTo>
                  <a:pt x="20734" y="1047"/>
                  <a:pt x="20736" y="1045"/>
                  <a:pt x="20742" y="1041"/>
                </a:cubicBezTo>
                <a:cubicBezTo>
                  <a:pt x="20962" y="900"/>
                  <a:pt x="21050" y="900"/>
                  <a:pt x="21193" y="791"/>
                </a:cubicBezTo>
                <a:lnTo>
                  <a:pt x="21193" y="791"/>
                </a:lnTo>
                <a:lnTo>
                  <a:pt x="20962" y="918"/>
                </a:lnTo>
                <a:cubicBezTo>
                  <a:pt x="21012" y="884"/>
                  <a:pt x="21027" y="873"/>
                  <a:pt x="21024" y="873"/>
                </a:cubicBezTo>
                <a:cubicBezTo>
                  <a:pt x="21020" y="873"/>
                  <a:pt x="20955" y="911"/>
                  <a:pt x="20939" y="911"/>
                </a:cubicBezTo>
                <a:cubicBezTo>
                  <a:pt x="20935" y="911"/>
                  <a:pt x="20934" y="908"/>
                  <a:pt x="20938" y="902"/>
                </a:cubicBezTo>
                <a:cubicBezTo>
                  <a:pt x="21240" y="710"/>
                  <a:pt x="21779" y="408"/>
                  <a:pt x="22210" y="144"/>
                </a:cubicBezTo>
                <a:lnTo>
                  <a:pt x="22210" y="144"/>
                </a:lnTo>
                <a:cubicBezTo>
                  <a:pt x="22094" y="198"/>
                  <a:pt x="21983" y="256"/>
                  <a:pt x="21877" y="320"/>
                </a:cubicBezTo>
                <a:cubicBezTo>
                  <a:pt x="21922" y="266"/>
                  <a:pt x="21974" y="233"/>
                  <a:pt x="21950" y="233"/>
                </a:cubicBezTo>
                <a:cubicBezTo>
                  <a:pt x="21943" y="233"/>
                  <a:pt x="21930" y="236"/>
                  <a:pt x="21909" y="242"/>
                </a:cubicBezTo>
                <a:lnTo>
                  <a:pt x="21708" y="358"/>
                </a:lnTo>
                <a:lnTo>
                  <a:pt x="21691" y="334"/>
                </a:lnTo>
                <a:cubicBezTo>
                  <a:pt x="21745" y="302"/>
                  <a:pt x="21800" y="272"/>
                  <a:pt x="21851" y="246"/>
                </a:cubicBezTo>
                <a:cubicBezTo>
                  <a:pt x="21870" y="216"/>
                  <a:pt x="22157" y="75"/>
                  <a:pt x="22164" y="54"/>
                </a:cubicBezTo>
                <a:lnTo>
                  <a:pt x="22164" y="54"/>
                </a:lnTo>
                <a:lnTo>
                  <a:pt x="21992" y="154"/>
                </a:lnTo>
                <a:cubicBezTo>
                  <a:pt x="21981" y="159"/>
                  <a:pt x="21974" y="161"/>
                  <a:pt x="21971" y="161"/>
                </a:cubicBezTo>
                <a:cubicBezTo>
                  <a:pt x="21954" y="161"/>
                  <a:pt x="22119" y="65"/>
                  <a:pt x="22222" y="1"/>
                </a:cubicBez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253" name="Google Shape;253;p14"/>
          <p:cNvGrpSpPr/>
          <p:nvPr/>
        </p:nvGrpSpPr>
        <p:grpSpPr>
          <a:xfrm>
            <a:off x="4300996" y="76147"/>
            <a:ext cx="542009" cy="1370216"/>
            <a:chOff x="6086050" y="4051075"/>
            <a:chExt cx="271575" cy="686550"/>
          </a:xfrm>
        </p:grpSpPr>
        <p:sp>
          <p:nvSpPr>
            <p:cNvPr id="254" name="Google Shape;254;p14"/>
            <p:cNvSpPr/>
            <p:nvPr/>
          </p:nvSpPr>
          <p:spPr>
            <a:xfrm>
              <a:off x="6288975" y="4051075"/>
              <a:ext cx="16275" cy="283525"/>
            </a:xfrm>
            <a:custGeom>
              <a:avLst/>
              <a:gdLst/>
              <a:ahLst/>
              <a:cxnLst/>
              <a:rect l="l" t="t" r="r" b="b"/>
              <a:pathLst>
                <a:path w="651" h="11341" extrusionOk="0">
                  <a:moveTo>
                    <a:pt x="324" y="1"/>
                  </a:moveTo>
                  <a:cubicBezTo>
                    <a:pt x="257" y="1"/>
                    <a:pt x="190" y="44"/>
                    <a:pt x="190" y="129"/>
                  </a:cubicBezTo>
                  <a:lnTo>
                    <a:pt x="188" y="129"/>
                  </a:lnTo>
                  <a:lnTo>
                    <a:pt x="167" y="4454"/>
                  </a:lnTo>
                  <a:cubicBezTo>
                    <a:pt x="162" y="5184"/>
                    <a:pt x="123" y="5914"/>
                    <a:pt x="109" y="6643"/>
                  </a:cubicBezTo>
                  <a:cubicBezTo>
                    <a:pt x="93" y="7364"/>
                    <a:pt x="86" y="8084"/>
                    <a:pt x="74" y="8804"/>
                  </a:cubicBezTo>
                  <a:cubicBezTo>
                    <a:pt x="67" y="9208"/>
                    <a:pt x="58" y="9611"/>
                    <a:pt x="42" y="10016"/>
                  </a:cubicBezTo>
                  <a:lnTo>
                    <a:pt x="16" y="10621"/>
                  </a:lnTo>
                  <a:cubicBezTo>
                    <a:pt x="14" y="10716"/>
                    <a:pt x="0" y="10815"/>
                    <a:pt x="5" y="10908"/>
                  </a:cubicBezTo>
                  <a:cubicBezTo>
                    <a:pt x="12" y="11035"/>
                    <a:pt x="83" y="11137"/>
                    <a:pt x="148" y="11241"/>
                  </a:cubicBezTo>
                  <a:cubicBezTo>
                    <a:pt x="188" y="11307"/>
                    <a:pt x="255" y="11340"/>
                    <a:pt x="322" y="11340"/>
                  </a:cubicBezTo>
                  <a:cubicBezTo>
                    <a:pt x="390" y="11340"/>
                    <a:pt x="458" y="11307"/>
                    <a:pt x="498" y="11241"/>
                  </a:cubicBezTo>
                  <a:cubicBezTo>
                    <a:pt x="544" y="11165"/>
                    <a:pt x="605" y="11082"/>
                    <a:pt x="628" y="10993"/>
                  </a:cubicBezTo>
                  <a:cubicBezTo>
                    <a:pt x="651" y="10910"/>
                    <a:pt x="635" y="10820"/>
                    <a:pt x="632" y="10736"/>
                  </a:cubicBezTo>
                  <a:lnTo>
                    <a:pt x="609" y="10160"/>
                  </a:lnTo>
                  <a:cubicBezTo>
                    <a:pt x="595" y="9794"/>
                    <a:pt x="581" y="9430"/>
                    <a:pt x="574" y="9064"/>
                  </a:cubicBezTo>
                  <a:lnTo>
                    <a:pt x="542" y="6933"/>
                  </a:lnTo>
                  <a:cubicBezTo>
                    <a:pt x="530" y="6201"/>
                    <a:pt x="503" y="5471"/>
                    <a:pt x="484" y="4741"/>
                  </a:cubicBezTo>
                  <a:cubicBezTo>
                    <a:pt x="463" y="4021"/>
                    <a:pt x="475" y="3301"/>
                    <a:pt x="470" y="2580"/>
                  </a:cubicBezTo>
                  <a:lnTo>
                    <a:pt x="459" y="129"/>
                  </a:lnTo>
                  <a:cubicBezTo>
                    <a:pt x="459" y="44"/>
                    <a:pt x="391" y="1"/>
                    <a:pt x="32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5" name="Google Shape;255;p14"/>
            <p:cNvSpPr/>
            <p:nvPr/>
          </p:nvSpPr>
          <p:spPr>
            <a:xfrm>
              <a:off x="6189025" y="4240975"/>
              <a:ext cx="25500" cy="344350"/>
            </a:xfrm>
            <a:custGeom>
              <a:avLst/>
              <a:gdLst/>
              <a:ahLst/>
              <a:cxnLst/>
              <a:rect l="l" t="t" r="r" b="b"/>
              <a:pathLst>
                <a:path w="1020" h="13774" extrusionOk="0">
                  <a:moveTo>
                    <a:pt x="508" y="0"/>
                  </a:moveTo>
                  <a:cubicBezTo>
                    <a:pt x="428" y="0"/>
                    <a:pt x="348" y="53"/>
                    <a:pt x="347" y="157"/>
                  </a:cubicBezTo>
                  <a:cubicBezTo>
                    <a:pt x="308" y="3567"/>
                    <a:pt x="294" y="6983"/>
                    <a:pt x="155" y="10391"/>
                  </a:cubicBezTo>
                  <a:cubicBezTo>
                    <a:pt x="118" y="11354"/>
                    <a:pt x="92" y="12320"/>
                    <a:pt x="18" y="13282"/>
                  </a:cubicBezTo>
                  <a:cubicBezTo>
                    <a:pt x="0" y="13534"/>
                    <a:pt x="250" y="13773"/>
                    <a:pt x="496" y="13773"/>
                  </a:cubicBezTo>
                  <a:cubicBezTo>
                    <a:pt x="500" y="13773"/>
                    <a:pt x="505" y="13773"/>
                    <a:pt x="509" y="13773"/>
                  </a:cubicBezTo>
                  <a:cubicBezTo>
                    <a:pt x="760" y="13761"/>
                    <a:pt x="1019" y="13555"/>
                    <a:pt x="998" y="13282"/>
                  </a:cubicBezTo>
                  <a:cubicBezTo>
                    <a:pt x="864" y="11572"/>
                    <a:pt x="841" y="9851"/>
                    <a:pt x="799" y="8137"/>
                  </a:cubicBezTo>
                  <a:cubicBezTo>
                    <a:pt x="757" y="6439"/>
                    <a:pt x="725" y="4743"/>
                    <a:pt x="704" y="3048"/>
                  </a:cubicBezTo>
                  <a:lnTo>
                    <a:pt x="669" y="157"/>
                  </a:lnTo>
                  <a:cubicBezTo>
                    <a:pt x="668" y="53"/>
                    <a:pt x="588" y="0"/>
                    <a:pt x="508"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6" name="Google Shape;256;p14"/>
            <p:cNvSpPr/>
            <p:nvPr/>
          </p:nvSpPr>
          <p:spPr>
            <a:xfrm>
              <a:off x="6328275" y="4419275"/>
              <a:ext cx="29350" cy="37875"/>
            </a:xfrm>
            <a:custGeom>
              <a:avLst/>
              <a:gdLst/>
              <a:ahLst/>
              <a:cxnLst/>
              <a:rect l="l" t="t" r="r" b="b"/>
              <a:pathLst>
                <a:path w="1174" h="1515" extrusionOk="0">
                  <a:moveTo>
                    <a:pt x="910" y="0"/>
                  </a:moveTo>
                  <a:cubicBezTo>
                    <a:pt x="844" y="0"/>
                    <a:pt x="778" y="21"/>
                    <a:pt x="728" y="64"/>
                  </a:cubicBezTo>
                  <a:cubicBezTo>
                    <a:pt x="663" y="124"/>
                    <a:pt x="603" y="186"/>
                    <a:pt x="546" y="253"/>
                  </a:cubicBezTo>
                  <a:lnTo>
                    <a:pt x="546" y="253"/>
                  </a:lnTo>
                  <a:cubicBezTo>
                    <a:pt x="331" y="374"/>
                    <a:pt x="225" y="669"/>
                    <a:pt x="112" y="873"/>
                  </a:cubicBezTo>
                  <a:cubicBezTo>
                    <a:pt x="1" y="1077"/>
                    <a:pt x="63" y="1341"/>
                    <a:pt x="267" y="1459"/>
                  </a:cubicBezTo>
                  <a:cubicBezTo>
                    <a:pt x="330" y="1496"/>
                    <a:pt x="406" y="1515"/>
                    <a:pt x="484" y="1515"/>
                  </a:cubicBezTo>
                  <a:cubicBezTo>
                    <a:pt x="634" y="1515"/>
                    <a:pt x="789" y="1445"/>
                    <a:pt x="853" y="1306"/>
                  </a:cubicBezTo>
                  <a:lnTo>
                    <a:pt x="1027" y="924"/>
                  </a:lnTo>
                  <a:cubicBezTo>
                    <a:pt x="1089" y="791"/>
                    <a:pt x="1124" y="680"/>
                    <a:pt x="1112" y="558"/>
                  </a:cubicBezTo>
                  <a:lnTo>
                    <a:pt x="1112" y="558"/>
                  </a:lnTo>
                  <a:cubicBezTo>
                    <a:pt x="1135" y="455"/>
                    <a:pt x="1150" y="349"/>
                    <a:pt x="1159" y="243"/>
                  </a:cubicBezTo>
                  <a:cubicBezTo>
                    <a:pt x="1173" y="86"/>
                    <a:pt x="1042" y="0"/>
                    <a:pt x="910" y="0"/>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7" name="Google Shape;257;p14"/>
            <p:cNvSpPr/>
            <p:nvPr/>
          </p:nvSpPr>
          <p:spPr>
            <a:xfrm>
              <a:off x="6086050" y="4482425"/>
              <a:ext cx="19700" cy="25925"/>
            </a:xfrm>
            <a:custGeom>
              <a:avLst/>
              <a:gdLst/>
              <a:ahLst/>
              <a:cxnLst/>
              <a:rect l="l" t="t" r="r" b="b"/>
              <a:pathLst>
                <a:path w="788" h="1037" extrusionOk="0">
                  <a:moveTo>
                    <a:pt x="404" y="1"/>
                  </a:moveTo>
                  <a:cubicBezTo>
                    <a:pt x="401" y="1"/>
                    <a:pt x="397" y="1"/>
                    <a:pt x="394" y="1"/>
                  </a:cubicBezTo>
                  <a:cubicBezTo>
                    <a:pt x="56" y="17"/>
                    <a:pt x="44" y="409"/>
                    <a:pt x="19" y="661"/>
                  </a:cubicBezTo>
                  <a:cubicBezTo>
                    <a:pt x="1" y="852"/>
                    <a:pt x="197" y="1036"/>
                    <a:pt x="384" y="1036"/>
                  </a:cubicBezTo>
                  <a:cubicBezTo>
                    <a:pt x="387" y="1036"/>
                    <a:pt x="391" y="1036"/>
                    <a:pt x="394" y="1036"/>
                  </a:cubicBezTo>
                  <a:cubicBezTo>
                    <a:pt x="582" y="1027"/>
                    <a:pt x="788" y="870"/>
                    <a:pt x="769" y="661"/>
                  </a:cubicBezTo>
                  <a:cubicBezTo>
                    <a:pt x="758" y="545"/>
                    <a:pt x="753" y="422"/>
                    <a:pt x="725" y="309"/>
                  </a:cubicBezTo>
                  <a:cubicBezTo>
                    <a:pt x="689" y="166"/>
                    <a:pt x="570" y="1"/>
                    <a:pt x="404"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58" name="Google Shape;258;p14"/>
            <p:cNvSpPr/>
            <p:nvPr/>
          </p:nvSpPr>
          <p:spPr>
            <a:xfrm>
              <a:off x="6276175" y="4711175"/>
              <a:ext cx="20525" cy="26450"/>
            </a:xfrm>
            <a:custGeom>
              <a:avLst/>
              <a:gdLst/>
              <a:ahLst/>
              <a:cxnLst/>
              <a:rect l="l" t="t" r="r" b="b"/>
              <a:pathLst>
                <a:path w="821" h="1058" extrusionOk="0">
                  <a:moveTo>
                    <a:pt x="410" y="1"/>
                  </a:moveTo>
                  <a:cubicBezTo>
                    <a:pt x="308" y="1"/>
                    <a:pt x="205" y="40"/>
                    <a:pt x="127" y="119"/>
                  </a:cubicBezTo>
                  <a:cubicBezTo>
                    <a:pt x="16" y="228"/>
                    <a:pt x="0" y="362"/>
                    <a:pt x="23" y="508"/>
                  </a:cubicBezTo>
                  <a:lnTo>
                    <a:pt x="23" y="510"/>
                  </a:lnTo>
                  <a:cubicBezTo>
                    <a:pt x="33" y="598"/>
                    <a:pt x="51" y="686"/>
                    <a:pt x="81" y="770"/>
                  </a:cubicBezTo>
                  <a:cubicBezTo>
                    <a:pt x="133" y="903"/>
                    <a:pt x="235" y="1057"/>
                    <a:pt x="396" y="1057"/>
                  </a:cubicBezTo>
                  <a:cubicBezTo>
                    <a:pt x="401" y="1057"/>
                    <a:pt x="405" y="1057"/>
                    <a:pt x="410" y="1057"/>
                  </a:cubicBezTo>
                  <a:cubicBezTo>
                    <a:pt x="695" y="1046"/>
                    <a:pt x="762" y="735"/>
                    <a:pt x="797" y="508"/>
                  </a:cubicBezTo>
                  <a:cubicBezTo>
                    <a:pt x="820" y="369"/>
                    <a:pt x="809" y="223"/>
                    <a:pt x="695" y="119"/>
                  </a:cubicBezTo>
                  <a:cubicBezTo>
                    <a:pt x="616" y="40"/>
                    <a:pt x="513" y="1"/>
                    <a:pt x="410" y="1"/>
                  </a:cubicBez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259" name="Google Shape;259;p14"/>
          <p:cNvSpPr/>
          <p:nvPr/>
        </p:nvSpPr>
        <p:spPr>
          <a:xfrm rot="2075087" flipH="1">
            <a:off x="7556359" y="-188188"/>
            <a:ext cx="1745093" cy="1096156"/>
          </a:xfrm>
          <a:custGeom>
            <a:avLst/>
            <a:gdLst/>
            <a:ahLst/>
            <a:cxnLst/>
            <a:rect l="l" t="t" r="r" b="b"/>
            <a:pathLst>
              <a:path w="19417" h="12197" fill="none" extrusionOk="0">
                <a:moveTo>
                  <a:pt x="17936" y="4902"/>
                </a:moveTo>
                <a:cubicBezTo>
                  <a:pt x="19037" y="5896"/>
                  <a:pt x="19417" y="7605"/>
                  <a:pt x="18842" y="8972"/>
                </a:cubicBezTo>
                <a:cubicBezTo>
                  <a:pt x="18265" y="10337"/>
                  <a:pt x="16776" y="11258"/>
                  <a:pt x="15298" y="11166"/>
                </a:cubicBezTo>
                <a:cubicBezTo>
                  <a:pt x="13987" y="11082"/>
                  <a:pt x="12838" y="10304"/>
                  <a:pt x="11765" y="9551"/>
                </a:cubicBezTo>
                <a:cubicBezTo>
                  <a:pt x="10691" y="8796"/>
                  <a:pt x="9546" y="8013"/>
                  <a:pt x="8237" y="7920"/>
                </a:cubicBezTo>
                <a:cubicBezTo>
                  <a:pt x="6929" y="7826"/>
                  <a:pt x="5453" y="8731"/>
                  <a:pt x="5439" y="10042"/>
                </a:cubicBezTo>
                <a:cubicBezTo>
                  <a:pt x="5425" y="11247"/>
                  <a:pt x="6741" y="12197"/>
                  <a:pt x="7934" y="12021"/>
                </a:cubicBezTo>
                <a:cubicBezTo>
                  <a:pt x="9127" y="11842"/>
                  <a:pt x="10058" y="10777"/>
                  <a:pt x="10336" y="9602"/>
                </a:cubicBezTo>
                <a:cubicBezTo>
                  <a:pt x="10616" y="8430"/>
                  <a:pt x="10341" y="7184"/>
                  <a:pt x="9852" y="6081"/>
                </a:cubicBezTo>
                <a:cubicBezTo>
                  <a:pt x="8214" y="2384"/>
                  <a:pt x="4015" y="1"/>
                  <a:pt x="0" y="494"/>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60" name="Google Shape;260;p14"/>
          <p:cNvSpPr txBox="1">
            <a:spLocks noGrp="1"/>
          </p:cNvSpPr>
          <p:nvPr>
            <p:ph type="title"/>
          </p:nvPr>
        </p:nvSpPr>
        <p:spPr>
          <a:xfrm>
            <a:off x="2626500" y="3034050"/>
            <a:ext cx="3891000" cy="39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000"/>
              <a:buNone/>
              <a:defRPr sz="2300"/>
            </a:lvl1pPr>
            <a:lvl2pPr lvl="1" algn="ctr" rtl="0">
              <a:spcBef>
                <a:spcPts val="0"/>
              </a:spcBef>
              <a:spcAft>
                <a:spcPts val="0"/>
              </a:spcAft>
              <a:buSzPts val="3000"/>
              <a:buNone/>
              <a:defRPr sz="3000"/>
            </a:lvl2pPr>
            <a:lvl3pPr lvl="2" algn="ctr" rtl="0">
              <a:spcBef>
                <a:spcPts val="0"/>
              </a:spcBef>
              <a:spcAft>
                <a:spcPts val="0"/>
              </a:spcAft>
              <a:buSzPts val="3000"/>
              <a:buNone/>
              <a:defRPr sz="3000"/>
            </a:lvl3pPr>
            <a:lvl4pPr lvl="3" algn="ctr" rtl="0">
              <a:spcBef>
                <a:spcPts val="0"/>
              </a:spcBef>
              <a:spcAft>
                <a:spcPts val="0"/>
              </a:spcAft>
              <a:buSzPts val="3000"/>
              <a:buNone/>
              <a:defRPr sz="3000"/>
            </a:lvl4pPr>
            <a:lvl5pPr lvl="4" algn="ctr" rtl="0">
              <a:spcBef>
                <a:spcPts val="0"/>
              </a:spcBef>
              <a:spcAft>
                <a:spcPts val="0"/>
              </a:spcAft>
              <a:buSzPts val="3000"/>
              <a:buNone/>
              <a:defRPr sz="3000"/>
            </a:lvl5pPr>
            <a:lvl6pPr lvl="5" algn="ctr" rtl="0">
              <a:spcBef>
                <a:spcPts val="0"/>
              </a:spcBef>
              <a:spcAft>
                <a:spcPts val="0"/>
              </a:spcAft>
              <a:buSzPts val="3000"/>
              <a:buNone/>
              <a:defRPr sz="3000"/>
            </a:lvl6pPr>
            <a:lvl7pPr lvl="6" algn="ctr" rtl="0">
              <a:spcBef>
                <a:spcPts val="0"/>
              </a:spcBef>
              <a:spcAft>
                <a:spcPts val="0"/>
              </a:spcAft>
              <a:buSzPts val="3000"/>
              <a:buNone/>
              <a:defRPr sz="3000"/>
            </a:lvl7pPr>
            <a:lvl8pPr lvl="7" algn="ctr" rtl="0">
              <a:spcBef>
                <a:spcPts val="0"/>
              </a:spcBef>
              <a:spcAft>
                <a:spcPts val="0"/>
              </a:spcAft>
              <a:buSzPts val="3000"/>
              <a:buNone/>
              <a:defRPr sz="3000"/>
            </a:lvl8pPr>
            <a:lvl9pPr lvl="8" algn="ctr" rtl="0">
              <a:spcBef>
                <a:spcPts val="0"/>
              </a:spcBef>
              <a:spcAft>
                <a:spcPts val="0"/>
              </a:spcAft>
              <a:buSzPts val="3000"/>
              <a:buNone/>
              <a:defRPr sz="3000"/>
            </a:lvl9pPr>
          </a:lstStyle>
          <a:p>
            <a:endParaRPr/>
          </a:p>
        </p:txBody>
      </p:sp>
      <p:sp>
        <p:nvSpPr>
          <p:cNvPr id="261" name="Google Shape;261;p14"/>
          <p:cNvSpPr txBox="1">
            <a:spLocks noGrp="1"/>
          </p:cNvSpPr>
          <p:nvPr>
            <p:ph type="subTitle" idx="1"/>
          </p:nvPr>
        </p:nvSpPr>
        <p:spPr>
          <a:xfrm>
            <a:off x="1458150" y="1487250"/>
            <a:ext cx="6227700" cy="14994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2500"/>
              <a:buNone/>
              <a:defRPr sz="2500"/>
            </a:lvl1pPr>
            <a:lvl2pPr lvl="1" algn="ctr" rtl="0">
              <a:lnSpc>
                <a:spcPct val="100000"/>
              </a:lnSpc>
              <a:spcBef>
                <a:spcPts val="0"/>
              </a:spcBef>
              <a:spcAft>
                <a:spcPts val="0"/>
              </a:spcAft>
              <a:buSzPts val="2500"/>
              <a:buNone/>
              <a:defRPr sz="2500"/>
            </a:lvl2pPr>
            <a:lvl3pPr lvl="2" algn="ctr" rtl="0">
              <a:lnSpc>
                <a:spcPct val="100000"/>
              </a:lnSpc>
              <a:spcBef>
                <a:spcPts val="0"/>
              </a:spcBef>
              <a:spcAft>
                <a:spcPts val="0"/>
              </a:spcAft>
              <a:buSzPts val="2500"/>
              <a:buNone/>
              <a:defRPr sz="2500"/>
            </a:lvl3pPr>
            <a:lvl4pPr lvl="3" algn="ctr" rtl="0">
              <a:lnSpc>
                <a:spcPct val="100000"/>
              </a:lnSpc>
              <a:spcBef>
                <a:spcPts val="0"/>
              </a:spcBef>
              <a:spcAft>
                <a:spcPts val="0"/>
              </a:spcAft>
              <a:buSzPts val="2500"/>
              <a:buNone/>
              <a:defRPr sz="2500"/>
            </a:lvl4pPr>
            <a:lvl5pPr lvl="4" algn="ctr" rtl="0">
              <a:lnSpc>
                <a:spcPct val="100000"/>
              </a:lnSpc>
              <a:spcBef>
                <a:spcPts val="0"/>
              </a:spcBef>
              <a:spcAft>
                <a:spcPts val="0"/>
              </a:spcAft>
              <a:buSzPts val="2500"/>
              <a:buNone/>
              <a:defRPr sz="2500"/>
            </a:lvl5pPr>
            <a:lvl6pPr lvl="5" algn="ctr" rtl="0">
              <a:lnSpc>
                <a:spcPct val="100000"/>
              </a:lnSpc>
              <a:spcBef>
                <a:spcPts val="0"/>
              </a:spcBef>
              <a:spcAft>
                <a:spcPts val="0"/>
              </a:spcAft>
              <a:buSzPts val="2500"/>
              <a:buNone/>
              <a:defRPr sz="2500"/>
            </a:lvl6pPr>
            <a:lvl7pPr lvl="6" algn="ctr" rtl="0">
              <a:lnSpc>
                <a:spcPct val="100000"/>
              </a:lnSpc>
              <a:spcBef>
                <a:spcPts val="0"/>
              </a:spcBef>
              <a:spcAft>
                <a:spcPts val="0"/>
              </a:spcAft>
              <a:buSzPts val="2500"/>
              <a:buNone/>
              <a:defRPr sz="2500"/>
            </a:lvl7pPr>
            <a:lvl8pPr lvl="7" algn="ctr" rtl="0">
              <a:lnSpc>
                <a:spcPct val="100000"/>
              </a:lnSpc>
              <a:spcBef>
                <a:spcPts val="0"/>
              </a:spcBef>
              <a:spcAft>
                <a:spcPts val="0"/>
              </a:spcAft>
              <a:buSzPts val="2500"/>
              <a:buNone/>
              <a:defRPr sz="2500"/>
            </a:lvl8pPr>
            <a:lvl9pPr lvl="8" algn="ctr" rtl="0">
              <a:lnSpc>
                <a:spcPct val="100000"/>
              </a:lnSpc>
              <a:spcBef>
                <a:spcPts val="0"/>
              </a:spcBef>
              <a:spcAft>
                <a:spcPts val="0"/>
              </a:spcAft>
              <a:buSzPts val="2500"/>
              <a:buNone/>
              <a:defRPr sz="2500"/>
            </a:lvl9pPr>
          </a:lstStyle>
          <a:p>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theme" Target="../theme/theme1.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name="simple-light-2">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715200" y="535000"/>
            <a:ext cx="7713900" cy="482700"/>
          </a:xfrm>
          <a:prstGeom prst="rect">
            <a:avLst/>
          </a:prstGeom>
          <a:noFill/>
          <a:ln>
            <a:noFill/>
          </a:ln>
        </p:spPr>
        <p:txBody>
          <a:bodyPr spcFirstLastPara="1" wrap="square" lIns="91425" tIns="91425" rIns="91425" bIns="91425" anchor="ctr" anchorCtr="0">
            <a:noAutofit/>
          </a:bodyPr>
          <a:lstStyle>
            <a:lvl1pPr lvl="0" rtl="0">
              <a:lnSpc>
                <a:spcPct val="100000"/>
              </a:lnSpc>
              <a:spcBef>
                <a:spcPts val="0"/>
              </a:spcBef>
              <a:spcAft>
                <a:spcPts val="0"/>
              </a:spcAft>
              <a:buClr>
                <a:schemeClr val="dk1"/>
              </a:buClr>
              <a:buSzPts val="3000"/>
              <a:buFont typeface="Chivo Black"/>
              <a:buNone/>
              <a:defRPr sz="3000">
                <a:solidFill>
                  <a:schemeClr val="dk1"/>
                </a:solidFill>
                <a:latin typeface="Chivo Black"/>
                <a:ea typeface="Chivo Black"/>
                <a:cs typeface="Chivo Black"/>
                <a:sym typeface="Chivo Black"/>
              </a:defRPr>
            </a:lvl1pPr>
            <a:lvl2pPr lvl="1" rtl="0">
              <a:lnSpc>
                <a:spcPct val="100000"/>
              </a:lnSpc>
              <a:spcBef>
                <a:spcPts val="0"/>
              </a:spcBef>
              <a:spcAft>
                <a:spcPts val="0"/>
              </a:spcAft>
              <a:buClr>
                <a:schemeClr val="dk1"/>
              </a:buClr>
              <a:buSzPts val="3500"/>
              <a:buFont typeface="Chivo Black"/>
              <a:buNone/>
              <a:defRPr sz="3500">
                <a:solidFill>
                  <a:schemeClr val="dk1"/>
                </a:solidFill>
                <a:latin typeface="Chivo Black"/>
                <a:ea typeface="Chivo Black"/>
                <a:cs typeface="Chivo Black"/>
                <a:sym typeface="Chivo Black"/>
              </a:defRPr>
            </a:lvl2pPr>
            <a:lvl3pPr lvl="2" rtl="0">
              <a:lnSpc>
                <a:spcPct val="100000"/>
              </a:lnSpc>
              <a:spcBef>
                <a:spcPts val="0"/>
              </a:spcBef>
              <a:spcAft>
                <a:spcPts val="0"/>
              </a:spcAft>
              <a:buClr>
                <a:schemeClr val="dk1"/>
              </a:buClr>
              <a:buSzPts val="3500"/>
              <a:buFont typeface="Chivo Black"/>
              <a:buNone/>
              <a:defRPr sz="3500">
                <a:solidFill>
                  <a:schemeClr val="dk1"/>
                </a:solidFill>
                <a:latin typeface="Chivo Black"/>
                <a:ea typeface="Chivo Black"/>
                <a:cs typeface="Chivo Black"/>
                <a:sym typeface="Chivo Black"/>
              </a:defRPr>
            </a:lvl3pPr>
            <a:lvl4pPr lvl="3" rtl="0">
              <a:lnSpc>
                <a:spcPct val="100000"/>
              </a:lnSpc>
              <a:spcBef>
                <a:spcPts val="0"/>
              </a:spcBef>
              <a:spcAft>
                <a:spcPts val="0"/>
              </a:spcAft>
              <a:buClr>
                <a:schemeClr val="dk1"/>
              </a:buClr>
              <a:buSzPts val="3500"/>
              <a:buFont typeface="Chivo Black"/>
              <a:buNone/>
              <a:defRPr sz="3500">
                <a:solidFill>
                  <a:schemeClr val="dk1"/>
                </a:solidFill>
                <a:latin typeface="Chivo Black"/>
                <a:ea typeface="Chivo Black"/>
                <a:cs typeface="Chivo Black"/>
                <a:sym typeface="Chivo Black"/>
              </a:defRPr>
            </a:lvl4pPr>
            <a:lvl5pPr lvl="4" rtl="0">
              <a:lnSpc>
                <a:spcPct val="100000"/>
              </a:lnSpc>
              <a:spcBef>
                <a:spcPts val="0"/>
              </a:spcBef>
              <a:spcAft>
                <a:spcPts val="0"/>
              </a:spcAft>
              <a:buClr>
                <a:schemeClr val="dk1"/>
              </a:buClr>
              <a:buSzPts val="3500"/>
              <a:buFont typeface="Chivo Black"/>
              <a:buNone/>
              <a:defRPr sz="3500">
                <a:solidFill>
                  <a:schemeClr val="dk1"/>
                </a:solidFill>
                <a:latin typeface="Chivo Black"/>
                <a:ea typeface="Chivo Black"/>
                <a:cs typeface="Chivo Black"/>
                <a:sym typeface="Chivo Black"/>
              </a:defRPr>
            </a:lvl5pPr>
            <a:lvl6pPr lvl="5" rtl="0">
              <a:lnSpc>
                <a:spcPct val="100000"/>
              </a:lnSpc>
              <a:spcBef>
                <a:spcPts val="0"/>
              </a:spcBef>
              <a:spcAft>
                <a:spcPts val="0"/>
              </a:spcAft>
              <a:buClr>
                <a:schemeClr val="dk1"/>
              </a:buClr>
              <a:buSzPts val="3500"/>
              <a:buFont typeface="Chivo Black"/>
              <a:buNone/>
              <a:defRPr sz="3500">
                <a:solidFill>
                  <a:schemeClr val="dk1"/>
                </a:solidFill>
                <a:latin typeface="Chivo Black"/>
                <a:ea typeface="Chivo Black"/>
                <a:cs typeface="Chivo Black"/>
                <a:sym typeface="Chivo Black"/>
              </a:defRPr>
            </a:lvl6pPr>
            <a:lvl7pPr lvl="6" rtl="0">
              <a:lnSpc>
                <a:spcPct val="100000"/>
              </a:lnSpc>
              <a:spcBef>
                <a:spcPts val="0"/>
              </a:spcBef>
              <a:spcAft>
                <a:spcPts val="0"/>
              </a:spcAft>
              <a:buClr>
                <a:schemeClr val="dk1"/>
              </a:buClr>
              <a:buSzPts val="3500"/>
              <a:buFont typeface="Chivo Black"/>
              <a:buNone/>
              <a:defRPr sz="3500">
                <a:solidFill>
                  <a:schemeClr val="dk1"/>
                </a:solidFill>
                <a:latin typeface="Chivo Black"/>
                <a:ea typeface="Chivo Black"/>
                <a:cs typeface="Chivo Black"/>
                <a:sym typeface="Chivo Black"/>
              </a:defRPr>
            </a:lvl7pPr>
            <a:lvl8pPr lvl="7" rtl="0">
              <a:lnSpc>
                <a:spcPct val="100000"/>
              </a:lnSpc>
              <a:spcBef>
                <a:spcPts val="0"/>
              </a:spcBef>
              <a:spcAft>
                <a:spcPts val="0"/>
              </a:spcAft>
              <a:buClr>
                <a:schemeClr val="dk1"/>
              </a:buClr>
              <a:buSzPts val="3500"/>
              <a:buFont typeface="Chivo Black"/>
              <a:buNone/>
              <a:defRPr sz="3500">
                <a:solidFill>
                  <a:schemeClr val="dk1"/>
                </a:solidFill>
                <a:latin typeface="Chivo Black"/>
                <a:ea typeface="Chivo Black"/>
                <a:cs typeface="Chivo Black"/>
                <a:sym typeface="Chivo Black"/>
              </a:defRPr>
            </a:lvl8pPr>
            <a:lvl9pPr lvl="8" rtl="0">
              <a:lnSpc>
                <a:spcPct val="100000"/>
              </a:lnSpc>
              <a:spcBef>
                <a:spcPts val="0"/>
              </a:spcBef>
              <a:spcAft>
                <a:spcPts val="0"/>
              </a:spcAft>
              <a:buClr>
                <a:schemeClr val="dk1"/>
              </a:buClr>
              <a:buSzPts val="3500"/>
              <a:buFont typeface="Chivo Black"/>
              <a:buNone/>
              <a:defRPr sz="3500">
                <a:solidFill>
                  <a:schemeClr val="dk1"/>
                </a:solidFill>
                <a:latin typeface="Chivo Black"/>
                <a:ea typeface="Chivo Black"/>
                <a:cs typeface="Chivo Black"/>
                <a:sym typeface="Chivo Black"/>
              </a:defRPr>
            </a:lvl9pPr>
          </a:lstStyle>
          <a:p>
            <a:endParaRPr/>
          </a:p>
        </p:txBody>
      </p:sp>
      <p:sp>
        <p:nvSpPr>
          <p:cNvPr id="7" name="Google Shape;7;p1"/>
          <p:cNvSpPr txBox="1">
            <a:spLocks noGrp="1"/>
          </p:cNvSpPr>
          <p:nvPr>
            <p:ph type="body" idx="1"/>
          </p:nvPr>
        </p:nvSpPr>
        <p:spPr>
          <a:xfrm>
            <a:off x="715100" y="1152475"/>
            <a:ext cx="7713900" cy="3456000"/>
          </a:xfrm>
          <a:prstGeom prst="rect">
            <a:avLst/>
          </a:prstGeom>
          <a:noFill/>
          <a:ln>
            <a:noFill/>
          </a:ln>
        </p:spPr>
        <p:txBody>
          <a:bodyPr spcFirstLastPara="1" wrap="square" lIns="91425" tIns="91425" rIns="91425" bIns="91425" anchor="ctr" anchorCtr="0">
            <a:noAutofit/>
          </a:bodyPr>
          <a:lstStyle>
            <a:lvl1pPr marL="457200" lvl="0" indent="-317500">
              <a:lnSpc>
                <a:spcPct val="100000"/>
              </a:lnSpc>
              <a:spcBef>
                <a:spcPts val="0"/>
              </a:spcBef>
              <a:spcAft>
                <a:spcPts val="0"/>
              </a:spcAft>
              <a:buClr>
                <a:schemeClr val="dk2"/>
              </a:buClr>
              <a:buSzPts val="1400"/>
              <a:buFont typeface="Work Sans"/>
              <a:buChar char="●"/>
              <a:defRPr>
                <a:solidFill>
                  <a:schemeClr val="dk2"/>
                </a:solidFill>
                <a:latin typeface="Work Sans"/>
                <a:ea typeface="Work Sans"/>
                <a:cs typeface="Work Sans"/>
                <a:sym typeface="Work Sans"/>
              </a:defRPr>
            </a:lvl1pPr>
            <a:lvl2pPr marL="914400" lvl="1" indent="-317500">
              <a:lnSpc>
                <a:spcPct val="100000"/>
              </a:lnSpc>
              <a:spcBef>
                <a:spcPts val="0"/>
              </a:spcBef>
              <a:spcAft>
                <a:spcPts val="0"/>
              </a:spcAft>
              <a:buClr>
                <a:schemeClr val="dk2"/>
              </a:buClr>
              <a:buSzPts val="1400"/>
              <a:buFont typeface="Work Sans"/>
              <a:buChar char="○"/>
              <a:defRPr>
                <a:solidFill>
                  <a:schemeClr val="dk2"/>
                </a:solidFill>
                <a:latin typeface="Work Sans"/>
                <a:ea typeface="Work Sans"/>
                <a:cs typeface="Work Sans"/>
                <a:sym typeface="Work Sans"/>
              </a:defRPr>
            </a:lvl2pPr>
            <a:lvl3pPr marL="1371600" lvl="2" indent="-317500">
              <a:lnSpc>
                <a:spcPct val="100000"/>
              </a:lnSpc>
              <a:spcBef>
                <a:spcPts val="0"/>
              </a:spcBef>
              <a:spcAft>
                <a:spcPts val="0"/>
              </a:spcAft>
              <a:buClr>
                <a:schemeClr val="dk2"/>
              </a:buClr>
              <a:buSzPts val="1400"/>
              <a:buFont typeface="Work Sans"/>
              <a:buChar char="■"/>
              <a:defRPr>
                <a:solidFill>
                  <a:schemeClr val="dk2"/>
                </a:solidFill>
                <a:latin typeface="Work Sans"/>
                <a:ea typeface="Work Sans"/>
                <a:cs typeface="Work Sans"/>
                <a:sym typeface="Work Sans"/>
              </a:defRPr>
            </a:lvl3pPr>
            <a:lvl4pPr marL="1828800" lvl="3" indent="-317500">
              <a:lnSpc>
                <a:spcPct val="100000"/>
              </a:lnSpc>
              <a:spcBef>
                <a:spcPts val="0"/>
              </a:spcBef>
              <a:spcAft>
                <a:spcPts val="0"/>
              </a:spcAft>
              <a:buClr>
                <a:schemeClr val="dk2"/>
              </a:buClr>
              <a:buSzPts val="1400"/>
              <a:buFont typeface="Work Sans"/>
              <a:buChar char="●"/>
              <a:defRPr>
                <a:solidFill>
                  <a:schemeClr val="dk2"/>
                </a:solidFill>
                <a:latin typeface="Work Sans"/>
                <a:ea typeface="Work Sans"/>
                <a:cs typeface="Work Sans"/>
                <a:sym typeface="Work Sans"/>
              </a:defRPr>
            </a:lvl4pPr>
            <a:lvl5pPr marL="2286000" lvl="4" indent="-317500">
              <a:lnSpc>
                <a:spcPct val="100000"/>
              </a:lnSpc>
              <a:spcBef>
                <a:spcPts val="0"/>
              </a:spcBef>
              <a:spcAft>
                <a:spcPts val="0"/>
              </a:spcAft>
              <a:buClr>
                <a:schemeClr val="dk2"/>
              </a:buClr>
              <a:buSzPts val="1400"/>
              <a:buFont typeface="Work Sans"/>
              <a:buChar char="○"/>
              <a:defRPr>
                <a:solidFill>
                  <a:schemeClr val="dk2"/>
                </a:solidFill>
                <a:latin typeface="Work Sans"/>
                <a:ea typeface="Work Sans"/>
                <a:cs typeface="Work Sans"/>
                <a:sym typeface="Work Sans"/>
              </a:defRPr>
            </a:lvl5pPr>
            <a:lvl6pPr marL="2743200" lvl="5" indent="-317500">
              <a:lnSpc>
                <a:spcPct val="100000"/>
              </a:lnSpc>
              <a:spcBef>
                <a:spcPts val="0"/>
              </a:spcBef>
              <a:spcAft>
                <a:spcPts val="0"/>
              </a:spcAft>
              <a:buClr>
                <a:schemeClr val="dk2"/>
              </a:buClr>
              <a:buSzPts val="1400"/>
              <a:buFont typeface="Work Sans"/>
              <a:buChar char="■"/>
              <a:defRPr>
                <a:solidFill>
                  <a:schemeClr val="dk2"/>
                </a:solidFill>
                <a:latin typeface="Work Sans"/>
                <a:ea typeface="Work Sans"/>
                <a:cs typeface="Work Sans"/>
                <a:sym typeface="Work Sans"/>
              </a:defRPr>
            </a:lvl6pPr>
            <a:lvl7pPr marL="3200400" lvl="6" indent="-317500">
              <a:lnSpc>
                <a:spcPct val="100000"/>
              </a:lnSpc>
              <a:spcBef>
                <a:spcPts val="0"/>
              </a:spcBef>
              <a:spcAft>
                <a:spcPts val="0"/>
              </a:spcAft>
              <a:buClr>
                <a:schemeClr val="dk2"/>
              </a:buClr>
              <a:buSzPts val="1400"/>
              <a:buFont typeface="Work Sans"/>
              <a:buChar char="●"/>
              <a:defRPr>
                <a:solidFill>
                  <a:schemeClr val="dk2"/>
                </a:solidFill>
                <a:latin typeface="Work Sans"/>
                <a:ea typeface="Work Sans"/>
                <a:cs typeface="Work Sans"/>
                <a:sym typeface="Work Sans"/>
              </a:defRPr>
            </a:lvl7pPr>
            <a:lvl8pPr marL="3657600" lvl="7" indent="-317500">
              <a:lnSpc>
                <a:spcPct val="100000"/>
              </a:lnSpc>
              <a:spcBef>
                <a:spcPts val="0"/>
              </a:spcBef>
              <a:spcAft>
                <a:spcPts val="0"/>
              </a:spcAft>
              <a:buClr>
                <a:schemeClr val="dk2"/>
              </a:buClr>
              <a:buSzPts val="1400"/>
              <a:buFont typeface="Work Sans"/>
              <a:buChar char="○"/>
              <a:defRPr>
                <a:solidFill>
                  <a:schemeClr val="dk2"/>
                </a:solidFill>
                <a:latin typeface="Work Sans"/>
                <a:ea typeface="Work Sans"/>
                <a:cs typeface="Work Sans"/>
                <a:sym typeface="Work Sans"/>
              </a:defRPr>
            </a:lvl8pPr>
            <a:lvl9pPr marL="4114800" lvl="8" indent="-317500">
              <a:lnSpc>
                <a:spcPct val="100000"/>
              </a:lnSpc>
              <a:spcBef>
                <a:spcPts val="0"/>
              </a:spcBef>
              <a:spcAft>
                <a:spcPts val="0"/>
              </a:spcAft>
              <a:buClr>
                <a:schemeClr val="dk2"/>
              </a:buClr>
              <a:buSzPts val="1400"/>
              <a:buFont typeface="Work Sans"/>
              <a:buChar char="■"/>
              <a:defRPr>
                <a:solidFill>
                  <a:schemeClr val="dk2"/>
                </a:solidFill>
                <a:latin typeface="Work Sans"/>
                <a:ea typeface="Work Sans"/>
                <a:cs typeface="Work Sans"/>
                <a:sym typeface="Work Sans"/>
              </a:defRPr>
            </a:lvl9pPr>
          </a:lstStyle>
          <a:p>
            <a:endParaRPr/>
          </a:p>
        </p:txBody>
      </p:sp>
    </p:spTree>
  </p:cSld>
  <p:clrMap bg1="lt1" tx1="dk1" bg2="dk2" tx2="lt2" accent1="accent1" accent2="accent2" accent3="accent3" accent4="accent4" accent5="accent5" accent6="accent6" hlink="hlink" folHlink="folHlink"/>
  <p:sldLayoutIdLst>
    <p:sldLayoutId id="2147483648" r:id="rId1"/>
    <p:sldLayoutId id="2147483651" r:id="rId2"/>
    <p:sldLayoutId id="2147483652" r:id="rId3"/>
    <p:sldLayoutId id="2147483653" r:id="rId4"/>
    <p:sldLayoutId id="2147483654" r:id="rId5"/>
    <p:sldLayoutId id="2147483655" r:id="rId6"/>
    <p:sldLayoutId id="2147483656" r:id="rId7"/>
    <p:sldLayoutId id="2147483657" r:id="rId8"/>
    <p:sldLayoutId id="2147483660" r:id="rId9"/>
    <p:sldLayoutId id="2147483662" r:id="rId10"/>
    <p:sldLayoutId id="2147483663" r:id="rId11"/>
    <p:sldLayoutId id="2147483665" r:id="rId12"/>
    <p:sldLayoutId id="2147483668" r:id="rId13"/>
    <p:sldLayoutId id="2147483669" r:id="rId14"/>
    <p:sldLayoutId id="2147483670" r:id="rId15"/>
    <p:sldLayoutId id="2147483674" r:id="rId16"/>
    <p:sldLayoutId id="2147483676" r:id="rId17"/>
    <p:sldLayoutId id="2147483679" r:id="rId18"/>
    <p:sldLayoutId id="2147483684" r:id="rId19"/>
  </p:sldLayoutIdLst>
  <p:hf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audio" Target="../media/media1.mp3"/><Relationship Id="rId7" Type="http://schemas.openxmlformats.org/officeDocument/2006/relationships/image" Target="../media/image1.png"/><Relationship Id="rId2" Type="http://schemas.microsoft.com/office/2007/relationships/media" Target="../media/media1.mp3"/><Relationship Id="rId1" Type="http://schemas.openxmlformats.org/officeDocument/2006/relationships/tags" Target="../tags/tag2.xml"/><Relationship Id="rId6" Type="http://schemas.openxmlformats.org/officeDocument/2006/relationships/slide" Target="slide2.xml"/><Relationship Id="rId11" Type="http://schemas.microsoft.com/office/2007/relationships/hdphoto" Target="../media/hdphoto2.wdp"/><Relationship Id="rId5" Type="http://schemas.openxmlformats.org/officeDocument/2006/relationships/notesSlide" Target="../notesSlides/notesSlide1.xml"/><Relationship Id="rId10" Type="http://schemas.openxmlformats.org/officeDocument/2006/relationships/image" Target="../media/image3.png"/><Relationship Id="rId4" Type="http://schemas.openxmlformats.org/officeDocument/2006/relationships/slideLayout" Target="../slideLayouts/slideLayout19.xml"/><Relationship Id="rId9" Type="http://schemas.microsoft.com/office/2007/relationships/hdphoto" Target="../media/hdphoto1.wdp"/></Relationships>
</file>

<file path=ppt/slides/_rels/slide10.xml.rels><?xml version="1.0" encoding="UTF-8" standalone="yes"?>
<Relationships xmlns="http://schemas.openxmlformats.org/package/2006/relationships"><Relationship Id="rId8" Type="http://schemas.openxmlformats.org/officeDocument/2006/relationships/slide" Target="slide13.xml"/><Relationship Id="rId13" Type="http://schemas.openxmlformats.org/officeDocument/2006/relationships/slide" Target="slide2.xml"/><Relationship Id="rId3" Type="http://schemas.openxmlformats.org/officeDocument/2006/relationships/notesSlide" Target="../notesSlides/notesSlide10.xml"/><Relationship Id="rId7" Type="http://schemas.openxmlformats.org/officeDocument/2006/relationships/slide" Target="slide9.xml"/><Relationship Id="rId12" Type="http://schemas.openxmlformats.org/officeDocument/2006/relationships/image" Target="../media/image10.png"/><Relationship Id="rId2" Type="http://schemas.openxmlformats.org/officeDocument/2006/relationships/slideLayout" Target="../slideLayouts/slideLayout16.xml"/><Relationship Id="rId1" Type="http://schemas.openxmlformats.org/officeDocument/2006/relationships/tags" Target="../tags/tag12.xml"/><Relationship Id="rId6" Type="http://schemas.openxmlformats.org/officeDocument/2006/relationships/slide" Target="slide11.xml"/><Relationship Id="rId11" Type="http://schemas.openxmlformats.org/officeDocument/2006/relationships/slide" Target="slide12.xml"/><Relationship Id="rId5" Type="http://schemas.microsoft.com/office/2007/relationships/hdphoto" Target="../media/hdphoto4.wdp"/><Relationship Id="rId10" Type="http://schemas.openxmlformats.org/officeDocument/2006/relationships/image" Target="../media/image9.png"/><Relationship Id="rId4" Type="http://schemas.openxmlformats.org/officeDocument/2006/relationships/image" Target="../media/image5.png"/><Relationship Id="rId9" Type="http://schemas.openxmlformats.org/officeDocument/2006/relationships/image" Target="../media/image8.png"/></Relationships>
</file>

<file path=ppt/slides/_rels/slide11.xml.rels><?xml version="1.0" encoding="UTF-8" standalone="yes"?>
<Relationships xmlns="http://schemas.openxmlformats.org/package/2006/relationships"><Relationship Id="rId8" Type="http://schemas.openxmlformats.org/officeDocument/2006/relationships/slide" Target="slide10.xml"/><Relationship Id="rId3" Type="http://schemas.openxmlformats.org/officeDocument/2006/relationships/notesSlide" Target="../notesSlides/notesSlide11.xml"/><Relationship Id="rId7" Type="http://schemas.openxmlformats.org/officeDocument/2006/relationships/slide" Target="slide12.xml"/><Relationship Id="rId2" Type="http://schemas.openxmlformats.org/officeDocument/2006/relationships/slideLayout" Target="../slideLayouts/slideLayout4.xml"/><Relationship Id="rId1" Type="http://schemas.openxmlformats.org/officeDocument/2006/relationships/tags" Target="../tags/tag13.xml"/><Relationship Id="rId6" Type="http://schemas.openxmlformats.org/officeDocument/2006/relationships/image" Target="../media/image11.jpg"/><Relationship Id="rId5" Type="http://schemas.microsoft.com/office/2007/relationships/hdphoto" Target="../media/hdphoto4.wdp"/><Relationship Id="rId10" Type="http://schemas.openxmlformats.org/officeDocument/2006/relationships/slide" Target="slide2.xml"/><Relationship Id="rId4" Type="http://schemas.openxmlformats.org/officeDocument/2006/relationships/image" Target="../media/image5.png"/><Relationship Id="rId9" Type="http://schemas.openxmlformats.org/officeDocument/2006/relationships/image" Target="../media/image12.png"/></Relationships>
</file>

<file path=ppt/slides/_rels/slide12.xml.rels><?xml version="1.0" encoding="UTF-8" standalone="yes"?>
<Relationships xmlns="http://schemas.openxmlformats.org/package/2006/relationships"><Relationship Id="rId8" Type="http://schemas.openxmlformats.org/officeDocument/2006/relationships/slide" Target="slide11.xml"/><Relationship Id="rId3" Type="http://schemas.openxmlformats.org/officeDocument/2006/relationships/notesSlide" Target="../notesSlides/notesSlide12.xml"/><Relationship Id="rId7" Type="http://schemas.openxmlformats.org/officeDocument/2006/relationships/slide" Target="slide13.xml"/><Relationship Id="rId2" Type="http://schemas.openxmlformats.org/officeDocument/2006/relationships/slideLayout" Target="../slideLayouts/slideLayout4.xml"/><Relationship Id="rId1" Type="http://schemas.openxmlformats.org/officeDocument/2006/relationships/tags" Target="../tags/tag14.xml"/><Relationship Id="rId6" Type="http://schemas.openxmlformats.org/officeDocument/2006/relationships/image" Target="../media/image13.jpg"/><Relationship Id="rId11" Type="http://schemas.openxmlformats.org/officeDocument/2006/relationships/slide" Target="slide2.xml"/><Relationship Id="rId5" Type="http://schemas.microsoft.com/office/2007/relationships/hdphoto" Target="../media/hdphoto5.wdp"/><Relationship Id="rId10" Type="http://schemas.openxmlformats.org/officeDocument/2006/relationships/image" Target="../media/image14.png"/><Relationship Id="rId4" Type="http://schemas.openxmlformats.org/officeDocument/2006/relationships/image" Target="../media/image6.png"/><Relationship Id="rId9" Type="http://schemas.openxmlformats.org/officeDocument/2006/relationships/slide" Target="slide10.xml"/></Relationships>
</file>

<file path=ppt/slides/_rels/slide13.xml.rels><?xml version="1.0" encoding="UTF-8" standalone="yes"?>
<Relationships xmlns="http://schemas.openxmlformats.org/package/2006/relationships"><Relationship Id="rId8" Type="http://schemas.openxmlformats.org/officeDocument/2006/relationships/slide" Target="slide12.xml"/><Relationship Id="rId3" Type="http://schemas.openxmlformats.org/officeDocument/2006/relationships/notesSlide" Target="../notesSlides/notesSlide13.xml"/><Relationship Id="rId7" Type="http://schemas.openxmlformats.org/officeDocument/2006/relationships/slide" Target="slide14.xml"/><Relationship Id="rId2" Type="http://schemas.openxmlformats.org/officeDocument/2006/relationships/slideLayout" Target="../slideLayouts/slideLayout4.xml"/><Relationship Id="rId1" Type="http://schemas.openxmlformats.org/officeDocument/2006/relationships/tags" Target="../tags/tag15.xml"/><Relationship Id="rId6" Type="http://schemas.openxmlformats.org/officeDocument/2006/relationships/image" Target="../media/image15.png"/><Relationship Id="rId5" Type="http://schemas.microsoft.com/office/2007/relationships/hdphoto" Target="../media/hdphoto5.wdp"/><Relationship Id="rId10" Type="http://schemas.openxmlformats.org/officeDocument/2006/relationships/slide" Target="slide2.xml"/><Relationship Id="rId4" Type="http://schemas.openxmlformats.org/officeDocument/2006/relationships/image" Target="../media/image6.png"/><Relationship Id="rId9" Type="http://schemas.openxmlformats.org/officeDocument/2006/relationships/image" Target="../media/image16.png"/></Relationships>
</file>

<file path=ppt/slides/_rels/slide14.xml.rels><?xml version="1.0" encoding="UTF-8" standalone="yes"?>
<Relationships xmlns="http://schemas.openxmlformats.org/package/2006/relationships"><Relationship Id="rId8" Type="http://schemas.openxmlformats.org/officeDocument/2006/relationships/image" Target="../media/image17.png"/><Relationship Id="rId13" Type="http://schemas.openxmlformats.org/officeDocument/2006/relationships/slide" Target="slide2.xml"/><Relationship Id="rId3" Type="http://schemas.openxmlformats.org/officeDocument/2006/relationships/notesSlide" Target="../notesSlides/notesSlide14.xml"/><Relationship Id="rId7" Type="http://schemas.openxmlformats.org/officeDocument/2006/relationships/slide" Target="slide13.xml"/><Relationship Id="rId12" Type="http://schemas.openxmlformats.org/officeDocument/2006/relationships/image" Target="../media/image19.png"/><Relationship Id="rId2" Type="http://schemas.openxmlformats.org/officeDocument/2006/relationships/slideLayout" Target="../slideLayouts/slideLayout14.xml"/><Relationship Id="rId1" Type="http://schemas.openxmlformats.org/officeDocument/2006/relationships/tags" Target="../tags/tag16.xml"/><Relationship Id="rId6" Type="http://schemas.openxmlformats.org/officeDocument/2006/relationships/slide" Target="slide15.xml"/><Relationship Id="rId11" Type="http://schemas.openxmlformats.org/officeDocument/2006/relationships/slide" Target="slide17.xml"/><Relationship Id="rId5" Type="http://schemas.microsoft.com/office/2007/relationships/hdphoto" Target="../media/hdphoto4.wdp"/><Relationship Id="rId10" Type="http://schemas.openxmlformats.org/officeDocument/2006/relationships/image" Target="../media/image18.png"/><Relationship Id="rId4" Type="http://schemas.openxmlformats.org/officeDocument/2006/relationships/image" Target="../media/image5.png"/><Relationship Id="rId9" Type="http://schemas.openxmlformats.org/officeDocument/2006/relationships/slide" Target="slide16.xml"/></Relationships>
</file>

<file path=ppt/slides/_rels/slide15.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15.xml"/><Relationship Id="rId7" Type="http://schemas.openxmlformats.org/officeDocument/2006/relationships/slide" Target="slide14.xml"/><Relationship Id="rId2" Type="http://schemas.openxmlformats.org/officeDocument/2006/relationships/slideLayout" Target="../slideLayouts/slideLayout15.xml"/><Relationship Id="rId1" Type="http://schemas.openxmlformats.org/officeDocument/2006/relationships/tags" Target="../tags/tag17.xml"/><Relationship Id="rId6" Type="http://schemas.openxmlformats.org/officeDocument/2006/relationships/slide" Target="slide16.xml"/><Relationship Id="rId5" Type="http://schemas.microsoft.com/office/2007/relationships/hdphoto" Target="../media/hdphoto5.wdp"/><Relationship Id="rId4" Type="http://schemas.openxmlformats.org/officeDocument/2006/relationships/image" Target="../media/image6.png"/></Relationships>
</file>

<file path=ppt/slides/_rels/slide16.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16.xml"/><Relationship Id="rId7" Type="http://schemas.openxmlformats.org/officeDocument/2006/relationships/slide" Target="slide15.xml"/><Relationship Id="rId2" Type="http://schemas.openxmlformats.org/officeDocument/2006/relationships/slideLayout" Target="../slideLayouts/slideLayout15.xml"/><Relationship Id="rId1" Type="http://schemas.openxmlformats.org/officeDocument/2006/relationships/tags" Target="../tags/tag18.xml"/><Relationship Id="rId6" Type="http://schemas.openxmlformats.org/officeDocument/2006/relationships/slide" Target="slide17.xml"/><Relationship Id="rId5" Type="http://schemas.microsoft.com/office/2007/relationships/hdphoto" Target="../media/hdphoto4.wdp"/><Relationship Id="rId4" Type="http://schemas.openxmlformats.org/officeDocument/2006/relationships/image" Target="../media/image5.png"/></Relationships>
</file>

<file path=ppt/slides/_rels/slide17.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17.xml"/><Relationship Id="rId7" Type="http://schemas.openxmlformats.org/officeDocument/2006/relationships/slide" Target="slide16.xml"/><Relationship Id="rId2" Type="http://schemas.openxmlformats.org/officeDocument/2006/relationships/slideLayout" Target="../slideLayouts/slideLayout15.xml"/><Relationship Id="rId1" Type="http://schemas.openxmlformats.org/officeDocument/2006/relationships/tags" Target="../tags/tag19.xml"/><Relationship Id="rId6" Type="http://schemas.openxmlformats.org/officeDocument/2006/relationships/slide" Target="slide18.xml"/><Relationship Id="rId5" Type="http://schemas.microsoft.com/office/2007/relationships/hdphoto" Target="../media/hdphoto5.wdp"/><Relationship Id="rId4" Type="http://schemas.openxmlformats.org/officeDocument/2006/relationships/image" Target="../media/image6.png"/></Relationships>
</file>

<file path=ppt/slides/_rels/slide18.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18.xml"/><Relationship Id="rId7" Type="http://schemas.openxmlformats.org/officeDocument/2006/relationships/slide" Target="slide17.xml"/><Relationship Id="rId2" Type="http://schemas.openxmlformats.org/officeDocument/2006/relationships/slideLayout" Target="../slideLayouts/slideLayout5.xml"/><Relationship Id="rId1" Type="http://schemas.openxmlformats.org/officeDocument/2006/relationships/tags" Target="../tags/tag20.xml"/><Relationship Id="rId6" Type="http://schemas.openxmlformats.org/officeDocument/2006/relationships/slide" Target="slide19.xml"/><Relationship Id="rId5" Type="http://schemas.microsoft.com/office/2007/relationships/hdphoto" Target="../media/hdphoto4.wdp"/><Relationship Id="rId4" Type="http://schemas.openxmlformats.org/officeDocument/2006/relationships/image" Target="../media/image5.png"/></Relationships>
</file>

<file path=ppt/slides/_rels/slide19.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19.xml"/><Relationship Id="rId7" Type="http://schemas.openxmlformats.org/officeDocument/2006/relationships/slide" Target="slide18.xml"/><Relationship Id="rId2" Type="http://schemas.openxmlformats.org/officeDocument/2006/relationships/slideLayout" Target="../slideLayouts/slideLayout17.xml"/><Relationship Id="rId1" Type="http://schemas.openxmlformats.org/officeDocument/2006/relationships/tags" Target="../tags/tag21.xml"/><Relationship Id="rId6" Type="http://schemas.openxmlformats.org/officeDocument/2006/relationships/slide" Target="slide20.xml"/><Relationship Id="rId5" Type="http://schemas.microsoft.com/office/2007/relationships/hdphoto" Target="../media/hdphoto5.wdp"/><Relationship Id="rId4" Type="http://schemas.openxmlformats.org/officeDocument/2006/relationships/image" Target="../media/image6.png"/></Relationships>
</file>

<file path=ppt/slides/_rels/slide2.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2.xml"/><Relationship Id="rId7" Type="http://schemas.openxmlformats.org/officeDocument/2006/relationships/slide" Target="slide1.xml"/><Relationship Id="rId2" Type="http://schemas.openxmlformats.org/officeDocument/2006/relationships/slideLayout" Target="../slideLayouts/slideLayout8.xml"/><Relationship Id="rId1" Type="http://schemas.openxmlformats.org/officeDocument/2006/relationships/tags" Target="../tags/tag3.xml"/><Relationship Id="rId6" Type="http://schemas.openxmlformats.org/officeDocument/2006/relationships/slide" Target="slide3.xml"/><Relationship Id="rId5" Type="http://schemas.openxmlformats.org/officeDocument/2006/relationships/slide" Target="slide26.xml"/><Relationship Id="rId10" Type="http://schemas.microsoft.com/office/2007/relationships/hdphoto" Target="../media/hdphoto3.wdp"/><Relationship Id="rId4" Type="http://schemas.openxmlformats.org/officeDocument/2006/relationships/slide" Target="slide4.xml"/><Relationship Id="rId9" Type="http://schemas.openxmlformats.org/officeDocument/2006/relationships/image" Target="../media/image4.png"/></Relationships>
</file>

<file path=ppt/slides/_rels/slide20.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20.xml"/><Relationship Id="rId7" Type="http://schemas.openxmlformats.org/officeDocument/2006/relationships/slide" Target="slide19.xml"/><Relationship Id="rId2" Type="http://schemas.openxmlformats.org/officeDocument/2006/relationships/slideLayout" Target="../slideLayouts/slideLayout4.xml"/><Relationship Id="rId1" Type="http://schemas.openxmlformats.org/officeDocument/2006/relationships/tags" Target="../tags/tag22.xml"/><Relationship Id="rId6" Type="http://schemas.openxmlformats.org/officeDocument/2006/relationships/slide" Target="slide21.xml"/><Relationship Id="rId5" Type="http://schemas.microsoft.com/office/2007/relationships/hdphoto" Target="../media/hdphoto4.wdp"/><Relationship Id="rId4" Type="http://schemas.openxmlformats.org/officeDocument/2006/relationships/image" Target="../media/image5.png"/></Relationships>
</file>

<file path=ppt/slides/_rels/slide21.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21.xml"/><Relationship Id="rId7" Type="http://schemas.openxmlformats.org/officeDocument/2006/relationships/slide" Target="slide20.xml"/><Relationship Id="rId2" Type="http://schemas.openxmlformats.org/officeDocument/2006/relationships/slideLayout" Target="../slideLayouts/slideLayout8.xml"/><Relationship Id="rId1" Type="http://schemas.openxmlformats.org/officeDocument/2006/relationships/tags" Target="../tags/tag23.xml"/><Relationship Id="rId6" Type="http://schemas.openxmlformats.org/officeDocument/2006/relationships/slide" Target="slide22.xml"/><Relationship Id="rId5" Type="http://schemas.microsoft.com/office/2007/relationships/hdphoto" Target="../media/hdphoto5.wdp"/><Relationship Id="rId4" Type="http://schemas.openxmlformats.org/officeDocument/2006/relationships/image" Target="../media/image6.png"/></Relationships>
</file>

<file path=ppt/slides/_rels/slide22.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22.xml"/><Relationship Id="rId7" Type="http://schemas.openxmlformats.org/officeDocument/2006/relationships/slide" Target="slide21.xml"/><Relationship Id="rId2" Type="http://schemas.openxmlformats.org/officeDocument/2006/relationships/slideLayout" Target="../slideLayouts/slideLayout8.xml"/><Relationship Id="rId1" Type="http://schemas.openxmlformats.org/officeDocument/2006/relationships/tags" Target="../tags/tag24.xml"/><Relationship Id="rId6" Type="http://schemas.openxmlformats.org/officeDocument/2006/relationships/slide" Target="slide23.xml"/><Relationship Id="rId5" Type="http://schemas.microsoft.com/office/2007/relationships/hdphoto" Target="../media/hdphoto4.wdp"/><Relationship Id="rId4" Type="http://schemas.openxmlformats.org/officeDocument/2006/relationships/image" Target="../media/image5.png"/></Relationships>
</file>

<file path=ppt/slides/_rels/slide23.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23.xml"/><Relationship Id="rId7" Type="http://schemas.openxmlformats.org/officeDocument/2006/relationships/slide" Target="slide24.xml"/><Relationship Id="rId2" Type="http://schemas.openxmlformats.org/officeDocument/2006/relationships/slideLayout" Target="../slideLayouts/slideLayout2.xml"/><Relationship Id="rId1" Type="http://schemas.openxmlformats.org/officeDocument/2006/relationships/tags" Target="../tags/tag25.xml"/><Relationship Id="rId6" Type="http://schemas.openxmlformats.org/officeDocument/2006/relationships/slide" Target="slide22.xml"/><Relationship Id="rId5" Type="http://schemas.microsoft.com/office/2007/relationships/hdphoto" Target="../media/hdphoto5.wdp"/><Relationship Id="rId4" Type="http://schemas.openxmlformats.org/officeDocument/2006/relationships/image" Target="../media/image6.png"/></Relationships>
</file>

<file path=ppt/slides/_rels/slide24.xml.rels><?xml version="1.0" encoding="UTF-8" standalone="yes"?>
<Relationships xmlns="http://schemas.openxmlformats.org/package/2006/relationships"><Relationship Id="rId8" Type="http://schemas.openxmlformats.org/officeDocument/2006/relationships/slide" Target="slide23.xml"/><Relationship Id="rId3" Type="http://schemas.openxmlformats.org/officeDocument/2006/relationships/notesSlide" Target="../notesSlides/notesSlide24.xml"/><Relationship Id="rId7" Type="http://schemas.openxmlformats.org/officeDocument/2006/relationships/slide" Target="slide25.xml"/><Relationship Id="rId2" Type="http://schemas.openxmlformats.org/officeDocument/2006/relationships/slideLayout" Target="../slideLayouts/slideLayout3.xml"/><Relationship Id="rId1" Type="http://schemas.openxmlformats.org/officeDocument/2006/relationships/tags" Target="../tags/tag26.xml"/><Relationship Id="rId6" Type="http://schemas.openxmlformats.org/officeDocument/2006/relationships/slide" Target="slide22.xml"/><Relationship Id="rId5" Type="http://schemas.microsoft.com/office/2007/relationships/hdphoto" Target="../media/hdphoto4.wdp"/><Relationship Id="rId4" Type="http://schemas.openxmlformats.org/officeDocument/2006/relationships/image" Target="../media/image5.png"/><Relationship Id="rId9" Type="http://schemas.openxmlformats.org/officeDocument/2006/relationships/slide" Target="slide2.xml"/></Relationships>
</file>

<file path=ppt/slides/_rels/slide25.xml.rels><?xml version="1.0" encoding="UTF-8" standalone="yes"?>
<Relationships xmlns="http://schemas.openxmlformats.org/package/2006/relationships"><Relationship Id="rId8" Type="http://schemas.openxmlformats.org/officeDocument/2006/relationships/image" Target="../media/image20.jpeg"/><Relationship Id="rId3" Type="http://schemas.openxmlformats.org/officeDocument/2006/relationships/tags" Target="../tags/tag28.xml"/><Relationship Id="rId7" Type="http://schemas.openxmlformats.org/officeDocument/2006/relationships/slide" Target="slide24.xml"/><Relationship Id="rId2" Type="http://schemas.openxmlformats.org/officeDocument/2006/relationships/video" Target="https://www.youtube.com/embed/VovBSLcTXMc?start=660&amp;feature=oembed" TargetMode="External"/><Relationship Id="rId1" Type="http://schemas.openxmlformats.org/officeDocument/2006/relationships/tags" Target="../tags/tag27.xml"/><Relationship Id="rId6" Type="http://schemas.openxmlformats.org/officeDocument/2006/relationships/slide" Target="slide26.xml"/><Relationship Id="rId5" Type="http://schemas.openxmlformats.org/officeDocument/2006/relationships/notesSlide" Target="../notesSlides/notesSlide25.xml"/><Relationship Id="rId4" Type="http://schemas.openxmlformats.org/officeDocument/2006/relationships/slideLayout" Target="../slideLayouts/slideLayout11.xml"/><Relationship Id="rId9" Type="http://schemas.openxmlformats.org/officeDocument/2006/relationships/slide" Target="slide2.xml"/></Relationships>
</file>

<file path=ppt/slides/_rels/slide26.xml.rels><?xml version="1.0" encoding="UTF-8" standalone="yes"?>
<Relationships xmlns="http://schemas.openxmlformats.org/package/2006/relationships"><Relationship Id="rId8" Type="http://schemas.openxmlformats.org/officeDocument/2006/relationships/image" Target="../media/image21.png"/><Relationship Id="rId3" Type="http://schemas.openxmlformats.org/officeDocument/2006/relationships/notesSlide" Target="../notesSlides/notesSlide26.xml"/><Relationship Id="rId7" Type="http://schemas.openxmlformats.org/officeDocument/2006/relationships/slide" Target="slide27.xml"/><Relationship Id="rId2" Type="http://schemas.openxmlformats.org/officeDocument/2006/relationships/slideLayout" Target="../slideLayouts/slideLayout13.xml"/><Relationship Id="rId1" Type="http://schemas.openxmlformats.org/officeDocument/2006/relationships/tags" Target="../tags/tag29.xml"/><Relationship Id="rId6" Type="http://schemas.openxmlformats.org/officeDocument/2006/relationships/slide" Target="slide25.xml"/><Relationship Id="rId5" Type="http://schemas.microsoft.com/office/2007/relationships/hdphoto" Target="../media/hdphoto4.wdp"/><Relationship Id="rId10" Type="http://schemas.openxmlformats.org/officeDocument/2006/relationships/slide" Target="slide2.xml"/><Relationship Id="rId4" Type="http://schemas.openxmlformats.org/officeDocument/2006/relationships/image" Target="../media/image5.png"/><Relationship Id="rId9" Type="http://schemas.openxmlformats.org/officeDocument/2006/relationships/slide" Target="slide28.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10.xml"/><Relationship Id="rId1" Type="http://schemas.openxmlformats.org/officeDocument/2006/relationships/tags" Target="../tags/tag30.xml"/><Relationship Id="rId5" Type="http://schemas.openxmlformats.org/officeDocument/2006/relationships/image" Target="../media/image23.png"/><Relationship Id="rId4" Type="http://schemas.openxmlformats.org/officeDocument/2006/relationships/image" Target="../media/image22.png"/></Relationships>
</file>

<file path=ppt/slides/_rels/slide28.xml.rels><?xml version="1.0" encoding="UTF-8" standalone="yes"?>
<Relationships xmlns="http://schemas.openxmlformats.org/package/2006/relationships"><Relationship Id="rId8" Type="http://schemas.openxmlformats.org/officeDocument/2006/relationships/hyperlink" Target="http://worldhistoryvolume.com/industrial-revolution-nationalism/factory-system-1750-1800/attachment/the-factory-system-1750-1800-4/" TargetMode="External"/><Relationship Id="rId13" Type="http://schemas.openxmlformats.org/officeDocument/2006/relationships/slide" Target="slide1.xml"/><Relationship Id="rId3" Type="http://schemas.openxmlformats.org/officeDocument/2006/relationships/notesSlide" Target="../notesSlides/notesSlide28.xml"/><Relationship Id="rId7" Type="http://schemas.openxmlformats.org/officeDocument/2006/relationships/hyperlink" Target="https://harakahdaily.net/index.php/2019/10/16/revolusi-industri-dan-pengaruh-terhadap-barat/" TargetMode="External"/><Relationship Id="rId12" Type="http://schemas.openxmlformats.org/officeDocument/2006/relationships/slide" Target="slide26.xml"/><Relationship Id="rId2" Type="http://schemas.openxmlformats.org/officeDocument/2006/relationships/slideLayout" Target="../slideLayouts/slideLayout12.xml"/><Relationship Id="rId1" Type="http://schemas.openxmlformats.org/officeDocument/2006/relationships/tags" Target="../tags/tag31.xml"/><Relationship Id="rId6" Type="http://schemas.openxmlformats.org/officeDocument/2006/relationships/hyperlink" Target="https://guides.co/g/tech-is-amazing-right-1938781/62967" TargetMode="External"/><Relationship Id="rId11" Type="http://schemas.openxmlformats.org/officeDocument/2006/relationships/hyperlink" Target="https://blog.naver.com/oneul274/222372068911" TargetMode="External"/><Relationship Id="rId5" Type="http://schemas.microsoft.com/office/2007/relationships/hdphoto" Target="../media/hdphoto4.wdp"/><Relationship Id="rId10" Type="http://schemas.openxmlformats.org/officeDocument/2006/relationships/hyperlink" Target="https://www.youtube.com/watch?v=VovBSLcTXMc&amp;t=660s" TargetMode="External"/><Relationship Id="rId4" Type="http://schemas.openxmlformats.org/officeDocument/2006/relationships/image" Target="../media/image5.png"/><Relationship Id="rId9" Type="http://schemas.openxmlformats.org/officeDocument/2006/relationships/hyperlink" Target="https://www.youtube.com/watch?v=z7vDz9YhWN4&amp;t=393s" TargetMode="External"/></Relationships>
</file>

<file path=ppt/slides/_rels/slide3.xml.rels><?xml version="1.0" encoding="UTF-8" standalone="yes"?>
<Relationships xmlns="http://schemas.openxmlformats.org/package/2006/relationships"><Relationship Id="rId8" Type="http://schemas.microsoft.com/office/2007/relationships/hdphoto" Target="../media/hdphoto3.wdp"/><Relationship Id="rId3" Type="http://schemas.openxmlformats.org/officeDocument/2006/relationships/notesSlide" Target="../notesSlides/notesSlide3.xml"/><Relationship Id="rId7" Type="http://schemas.openxmlformats.org/officeDocument/2006/relationships/image" Target="../media/image4.png"/><Relationship Id="rId2" Type="http://schemas.openxmlformats.org/officeDocument/2006/relationships/slideLayout" Target="../slideLayouts/slideLayout16.xml"/><Relationship Id="rId1" Type="http://schemas.openxmlformats.org/officeDocument/2006/relationships/tags" Target="../tags/tag4.xml"/><Relationship Id="rId6" Type="http://schemas.openxmlformats.org/officeDocument/2006/relationships/hyperlink" Target="https://wa.me/6285600857625" TargetMode="External"/><Relationship Id="rId5" Type="http://schemas.openxmlformats.org/officeDocument/2006/relationships/slide" Target="slide2.xml"/><Relationship Id="rId4" Type="http://schemas.openxmlformats.org/officeDocument/2006/relationships/slide" Target="slide4.xml"/></Relationships>
</file>

<file path=ppt/slides/_rels/slide4.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slide" Target="slide2.xml"/><Relationship Id="rId3" Type="http://schemas.openxmlformats.org/officeDocument/2006/relationships/notesSlide" Target="../notesSlides/notesSlide4.xml"/><Relationship Id="rId7" Type="http://schemas.openxmlformats.org/officeDocument/2006/relationships/slide" Target="slide6.xml"/><Relationship Id="rId12" Type="http://schemas.openxmlformats.org/officeDocument/2006/relationships/slide" Target="slide3.xml"/><Relationship Id="rId2" Type="http://schemas.openxmlformats.org/officeDocument/2006/relationships/slideLayout" Target="../slideLayouts/slideLayout7.xml"/><Relationship Id="rId1" Type="http://schemas.openxmlformats.org/officeDocument/2006/relationships/tags" Target="../tags/tag5.xml"/><Relationship Id="rId6" Type="http://schemas.openxmlformats.org/officeDocument/2006/relationships/slide" Target="slide5.xml"/><Relationship Id="rId11" Type="http://schemas.openxmlformats.org/officeDocument/2006/relationships/slide" Target="slide22.xml"/><Relationship Id="rId5" Type="http://schemas.microsoft.com/office/2007/relationships/hdphoto" Target="../media/hdphoto4.wdp"/><Relationship Id="rId10" Type="http://schemas.openxmlformats.org/officeDocument/2006/relationships/slide" Target="slide18.xml"/><Relationship Id="rId4" Type="http://schemas.openxmlformats.org/officeDocument/2006/relationships/image" Target="../media/image5.png"/><Relationship Id="rId9" Type="http://schemas.openxmlformats.org/officeDocument/2006/relationships/slide" Target="slide14.xml"/></Relationships>
</file>

<file path=ppt/slides/_rels/slide5.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5.xml"/><Relationship Id="rId7" Type="http://schemas.openxmlformats.org/officeDocument/2006/relationships/slide" Target="slide4.xml"/><Relationship Id="rId2" Type="http://schemas.openxmlformats.org/officeDocument/2006/relationships/slideLayout" Target="../slideLayouts/slideLayout5.xml"/><Relationship Id="rId1" Type="http://schemas.openxmlformats.org/officeDocument/2006/relationships/tags" Target="../tags/tag6.xml"/><Relationship Id="rId6" Type="http://schemas.openxmlformats.org/officeDocument/2006/relationships/slide" Target="slide6.xml"/><Relationship Id="rId5" Type="http://schemas.microsoft.com/office/2007/relationships/hdphoto" Target="../media/hdphoto5.wdp"/><Relationship Id="rId4" Type="http://schemas.openxmlformats.org/officeDocument/2006/relationships/image" Target="../media/image6.png"/></Relationships>
</file>

<file path=ppt/slides/_rels/slide6.xml.rels><?xml version="1.0" encoding="UTF-8" standalone="yes"?>
<Relationships xmlns="http://schemas.openxmlformats.org/package/2006/relationships"><Relationship Id="rId8" Type="http://schemas.openxmlformats.org/officeDocument/2006/relationships/slide" Target="slide5.xml"/><Relationship Id="rId3" Type="http://schemas.openxmlformats.org/officeDocument/2006/relationships/notesSlide" Target="../notesSlides/notesSlide6.xml"/><Relationship Id="rId7" Type="http://schemas.openxmlformats.org/officeDocument/2006/relationships/slide" Target="slide7.xml"/><Relationship Id="rId2" Type="http://schemas.openxmlformats.org/officeDocument/2006/relationships/slideLayout" Target="../slideLayouts/slideLayout6.xml"/><Relationship Id="rId1" Type="http://schemas.openxmlformats.org/officeDocument/2006/relationships/tags" Target="../tags/tag7.xml"/><Relationship Id="rId6" Type="http://schemas.openxmlformats.org/officeDocument/2006/relationships/hyperlink" Target="https://www.ruangguru.com/blog/sejarah-kelas-11-sejarah-besar-dunia-revolusi-industri" TargetMode="External"/><Relationship Id="rId5" Type="http://schemas.microsoft.com/office/2007/relationships/hdphoto" Target="../media/hdphoto4.wdp"/><Relationship Id="rId4" Type="http://schemas.openxmlformats.org/officeDocument/2006/relationships/image" Target="../media/image5.png"/><Relationship Id="rId9" Type="http://schemas.openxmlformats.org/officeDocument/2006/relationships/slide" Target="slide2.xml"/></Relationships>
</file>

<file path=ppt/slides/_rels/slide7.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7.xml"/><Relationship Id="rId7" Type="http://schemas.openxmlformats.org/officeDocument/2006/relationships/slide" Target="slide6.xml"/><Relationship Id="rId2" Type="http://schemas.openxmlformats.org/officeDocument/2006/relationships/slideLayout" Target="../slideLayouts/slideLayout6.xml"/><Relationship Id="rId1" Type="http://schemas.openxmlformats.org/officeDocument/2006/relationships/tags" Target="../tags/tag8.xml"/><Relationship Id="rId6" Type="http://schemas.openxmlformats.org/officeDocument/2006/relationships/slide" Target="slide8.xml"/><Relationship Id="rId5" Type="http://schemas.microsoft.com/office/2007/relationships/hdphoto" Target="../media/hdphoto5.wdp"/><Relationship Id="rId4" Type="http://schemas.openxmlformats.org/officeDocument/2006/relationships/image" Target="../media/image6.png"/></Relationships>
</file>

<file path=ppt/slides/_rels/slide8.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8.xml"/><Relationship Id="rId7" Type="http://schemas.openxmlformats.org/officeDocument/2006/relationships/slide" Target="slide7.xml"/><Relationship Id="rId2" Type="http://schemas.openxmlformats.org/officeDocument/2006/relationships/slideLayout" Target="../slideLayouts/slideLayout9.xml"/><Relationship Id="rId1" Type="http://schemas.openxmlformats.org/officeDocument/2006/relationships/tags" Target="../tags/tag9.xml"/><Relationship Id="rId6" Type="http://schemas.openxmlformats.org/officeDocument/2006/relationships/slide" Target="slide9.xml"/><Relationship Id="rId5" Type="http://schemas.microsoft.com/office/2007/relationships/hdphoto" Target="../media/hdphoto4.wdp"/><Relationship Id="rId4" Type="http://schemas.openxmlformats.org/officeDocument/2006/relationships/image" Target="../media/image5.png"/></Relationships>
</file>

<file path=ppt/slides/_rels/slide9.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tags" Target="../tags/tag11.xml"/><Relationship Id="rId7" Type="http://schemas.openxmlformats.org/officeDocument/2006/relationships/slide" Target="slide8.xml"/><Relationship Id="rId2" Type="http://schemas.openxmlformats.org/officeDocument/2006/relationships/video" Target="https://www.youtube.com/embed/z7vDz9YhWN4?start=393&amp;feature=oembed" TargetMode="External"/><Relationship Id="rId1" Type="http://schemas.openxmlformats.org/officeDocument/2006/relationships/tags" Target="../tags/tag10.xml"/><Relationship Id="rId6" Type="http://schemas.openxmlformats.org/officeDocument/2006/relationships/slide" Target="slide10.xml"/><Relationship Id="rId5" Type="http://schemas.openxmlformats.org/officeDocument/2006/relationships/notesSlide" Target="../notesSlides/notesSlide9.xml"/><Relationship Id="rId4" Type="http://schemas.openxmlformats.org/officeDocument/2006/relationships/slideLayout" Target="../slideLayouts/slideLayout10.xml"/><Relationship Id="rId9" Type="http://schemas.openxmlformats.org/officeDocument/2006/relationships/slide" Target="slide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734"/>
        <p:cNvGrpSpPr/>
        <p:nvPr/>
      </p:nvGrpSpPr>
      <p:grpSpPr>
        <a:xfrm>
          <a:off x="0" y="0"/>
          <a:ext cx="0" cy="0"/>
          <a:chOff x="0" y="0"/>
          <a:chExt cx="0" cy="0"/>
        </a:xfrm>
      </p:grpSpPr>
      <p:sp>
        <p:nvSpPr>
          <p:cNvPr id="735" name="Google Shape;735;p42"/>
          <p:cNvSpPr txBox="1">
            <a:spLocks noGrp="1"/>
          </p:cNvSpPr>
          <p:nvPr>
            <p:ph type="ctrTitle" idx="4294967295"/>
          </p:nvPr>
        </p:nvSpPr>
        <p:spPr>
          <a:xfrm>
            <a:off x="1090917" y="1160462"/>
            <a:ext cx="6745287" cy="2187575"/>
          </a:xfrm>
          <a:prstGeom prst="rect">
            <a:avLst/>
          </a:prstGeom>
        </p:spPr>
        <p:txBody>
          <a:bodyPr spcFirstLastPara="1" wrap="square" lIns="91425" tIns="91425" rIns="91425" bIns="91425" anchor="ctr" anchorCtr="0">
            <a:noAutofit/>
          </a:bodyPr>
          <a:lstStyle/>
          <a:p>
            <a:pPr marL="0" lvl="0" indent="0" algn="ctr" rtl="0">
              <a:spcBef>
                <a:spcPts val="0"/>
              </a:spcBef>
              <a:spcAft>
                <a:spcPts val="0"/>
              </a:spcAft>
              <a:buNone/>
            </a:pPr>
            <a:r>
              <a:rPr lang="id-ID" sz="4500" dirty="0">
                <a:solidFill>
                  <a:schemeClr val="accent4"/>
                </a:solidFill>
                <a:latin typeface="Chivo Black"/>
                <a:ea typeface="Chivo Black"/>
                <a:cs typeface="Chivo Black"/>
                <a:sym typeface="Chivo Black"/>
              </a:rPr>
              <a:t>Revolusi Industri</a:t>
            </a:r>
            <a:br>
              <a:rPr lang="id-ID" sz="4500" dirty="0">
                <a:solidFill>
                  <a:schemeClr val="accent4"/>
                </a:solidFill>
                <a:latin typeface="Chivo Black"/>
                <a:ea typeface="Chivo Black"/>
                <a:cs typeface="Chivo Black"/>
                <a:sym typeface="Chivo Black"/>
              </a:rPr>
            </a:br>
            <a:r>
              <a:rPr lang="id-ID" sz="4500" dirty="0">
                <a:solidFill>
                  <a:schemeClr val="accent4"/>
                </a:solidFill>
              </a:rPr>
              <a:t>dan</a:t>
            </a:r>
            <a:br>
              <a:rPr lang="id-ID" sz="4500" dirty="0">
                <a:solidFill>
                  <a:schemeClr val="accent4"/>
                </a:solidFill>
                <a:latin typeface="Chivo Black"/>
                <a:ea typeface="Chivo Black"/>
                <a:cs typeface="Chivo Black"/>
                <a:sym typeface="Chivo Black"/>
              </a:rPr>
            </a:br>
            <a:r>
              <a:rPr lang="id-ID" sz="4500" dirty="0">
                <a:solidFill>
                  <a:schemeClr val="accent4"/>
                </a:solidFill>
              </a:rPr>
              <a:t>Pengaruhnya</a:t>
            </a:r>
            <a:endParaRPr sz="4500" dirty="0">
              <a:solidFill>
                <a:schemeClr val="accent4"/>
              </a:solidFill>
              <a:latin typeface="Chivo Black"/>
              <a:ea typeface="Chivo Black"/>
              <a:cs typeface="Chivo Black"/>
              <a:sym typeface="Chivo Black"/>
            </a:endParaRPr>
          </a:p>
        </p:txBody>
      </p:sp>
      <p:sp>
        <p:nvSpPr>
          <p:cNvPr id="736" name="Google Shape;736;p42"/>
          <p:cNvSpPr txBox="1">
            <a:spLocks noGrp="1"/>
          </p:cNvSpPr>
          <p:nvPr>
            <p:ph type="subTitle" idx="4294967295"/>
          </p:nvPr>
        </p:nvSpPr>
        <p:spPr>
          <a:xfrm>
            <a:off x="2521744" y="3501371"/>
            <a:ext cx="4100512" cy="409575"/>
          </a:xfrm>
          <a:prstGeom prst="rect">
            <a:avLst/>
          </a:prstGeom>
        </p:spPr>
        <p:txBody>
          <a:bodyPr spcFirstLastPara="1" wrap="square" lIns="91425" tIns="91425" rIns="91425" bIns="91425" anchor="ctr" anchorCtr="0">
            <a:noAutofit/>
          </a:bodyPr>
          <a:lstStyle/>
          <a:p>
            <a:pPr marL="0" lvl="0" indent="0" algn="ctr" rtl="0">
              <a:spcBef>
                <a:spcPts val="0"/>
              </a:spcBef>
              <a:spcAft>
                <a:spcPts val="0"/>
              </a:spcAft>
              <a:buNone/>
            </a:pPr>
            <a:r>
              <a:rPr lang="id-ID" dirty="0"/>
              <a:t>Sejarah Peminatan Kelas XI SMA</a:t>
            </a:r>
            <a:endParaRPr dirty="0"/>
          </a:p>
        </p:txBody>
      </p:sp>
      <p:sp>
        <p:nvSpPr>
          <p:cNvPr id="738" name="Google Shape;738;p42"/>
          <p:cNvSpPr/>
          <p:nvPr/>
        </p:nvSpPr>
        <p:spPr>
          <a:xfrm rot="10800000">
            <a:off x="3859456" y="5067595"/>
            <a:ext cx="5347" cy="1368"/>
          </a:xfrm>
          <a:custGeom>
            <a:avLst/>
            <a:gdLst/>
            <a:ahLst/>
            <a:cxnLst/>
            <a:rect l="l" t="t" r="r" b="b"/>
            <a:pathLst>
              <a:path w="86" h="22" extrusionOk="0">
                <a:moveTo>
                  <a:pt x="83" y="0"/>
                </a:moveTo>
                <a:cubicBezTo>
                  <a:pt x="56" y="5"/>
                  <a:pt x="28" y="12"/>
                  <a:pt x="0" y="21"/>
                </a:cubicBezTo>
                <a:cubicBezTo>
                  <a:pt x="30" y="14"/>
                  <a:pt x="58" y="7"/>
                  <a:pt x="86" y="0"/>
                </a:cubicBezTo>
                <a:close/>
              </a:path>
            </a:pathLst>
          </a:custGeom>
          <a:solidFill>
            <a:srgbClr val="EDD5C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39" name="Google Shape;739;p42"/>
          <p:cNvSpPr/>
          <p:nvPr/>
        </p:nvSpPr>
        <p:spPr>
          <a:xfrm rot="10800000">
            <a:off x="3928162" y="5053232"/>
            <a:ext cx="497" cy="62"/>
          </a:xfrm>
          <a:custGeom>
            <a:avLst/>
            <a:gdLst/>
            <a:ahLst/>
            <a:cxnLst/>
            <a:rect l="l" t="t" r="r" b="b"/>
            <a:pathLst>
              <a:path w="8" h="1" extrusionOk="0">
                <a:moveTo>
                  <a:pt x="3" y="1"/>
                </a:moveTo>
                <a:lnTo>
                  <a:pt x="8" y="1"/>
                </a:lnTo>
                <a:lnTo>
                  <a:pt x="1" y="1"/>
                </a:lnTo>
                <a:close/>
              </a:path>
            </a:pathLst>
          </a:custGeom>
          <a:solidFill>
            <a:srgbClr val="EDD5C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0" name="Google Shape;740;p42"/>
          <p:cNvSpPr/>
          <p:nvPr/>
        </p:nvSpPr>
        <p:spPr>
          <a:xfrm rot="10800000">
            <a:off x="3853673" y="5070642"/>
            <a:ext cx="1244" cy="622"/>
          </a:xfrm>
          <a:custGeom>
            <a:avLst/>
            <a:gdLst/>
            <a:ahLst/>
            <a:cxnLst/>
            <a:rect l="l" t="t" r="r" b="b"/>
            <a:pathLst>
              <a:path w="20" h="10" extrusionOk="0">
                <a:moveTo>
                  <a:pt x="19" y="0"/>
                </a:moveTo>
                <a:cubicBezTo>
                  <a:pt x="1" y="5"/>
                  <a:pt x="1" y="7"/>
                  <a:pt x="6" y="9"/>
                </a:cubicBezTo>
                <a:cubicBezTo>
                  <a:pt x="10" y="5"/>
                  <a:pt x="15" y="2"/>
                  <a:pt x="19" y="0"/>
                </a:cubicBezTo>
                <a:close/>
              </a:path>
            </a:pathLst>
          </a:custGeom>
          <a:solidFill>
            <a:srgbClr val="EDD5C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1" name="Google Shape;741;p42"/>
          <p:cNvSpPr/>
          <p:nvPr/>
        </p:nvSpPr>
        <p:spPr>
          <a:xfrm rot="10800000">
            <a:off x="3923685" y="5051927"/>
            <a:ext cx="7213" cy="1368"/>
          </a:xfrm>
          <a:custGeom>
            <a:avLst/>
            <a:gdLst/>
            <a:ahLst/>
            <a:cxnLst/>
            <a:rect l="l" t="t" r="r" b="b"/>
            <a:pathLst>
              <a:path w="116" h="22" extrusionOk="0">
                <a:moveTo>
                  <a:pt x="39" y="1"/>
                </a:moveTo>
                <a:lnTo>
                  <a:pt x="4" y="15"/>
                </a:lnTo>
                <a:cubicBezTo>
                  <a:pt x="0" y="20"/>
                  <a:pt x="9" y="22"/>
                  <a:pt x="24" y="22"/>
                </a:cubicBezTo>
                <a:cubicBezTo>
                  <a:pt x="50" y="22"/>
                  <a:pt x="94" y="16"/>
                  <a:pt x="116" y="10"/>
                </a:cubicBezTo>
                <a:lnTo>
                  <a:pt x="39" y="1"/>
                </a:lnTo>
                <a:close/>
              </a:path>
            </a:pathLst>
          </a:custGeom>
          <a:solidFill>
            <a:srgbClr val="EDD5C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2" name="Google Shape;742;p42"/>
          <p:cNvSpPr/>
          <p:nvPr/>
        </p:nvSpPr>
        <p:spPr>
          <a:xfrm rot="10800000">
            <a:off x="3851062" y="5068901"/>
            <a:ext cx="8456" cy="1803"/>
          </a:xfrm>
          <a:custGeom>
            <a:avLst/>
            <a:gdLst/>
            <a:ahLst/>
            <a:cxnLst/>
            <a:rect l="l" t="t" r="r" b="b"/>
            <a:pathLst>
              <a:path w="136" h="29" extrusionOk="0">
                <a:moveTo>
                  <a:pt x="80" y="0"/>
                </a:moveTo>
                <a:lnTo>
                  <a:pt x="80" y="0"/>
                </a:lnTo>
                <a:cubicBezTo>
                  <a:pt x="54" y="12"/>
                  <a:pt x="26" y="21"/>
                  <a:pt x="1" y="28"/>
                </a:cubicBezTo>
                <a:lnTo>
                  <a:pt x="42" y="28"/>
                </a:lnTo>
                <a:cubicBezTo>
                  <a:pt x="135" y="7"/>
                  <a:pt x="89" y="5"/>
                  <a:pt x="80" y="0"/>
                </a:cubicBezTo>
                <a:close/>
              </a:path>
            </a:pathLst>
          </a:custGeom>
          <a:solidFill>
            <a:srgbClr val="EDD5C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3" name="Google Shape;743;p42"/>
          <p:cNvSpPr/>
          <p:nvPr/>
        </p:nvSpPr>
        <p:spPr>
          <a:xfrm rot="10800000">
            <a:off x="3930463" y="5049315"/>
            <a:ext cx="32457" cy="5409"/>
          </a:xfrm>
          <a:custGeom>
            <a:avLst/>
            <a:gdLst/>
            <a:ahLst/>
            <a:cxnLst/>
            <a:rect l="l" t="t" r="r" b="b"/>
            <a:pathLst>
              <a:path w="522" h="87" extrusionOk="0">
                <a:moveTo>
                  <a:pt x="436" y="0"/>
                </a:moveTo>
                <a:cubicBezTo>
                  <a:pt x="135" y="28"/>
                  <a:pt x="311" y="61"/>
                  <a:pt x="1" y="86"/>
                </a:cubicBezTo>
                <a:lnTo>
                  <a:pt x="160" y="86"/>
                </a:lnTo>
                <a:cubicBezTo>
                  <a:pt x="149" y="65"/>
                  <a:pt x="258" y="42"/>
                  <a:pt x="378" y="28"/>
                </a:cubicBezTo>
                <a:lnTo>
                  <a:pt x="418" y="40"/>
                </a:lnTo>
                <a:cubicBezTo>
                  <a:pt x="397" y="47"/>
                  <a:pt x="376" y="54"/>
                  <a:pt x="353" y="58"/>
                </a:cubicBezTo>
                <a:cubicBezTo>
                  <a:pt x="399" y="56"/>
                  <a:pt x="390" y="45"/>
                  <a:pt x="445" y="45"/>
                </a:cubicBezTo>
                <a:cubicBezTo>
                  <a:pt x="424" y="33"/>
                  <a:pt x="522" y="0"/>
                  <a:pt x="436" y="0"/>
                </a:cubicBezTo>
                <a:close/>
              </a:path>
            </a:pathLst>
          </a:custGeom>
          <a:solidFill>
            <a:srgbClr val="EDD5C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4" name="Google Shape;744;p42"/>
          <p:cNvSpPr/>
          <p:nvPr/>
        </p:nvSpPr>
        <p:spPr>
          <a:xfrm rot="10800000">
            <a:off x="3940846" y="5051056"/>
            <a:ext cx="746" cy="62"/>
          </a:xfrm>
          <a:custGeom>
            <a:avLst/>
            <a:gdLst/>
            <a:ahLst/>
            <a:cxnLst/>
            <a:rect l="l" t="t" r="r" b="b"/>
            <a:pathLst>
              <a:path w="12" h="1" extrusionOk="0">
                <a:moveTo>
                  <a:pt x="0" y="0"/>
                </a:moveTo>
                <a:lnTo>
                  <a:pt x="7" y="0"/>
                </a:lnTo>
                <a:lnTo>
                  <a:pt x="12" y="0"/>
                </a:lnTo>
                <a:close/>
              </a:path>
            </a:pathLst>
          </a:custGeom>
          <a:solidFill>
            <a:srgbClr val="EDD5C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 name="Action Button: Home 10">
            <a:hlinkClick r:id="rId6" action="ppaction://hlinksldjump" highlightClick="1"/>
          </p:cNvPr>
          <p:cNvSpPr/>
          <p:nvPr/>
        </p:nvSpPr>
        <p:spPr>
          <a:xfrm>
            <a:off x="4463561" y="4133267"/>
            <a:ext cx="650631" cy="766497"/>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dirty="0"/>
          </a:p>
        </p:txBody>
      </p:sp>
      <p:pic>
        <p:nvPicPr>
          <p:cNvPr id="2" name="03 크림치즈머핀.mp3">
            <a:hlinkClick r:id="" action="ppaction://media"/>
          </p:cNvPr>
          <p:cNvPicPr>
            <a:picLocks noChangeAspect="1"/>
          </p:cNvPicPr>
          <p:nvPr>
            <a:audioFile r:link="rId3"/>
            <p:extLst>
              <p:ext uri="{DAA4B4D4-6D71-4841-9C94-3DE7FCFB9230}">
                <p14:media xmlns:p14="http://schemas.microsoft.com/office/powerpoint/2010/main" r:embed="rId2"/>
              </p:ext>
            </p:extLst>
          </p:nvPr>
        </p:nvPicPr>
        <p:blipFill>
          <a:blip r:embed="rId7"/>
          <a:stretch>
            <a:fillRect/>
          </a:stretch>
        </p:blipFill>
        <p:spPr>
          <a:xfrm>
            <a:off x="520535" y="346365"/>
            <a:ext cx="304800" cy="304800"/>
          </a:xfrm>
          <a:prstGeom prst="rect">
            <a:avLst/>
          </a:prstGeom>
          <a:ln>
            <a:noFill/>
          </a:ln>
        </p:spPr>
      </p:pic>
      <p:pic>
        <p:nvPicPr>
          <p:cNvPr id="6" name="Picture 5">
            <a:extLst>
              <a:ext uri="{FF2B5EF4-FFF2-40B4-BE49-F238E27FC236}">
                <a16:creationId xmlns:a16="http://schemas.microsoft.com/office/drawing/2014/main" id="{B890CC58-1359-40D0-B22E-BBC15D3422E9}"/>
              </a:ext>
            </a:extLst>
          </p:cNvPr>
          <p:cNvPicPr>
            <a:picLocks noChangeAspect="1"/>
          </p:cNvPicPr>
          <p:nvPr/>
        </p:nvPicPr>
        <p:blipFill>
          <a:blip r:embed="rId8">
            <a:extLst>
              <a:ext uri="{BEBA8EAE-BF5A-486C-A8C5-ECC9F3942E4B}">
                <a14:imgProps xmlns:a14="http://schemas.microsoft.com/office/drawing/2010/main">
                  <a14:imgLayer r:embed="rId9">
                    <a14:imgEffect>
                      <a14:backgroundRemoval t="7286" b="99571" l="10000" r="90000">
                        <a14:foregroundMark x1="41111" y1="10000" x2="48889" y2="7714"/>
                        <a14:foregroundMark x1="48889" y1="7714" x2="51222" y2="9286"/>
                        <a14:foregroundMark x1="41333" y1="7714" x2="42333" y2="7286"/>
                        <a14:foregroundMark x1="30235" y1="95453" x2="29667" y2="99571"/>
                        <a14:backgroundMark x1="30556" y1="94143" x2="30556" y2="94143"/>
                        <a14:backgroundMark x1="30111" y1="94571" x2="30889" y2="91857"/>
                        <a14:backgroundMark x1="30889" y1="91857" x2="30889" y2="91857"/>
                        <a14:backgroundMark x1="30889" y1="91857" x2="30889" y2="91857"/>
                        <a14:backgroundMark x1="30333" y1="90714" x2="30556" y2="95429"/>
                      </a14:backgroundRemoval>
                    </a14:imgEffect>
                  </a14:imgLayer>
                </a14:imgProps>
              </a:ext>
            </a:extLst>
          </a:blip>
          <a:stretch>
            <a:fillRect/>
          </a:stretch>
        </p:blipFill>
        <p:spPr>
          <a:xfrm>
            <a:off x="-430903" y="1883943"/>
            <a:ext cx="3584601" cy="2913192"/>
          </a:xfrm>
          <a:prstGeom prst="rect">
            <a:avLst/>
          </a:prstGeom>
        </p:spPr>
      </p:pic>
      <p:pic>
        <p:nvPicPr>
          <p:cNvPr id="8" name="Picture 7">
            <a:extLst>
              <a:ext uri="{FF2B5EF4-FFF2-40B4-BE49-F238E27FC236}">
                <a16:creationId xmlns:a16="http://schemas.microsoft.com/office/drawing/2014/main" id="{ECC06E52-883F-4280-86B4-7C87ECDFCB6E}"/>
              </a:ext>
            </a:extLst>
          </p:cNvPr>
          <p:cNvPicPr>
            <a:picLocks noChangeAspect="1"/>
          </p:cNvPicPr>
          <p:nvPr/>
        </p:nvPicPr>
        <p:blipFill rotWithShape="1">
          <a:blip r:embed="rId10">
            <a:extLst>
              <a:ext uri="{BEBA8EAE-BF5A-486C-A8C5-ECC9F3942E4B}">
                <a14:imgProps xmlns:a14="http://schemas.microsoft.com/office/drawing/2010/main">
                  <a14:imgLayer r:embed="rId11">
                    <a14:imgEffect>
                      <a14:backgroundRemoval t="10000" b="90000" l="7500" r="92813">
                        <a14:foregroundMark x1="9844" y1="55625" x2="7656" y2="71406"/>
                        <a14:foregroundMark x1="88906" y1="53594" x2="92813" y2="55781"/>
                        <a14:foregroundMark x1="88906" y1="52812" x2="92344" y2="54063"/>
                      </a14:backgroundRemoval>
                    </a14:imgEffect>
                  </a14:imgLayer>
                </a14:imgProps>
              </a:ext>
            </a:extLst>
          </a:blip>
          <a:srcRect t="15659" b="22625"/>
          <a:stretch/>
        </p:blipFill>
        <p:spPr>
          <a:xfrm>
            <a:off x="6424055" y="2817604"/>
            <a:ext cx="2215852" cy="1367533"/>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numSld="999" showWhenStopped="0">
                <p:cTn id="7" repeatCount="indefinite" fill="remove" display="0">
                  <p:stCondLst>
                    <p:cond delay="indefinite"/>
                  </p:stCondLst>
                  <p:endCondLst>
                    <p:cond evt="onStopAudio" delay="0">
                      <p:tgtEl>
                        <p:sldTgt/>
                      </p:tgtEl>
                    </p:cond>
                  </p:endCondLst>
                </p:cTn>
                <p:tgtEl>
                  <p:spTgt spid="2"/>
                </p:tgtEl>
              </p:cMediaNode>
            </p:audio>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004"/>
        <p:cNvGrpSpPr/>
        <p:nvPr/>
      </p:nvGrpSpPr>
      <p:grpSpPr>
        <a:xfrm>
          <a:off x="0" y="0"/>
          <a:ext cx="0" cy="0"/>
          <a:chOff x="0" y="0"/>
          <a:chExt cx="0" cy="0"/>
        </a:xfrm>
      </p:grpSpPr>
      <p:pic>
        <p:nvPicPr>
          <p:cNvPr id="15" name="Picture 14">
            <a:extLst>
              <a:ext uri="{FF2B5EF4-FFF2-40B4-BE49-F238E27FC236}">
                <a16:creationId xmlns:a16="http://schemas.microsoft.com/office/drawing/2014/main" id="{6DF68046-E65A-43D9-9163-14BD1F0898C3}"/>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1005" name="Google Shape;1005;p70"/>
          <p:cNvSpPr txBox="1">
            <a:spLocks noGrp="1"/>
          </p:cNvSpPr>
          <p:nvPr>
            <p:ph type="title"/>
          </p:nvPr>
        </p:nvSpPr>
        <p:spPr>
          <a:xfrm>
            <a:off x="1151302" y="535000"/>
            <a:ext cx="6841385" cy="655327"/>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lvl="0"/>
            <a:r>
              <a:rPr lang="id-ID" dirty="0"/>
              <a:t>Tahap Perkembangan Industri</a:t>
            </a:r>
          </a:p>
        </p:txBody>
      </p:sp>
      <p:sp>
        <p:nvSpPr>
          <p:cNvPr id="1006" name="Google Shape;1006;p70"/>
          <p:cNvSpPr/>
          <p:nvPr/>
        </p:nvSpPr>
        <p:spPr>
          <a:xfrm rot="337497">
            <a:off x="237316" y="1779827"/>
            <a:ext cx="8669376" cy="1196800"/>
          </a:xfrm>
          <a:custGeom>
            <a:avLst/>
            <a:gdLst/>
            <a:ahLst/>
            <a:cxnLst/>
            <a:rect l="l" t="t" r="r" b="b"/>
            <a:pathLst>
              <a:path w="34662" h="8560" fill="none" extrusionOk="0">
                <a:moveTo>
                  <a:pt x="34661" y="1063"/>
                </a:moveTo>
                <a:cubicBezTo>
                  <a:pt x="34661" y="1063"/>
                  <a:pt x="27540" y="0"/>
                  <a:pt x="24981" y="3438"/>
                </a:cubicBezTo>
                <a:cubicBezTo>
                  <a:pt x="22421" y="6873"/>
                  <a:pt x="15803" y="8059"/>
                  <a:pt x="12428" y="6122"/>
                </a:cubicBezTo>
                <a:cubicBezTo>
                  <a:pt x="9055" y="4186"/>
                  <a:pt x="0" y="8559"/>
                  <a:pt x="0" y="8559"/>
                </a:cubicBezTo>
              </a:path>
            </a:pathLst>
          </a:custGeom>
          <a:noFill/>
          <a:ln w="19050" cap="flat" cmpd="sng">
            <a:solidFill>
              <a:schemeClr val="dk1"/>
            </a:solidFill>
            <a:prstDash val="dash"/>
            <a:miter lim="2316"/>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p>
        </p:txBody>
      </p:sp>
      <p:sp>
        <p:nvSpPr>
          <p:cNvPr id="1007" name="Google Shape;1007;p70"/>
          <p:cNvSpPr txBox="1">
            <a:spLocks noGrp="1"/>
          </p:cNvSpPr>
          <p:nvPr>
            <p:ph type="title" idx="4294967295"/>
          </p:nvPr>
        </p:nvSpPr>
        <p:spPr>
          <a:xfrm>
            <a:off x="775588" y="2967533"/>
            <a:ext cx="2155980" cy="437117"/>
          </a:xfrm>
          <a:prstGeom prst="roundRect">
            <a:avLst/>
          </a:prstGeom>
          <a:solidFill>
            <a:schemeClr val="accent3"/>
          </a:solidFill>
        </p:spPr>
        <p:txBody>
          <a:bodyPr spcFirstLastPara="1" wrap="square" lIns="91425" tIns="91425" rIns="91425" bIns="91425" anchor="ctr" anchorCtr="0">
            <a:noAutofit/>
          </a:bodyPr>
          <a:lstStyle/>
          <a:p>
            <a:pPr lvl="0" algn="ctr"/>
            <a:r>
              <a:rPr lang="id-ID" sz="1600" i="1" dirty="0">
                <a:solidFill>
                  <a:schemeClr val="tx1"/>
                </a:solidFill>
              </a:rPr>
              <a:t>Domestic System</a:t>
            </a:r>
            <a:r>
              <a:rPr lang="id-ID" sz="1600" dirty="0">
                <a:solidFill>
                  <a:schemeClr val="tx1"/>
                </a:solidFill>
              </a:rPr>
              <a:t> </a:t>
            </a:r>
            <a:endParaRPr sz="1600" dirty="0">
              <a:solidFill>
                <a:schemeClr val="tx1"/>
              </a:solidFill>
            </a:endParaRPr>
          </a:p>
        </p:txBody>
      </p:sp>
      <p:sp>
        <p:nvSpPr>
          <p:cNvPr id="1011" name="Google Shape;1011;p70"/>
          <p:cNvSpPr txBox="1">
            <a:spLocks noGrp="1"/>
          </p:cNvSpPr>
          <p:nvPr>
            <p:ph type="title" idx="4294967295"/>
          </p:nvPr>
        </p:nvSpPr>
        <p:spPr>
          <a:xfrm>
            <a:off x="3287590" y="3343690"/>
            <a:ext cx="2568808" cy="509000"/>
          </a:xfrm>
          <a:prstGeom prst="roundRect">
            <a:avLst/>
          </a:prstGeom>
          <a:solidFill>
            <a:schemeClr val="accent3"/>
          </a:solidFill>
        </p:spPr>
        <p:txBody>
          <a:bodyPr spcFirstLastPara="1" wrap="square" lIns="91425" tIns="91425" rIns="91425" bIns="91425" anchor="ctr" anchorCtr="0">
            <a:noAutofit/>
          </a:bodyPr>
          <a:lstStyle/>
          <a:p>
            <a:pPr lvl="0" algn="ctr" fontAlgn="base"/>
            <a:r>
              <a:rPr lang="id-ID" sz="1600" dirty="0">
                <a:solidFill>
                  <a:schemeClr val="tx1"/>
                </a:solidFill>
              </a:rPr>
              <a:t>Industri Manufaktur</a:t>
            </a:r>
          </a:p>
        </p:txBody>
      </p:sp>
      <p:sp>
        <p:nvSpPr>
          <p:cNvPr id="1014" name="Google Shape;1014;p70"/>
          <p:cNvSpPr txBox="1">
            <a:spLocks noGrp="1"/>
          </p:cNvSpPr>
          <p:nvPr>
            <p:ph type="title" idx="4294967295"/>
          </p:nvPr>
        </p:nvSpPr>
        <p:spPr>
          <a:xfrm>
            <a:off x="6033012" y="2856318"/>
            <a:ext cx="2481344" cy="482700"/>
          </a:xfrm>
          <a:prstGeom prst="roundRect">
            <a:avLst/>
          </a:prstGeom>
          <a:solidFill>
            <a:schemeClr val="accent3"/>
          </a:solidFill>
        </p:spPr>
        <p:txBody>
          <a:bodyPr spcFirstLastPara="1" wrap="square" lIns="91425" tIns="91425" rIns="91425" bIns="91425" anchor="ctr" anchorCtr="0">
            <a:noAutofit/>
          </a:bodyPr>
          <a:lstStyle/>
          <a:p>
            <a:pPr lvl="0" algn="ctr" fontAlgn="base"/>
            <a:r>
              <a:rPr lang="id-ID" sz="2000" i="1" dirty="0">
                <a:solidFill>
                  <a:schemeClr val="tx1"/>
                </a:solidFill>
              </a:rPr>
              <a:t>Factory System</a:t>
            </a:r>
            <a:endParaRPr lang="id-ID" sz="2000" dirty="0">
              <a:solidFill>
                <a:schemeClr val="tx1"/>
              </a:solidFill>
            </a:endParaRPr>
          </a:p>
        </p:txBody>
      </p:sp>
      <p:sp>
        <p:nvSpPr>
          <p:cNvPr id="1016" name="Google Shape;1016;p70"/>
          <p:cNvSpPr/>
          <p:nvPr/>
        </p:nvSpPr>
        <p:spPr>
          <a:xfrm rot="-7954538">
            <a:off x="3696993" y="717802"/>
            <a:ext cx="1750004" cy="1703560"/>
          </a:xfrm>
          <a:custGeom>
            <a:avLst/>
            <a:gdLst/>
            <a:ahLst/>
            <a:cxnLst/>
            <a:rect l="l" t="t" r="r" b="b"/>
            <a:pathLst>
              <a:path w="21289" h="20724" extrusionOk="0">
                <a:moveTo>
                  <a:pt x="20365" y="374"/>
                </a:moveTo>
                <a:lnTo>
                  <a:pt x="20365" y="374"/>
                </a:lnTo>
                <a:cubicBezTo>
                  <a:pt x="20342" y="389"/>
                  <a:pt x="20327" y="404"/>
                  <a:pt x="20316" y="420"/>
                </a:cubicBezTo>
                <a:lnTo>
                  <a:pt x="20316" y="420"/>
                </a:lnTo>
                <a:cubicBezTo>
                  <a:pt x="20330" y="408"/>
                  <a:pt x="20346" y="393"/>
                  <a:pt x="20365" y="374"/>
                </a:cubicBezTo>
                <a:close/>
                <a:moveTo>
                  <a:pt x="19935" y="1563"/>
                </a:moveTo>
                <a:lnTo>
                  <a:pt x="19885" y="1573"/>
                </a:lnTo>
                <a:cubicBezTo>
                  <a:pt x="19908" y="1570"/>
                  <a:pt x="19924" y="1567"/>
                  <a:pt x="19935" y="1563"/>
                </a:cubicBezTo>
                <a:close/>
                <a:moveTo>
                  <a:pt x="15250" y="4613"/>
                </a:moveTo>
                <a:cubicBezTo>
                  <a:pt x="15242" y="4619"/>
                  <a:pt x="15234" y="4626"/>
                  <a:pt x="15224" y="4633"/>
                </a:cubicBezTo>
                <a:cubicBezTo>
                  <a:pt x="15233" y="4627"/>
                  <a:pt x="15242" y="4620"/>
                  <a:pt x="15250" y="4613"/>
                </a:cubicBezTo>
                <a:close/>
                <a:moveTo>
                  <a:pt x="7965" y="7978"/>
                </a:moveTo>
                <a:cubicBezTo>
                  <a:pt x="7964" y="7979"/>
                  <a:pt x="7964" y="7979"/>
                  <a:pt x="7963" y="7980"/>
                </a:cubicBezTo>
                <a:lnTo>
                  <a:pt x="7963" y="7980"/>
                </a:lnTo>
                <a:cubicBezTo>
                  <a:pt x="7964" y="7979"/>
                  <a:pt x="7964" y="7979"/>
                  <a:pt x="7965" y="7978"/>
                </a:cubicBezTo>
                <a:close/>
                <a:moveTo>
                  <a:pt x="9581" y="9757"/>
                </a:moveTo>
                <a:lnTo>
                  <a:pt x="9581" y="9757"/>
                </a:lnTo>
                <a:cubicBezTo>
                  <a:pt x="9581" y="9757"/>
                  <a:pt x="9581" y="9757"/>
                  <a:pt x="9582" y="9757"/>
                </a:cubicBezTo>
                <a:cubicBezTo>
                  <a:pt x="9581" y="9757"/>
                  <a:pt x="9581" y="9757"/>
                  <a:pt x="9581" y="9757"/>
                </a:cubicBezTo>
                <a:close/>
                <a:moveTo>
                  <a:pt x="7361" y="11539"/>
                </a:moveTo>
                <a:cubicBezTo>
                  <a:pt x="7358" y="11548"/>
                  <a:pt x="7357" y="11555"/>
                  <a:pt x="7358" y="11560"/>
                </a:cubicBezTo>
                <a:cubicBezTo>
                  <a:pt x="7359" y="11552"/>
                  <a:pt x="7360" y="11545"/>
                  <a:pt x="7361" y="11539"/>
                </a:cubicBezTo>
                <a:close/>
                <a:moveTo>
                  <a:pt x="4935" y="15872"/>
                </a:moveTo>
                <a:lnTo>
                  <a:pt x="4960" y="15972"/>
                </a:lnTo>
                <a:lnTo>
                  <a:pt x="4988" y="15970"/>
                </a:lnTo>
                <a:lnTo>
                  <a:pt x="4988" y="15970"/>
                </a:lnTo>
                <a:cubicBezTo>
                  <a:pt x="4976" y="15943"/>
                  <a:pt x="4959" y="15905"/>
                  <a:pt x="4935" y="15872"/>
                </a:cubicBezTo>
                <a:close/>
                <a:moveTo>
                  <a:pt x="5020" y="15968"/>
                </a:moveTo>
                <a:lnTo>
                  <a:pt x="4988" y="15970"/>
                </a:lnTo>
                <a:lnTo>
                  <a:pt x="4988" y="15970"/>
                </a:lnTo>
                <a:cubicBezTo>
                  <a:pt x="4998" y="15993"/>
                  <a:pt x="5005" y="16009"/>
                  <a:pt x="5010" y="16009"/>
                </a:cubicBezTo>
                <a:cubicBezTo>
                  <a:pt x="5015" y="16009"/>
                  <a:pt x="5018" y="15997"/>
                  <a:pt x="5020" y="15968"/>
                </a:cubicBezTo>
                <a:close/>
                <a:moveTo>
                  <a:pt x="3369" y="17894"/>
                </a:moveTo>
                <a:cubicBezTo>
                  <a:pt x="3370" y="17895"/>
                  <a:pt x="3372" y="17896"/>
                  <a:pt x="3373" y="17897"/>
                </a:cubicBezTo>
                <a:cubicBezTo>
                  <a:pt x="3372" y="17896"/>
                  <a:pt x="3370" y="17895"/>
                  <a:pt x="3369" y="17894"/>
                </a:cubicBezTo>
                <a:close/>
                <a:moveTo>
                  <a:pt x="2647" y="18829"/>
                </a:moveTo>
                <a:lnTo>
                  <a:pt x="2681" y="18847"/>
                </a:lnTo>
                <a:cubicBezTo>
                  <a:pt x="2669" y="18840"/>
                  <a:pt x="2658" y="18834"/>
                  <a:pt x="2647" y="18829"/>
                </a:cubicBezTo>
                <a:close/>
                <a:moveTo>
                  <a:pt x="2354" y="19693"/>
                </a:moveTo>
                <a:lnTo>
                  <a:pt x="2354" y="19693"/>
                </a:lnTo>
                <a:cubicBezTo>
                  <a:pt x="2354" y="19694"/>
                  <a:pt x="2354" y="19696"/>
                  <a:pt x="2354" y="19697"/>
                </a:cubicBezTo>
                <a:cubicBezTo>
                  <a:pt x="2354" y="19696"/>
                  <a:pt x="2354" y="19694"/>
                  <a:pt x="2354" y="19693"/>
                </a:cubicBezTo>
                <a:close/>
                <a:moveTo>
                  <a:pt x="1474" y="20091"/>
                </a:moveTo>
                <a:lnTo>
                  <a:pt x="1474" y="20091"/>
                </a:lnTo>
                <a:cubicBezTo>
                  <a:pt x="1467" y="20098"/>
                  <a:pt x="1460" y="20105"/>
                  <a:pt x="1453" y="20114"/>
                </a:cubicBezTo>
                <a:lnTo>
                  <a:pt x="1453" y="20114"/>
                </a:lnTo>
                <a:cubicBezTo>
                  <a:pt x="1460" y="20108"/>
                  <a:pt x="1467" y="20100"/>
                  <a:pt x="1474" y="20091"/>
                </a:cubicBezTo>
                <a:close/>
                <a:moveTo>
                  <a:pt x="21000" y="0"/>
                </a:moveTo>
                <a:cubicBezTo>
                  <a:pt x="20863" y="0"/>
                  <a:pt x="20696" y="159"/>
                  <a:pt x="20513" y="225"/>
                </a:cubicBezTo>
                <a:cubicBezTo>
                  <a:pt x="20550" y="292"/>
                  <a:pt x="20413" y="486"/>
                  <a:pt x="20545" y="486"/>
                </a:cubicBezTo>
                <a:cubicBezTo>
                  <a:pt x="20561" y="486"/>
                  <a:pt x="20580" y="484"/>
                  <a:pt x="20603" y="478"/>
                </a:cubicBezTo>
                <a:lnTo>
                  <a:pt x="20603" y="478"/>
                </a:lnTo>
                <a:cubicBezTo>
                  <a:pt x="20629" y="568"/>
                  <a:pt x="20513" y="656"/>
                  <a:pt x="20425" y="684"/>
                </a:cubicBezTo>
                <a:cubicBezTo>
                  <a:pt x="20453" y="633"/>
                  <a:pt x="20242" y="530"/>
                  <a:pt x="20316" y="420"/>
                </a:cubicBezTo>
                <a:lnTo>
                  <a:pt x="20316" y="420"/>
                </a:lnTo>
                <a:cubicBezTo>
                  <a:pt x="20214" y="510"/>
                  <a:pt x="20253" y="418"/>
                  <a:pt x="20075" y="524"/>
                </a:cubicBezTo>
                <a:cubicBezTo>
                  <a:pt x="20076" y="513"/>
                  <a:pt x="20068" y="509"/>
                  <a:pt x="20053" y="509"/>
                </a:cubicBezTo>
                <a:cubicBezTo>
                  <a:pt x="20004" y="509"/>
                  <a:pt x="19886" y="551"/>
                  <a:pt x="19791" y="551"/>
                </a:cubicBezTo>
                <a:cubicBezTo>
                  <a:pt x="19725" y="551"/>
                  <a:pt x="19671" y="531"/>
                  <a:pt x="19658" y="464"/>
                </a:cubicBezTo>
                <a:lnTo>
                  <a:pt x="19658" y="464"/>
                </a:lnTo>
                <a:cubicBezTo>
                  <a:pt x="19614" y="566"/>
                  <a:pt x="19755" y="735"/>
                  <a:pt x="19505" y="830"/>
                </a:cubicBezTo>
                <a:cubicBezTo>
                  <a:pt x="19612" y="936"/>
                  <a:pt x="19897" y="860"/>
                  <a:pt x="19758" y="1062"/>
                </a:cubicBezTo>
                <a:lnTo>
                  <a:pt x="19850" y="934"/>
                </a:lnTo>
                <a:cubicBezTo>
                  <a:pt x="20027" y="934"/>
                  <a:pt x="19876" y="1060"/>
                  <a:pt x="20041" y="1060"/>
                </a:cubicBezTo>
                <a:cubicBezTo>
                  <a:pt x="20055" y="1060"/>
                  <a:pt x="20072" y="1059"/>
                  <a:pt x="20091" y="1057"/>
                </a:cubicBezTo>
                <a:lnTo>
                  <a:pt x="20091" y="1057"/>
                </a:lnTo>
                <a:cubicBezTo>
                  <a:pt x="20039" y="1069"/>
                  <a:pt x="19966" y="1136"/>
                  <a:pt x="19906" y="1136"/>
                </a:cubicBezTo>
                <a:cubicBezTo>
                  <a:pt x="19885" y="1136"/>
                  <a:pt x="19866" y="1128"/>
                  <a:pt x="19850" y="1108"/>
                </a:cubicBezTo>
                <a:lnTo>
                  <a:pt x="19850" y="1108"/>
                </a:lnTo>
                <a:cubicBezTo>
                  <a:pt x="20001" y="1360"/>
                  <a:pt x="19561" y="1356"/>
                  <a:pt x="19621" y="1560"/>
                </a:cubicBezTo>
                <a:cubicBezTo>
                  <a:pt x="19588" y="1531"/>
                  <a:pt x="19556" y="1518"/>
                  <a:pt x="19522" y="1518"/>
                </a:cubicBezTo>
                <a:cubicBezTo>
                  <a:pt x="19477" y="1518"/>
                  <a:pt x="19427" y="1540"/>
                  <a:pt x="19362" y="1578"/>
                </a:cubicBezTo>
                <a:cubicBezTo>
                  <a:pt x="19352" y="1499"/>
                  <a:pt x="19257" y="1453"/>
                  <a:pt x="19334" y="1367"/>
                </a:cubicBezTo>
                <a:cubicBezTo>
                  <a:pt x="19402" y="1362"/>
                  <a:pt x="19445" y="1330"/>
                  <a:pt x="19512" y="1330"/>
                </a:cubicBezTo>
                <a:cubicBezTo>
                  <a:pt x="19531" y="1330"/>
                  <a:pt x="19553" y="1333"/>
                  <a:pt x="19577" y="1339"/>
                </a:cubicBezTo>
                <a:cubicBezTo>
                  <a:pt x="19533" y="1263"/>
                  <a:pt x="19483" y="1236"/>
                  <a:pt x="19429" y="1236"/>
                </a:cubicBezTo>
                <a:cubicBezTo>
                  <a:pt x="19305" y="1236"/>
                  <a:pt x="19159" y="1378"/>
                  <a:pt x="19003" y="1390"/>
                </a:cubicBezTo>
                <a:cubicBezTo>
                  <a:pt x="19040" y="1402"/>
                  <a:pt x="19058" y="1425"/>
                  <a:pt x="19014" y="1483"/>
                </a:cubicBezTo>
                <a:cubicBezTo>
                  <a:pt x="18953" y="1486"/>
                  <a:pt x="18863" y="1498"/>
                  <a:pt x="18784" y="1498"/>
                </a:cubicBezTo>
                <a:cubicBezTo>
                  <a:pt x="18681" y="1498"/>
                  <a:pt x="18595" y="1478"/>
                  <a:pt x="18613" y="1390"/>
                </a:cubicBezTo>
                <a:lnTo>
                  <a:pt x="18613" y="1390"/>
                </a:lnTo>
                <a:cubicBezTo>
                  <a:pt x="18407" y="1483"/>
                  <a:pt x="18203" y="1580"/>
                  <a:pt x="17999" y="1673"/>
                </a:cubicBezTo>
                <a:cubicBezTo>
                  <a:pt x="17972" y="1613"/>
                  <a:pt x="18078" y="1613"/>
                  <a:pt x="18108" y="1576"/>
                </a:cubicBezTo>
                <a:lnTo>
                  <a:pt x="18108" y="1576"/>
                </a:lnTo>
                <a:lnTo>
                  <a:pt x="17756" y="1712"/>
                </a:lnTo>
                <a:cubicBezTo>
                  <a:pt x="17640" y="1661"/>
                  <a:pt x="17842" y="1580"/>
                  <a:pt x="17844" y="1483"/>
                </a:cubicBezTo>
                <a:lnTo>
                  <a:pt x="17844" y="1483"/>
                </a:lnTo>
                <a:cubicBezTo>
                  <a:pt x="17761" y="1520"/>
                  <a:pt x="17675" y="1555"/>
                  <a:pt x="17592" y="1592"/>
                </a:cubicBezTo>
                <a:lnTo>
                  <a:pt x="17592" y="1497"/>
                </a:lnTo>
                <a:cubicBezTo>
                  <a:pt x="17562" y="1557"/>
                  <a:pt x="17394" y="1661"/>
                  <a:pt x="17259" y="1661"/>
                </a:cubicBezTo>
                <a:cubicBezTo>
                  <a:pt x="17218" y="1661"/>
                  <a:pt x="17179" y="1651"/>
                  <a:pt x="17149" y="1627"/>
                </a:cubicBezTo>
                <a:cubicBezTo>
                  <a:pt x="17020" y="1705"/>
                  <a:pt x="16987" y="1812"/>
                  <a:pt x="16932" y="1905"/>
                </a:cubicBezTo>
                <a:cubicBezTo>
                  <a:pt x="16878" y="1995"/>
                  <a:pt x="16804" y="2071"/>
                  <a:pt x="16593" y="2099"/>
                </a:cubicBezTo>
                <a:cubicBezTo>
                  <a:pt x="16547" y="1963"/>
                  <a:pt x="16779" y="1953"/>
                  <a:pt x="16827" y="1833"/>
                </a:cubicBezTo>
                <a:cubicBezTo>
                  <a:pt x="16824" y="1832"/>
                  <a:pt x="16820" y="1832"/>
                  <a:pt x="16816" y="1832"/>
                </a:cubicBezTo>
                <a:cubicBezTo>
                  <a:pt x="16742" y="1832"/>
                  <a:pt x="16627" y="1938"/>
                  <a:pt x="16536" y="1938"/>
                </a:cubicBezTo>
                <a:cubicBezTo>
                  <a:pt x="16509" y="1938"/>
                  <a:pt x="16484" y="1928"/>
                  <a:pt x="16464" y="1905"/>
                </a:cubicBezTo>
                <a:cubicBezTo>
                  <a:pt x="16234" y="2106"/>
                  <a:pt x="16371" y="2324"/>
                  <a:pt x="16306" y="2512"/>
                </a:cubicBezTo>
                <a:cubicBezTo>
                  <a:pt x="16264" y="2534"/>
                  <a:pt x="16235" y="2543"/>
                  <a:pt x="16217" y="2543"/>
                </a:cubicBezTo>
                <a:cubicBezTo>
                  <a:pt x="16145" y="2543"/>
                  <a:pt x="16225" y="2405"/>
                  <a:pt x="16204" y="2377"/>
                </a:cubicBezTo>
                <a:lnTo>
                  <a:pt x="16204" y="2377"/>
                </a:lnTo>
                <a:cubicBezTo>
                  <a:pt x="16151" y="2396"/>
                  <a:pt x="16147" y="2582"/>
                  <a:pt x="16077" y="2582"/>
                </a:cubicBezTo>
                <a:cubicBezTo>
                  <a:pt x="16059" y="2582"/>
                  <a:pt x="16036" y="2570"/>
                  <a:pt x="16007" y="2539"/>
                </a:cubicBezTo>
                <a:lnTo>
                  <a:pt x="16007" y="2539"/>
                </a:lnTo>
                <a:cubicBezTo>
                  <a:pt x="15955" y="2672"/>
                  <a:pt x="15950" y="2798"/>
                  <a:pt x="16076" y="2798"/>
                </a:cubicBezTo>
                <a:cubicBezTo>
                  <a:pt x="16088" y="2798"/>
                  <a:pt x="16103" y="2797"/>
                  <a:pt x="16119" y="2794"/>
                </a:cubicBezTo>
                <a:lnTo>
                  <a:pt x="16119" y="2794"/>
                </a:lnTo>
                <a:cubicBezTo>
                  <a:pt x="16007" y="2847"/>
                  <a:pt x="15880" y="2991"/>
                  <a:pt x="15880" y="3061"/>
                </a:cubicBezTo>
                <a:cubicBezTo>
                  <a:pt x="15878" y="2964"/>
                  <a:pt x="15850" y="2944"/>
                  <a:pt x="15812" y="2944"/>
                </a:cubicBezTo>
                <a:cubicBezTo>
                  <a:pt x="15785" y="2944"/>
                  <a:pt x="15752" y="2954"/>
                  <a:pt x="15720" y="2954"/>
                </a:cubicBezTo>
                <a:cubicBezTo>
                  <a:pt x="15686" y="2954"/>
                  <a:pt x="15652" y="2943"/>
                  <a:pt x="15625" y="2898"/>
                </a:cubicBezTo>
                <a:cubicBezTo>
                  <a:pt x="15498" y="2933"/>
                  <a:pt x="15373" y="2984"/>
                  <a:pt x="15257" y="3049"/>
                </a:cubicBezTo>
                <a:cubicBezTo>
                  <a:pt x="15129" y="3128"/>
                  <a:pt x="15018" y="3239"/>
                  <a:pt x="14995" y="3383"/>
                </a:cubicBezTo>
                <a:lnTo>
                  <a:pt x="14933" y="3151"/>
                </a:lnTo>
                <a:lnTo>
                  <a:pt x="14750" y="3278"/>
                </a:lnTo>
                <a:cubicBezTo>
                  <a:pt x="14536" y="3232"/>
                  <a:pt x="14851" y="3056"/>
                  <a:pt x="14944" y="2991"/>
                </a:cubicBezTo>
                <a:lnTo>
                  <a:pt x="14944" y="2991"/>
                </a:lnTo>
                <a:cubicBezTo>
                  <a:pt x="14666" y="3112"/>
                  <a:pt x="14495" y="3220"/>
                  <a:pt x="14261" y="3355"/>
                </a:cubicBezTo>
                <a:cubicBezTo>
                  <a:pt x="14353" y="3359"/>
                  <a:pt x="14335" y="3424"/>
                  <a:pt x="14402" y="3468"/>
                </a:cubicBezTo>
                <a:cubicBezTo>
                  <a:pt x="14365" y="3596"/>
                  <a:pt x="14221" y="3598"/>
                  <a:pt x="14152" y="3670"/>
                </a:cubicBezTo>
                <a:cubicBezTo>
                  <a:pt x="14106" y="3633"/>
                  <a:pt x="14089" y="3584"/>
                  <a:pt x="14147" y="3531"/>
                </a:cubicBezTo>
                <a:lnTo>
                  <a:pt x="14147" y="3531"/>
                </a:lnTo>
                <a:lnTo>
                  <a:pt x="13999" y="3649"/>
                </a:lnTo>
                <a:cubicBezTo>
                  <a:pt x="13941" y="3515"/>
                  <a:pt x="13862" y="3561"/>
                  <a:pt x="13976" y="3387"/>
                </a:cubicBezTo>
                <a:lnTo>
                  <a:pt x="13976" y="3387"/>
                </a:lnTo>
                <a:lnTo>
                  <a:pt x="13848" y="3512"/>
                </a:lnTo>
                <a:cubicBezTo>
                  <a:pt x="13821" y="3522"/>
                  <a:pt x="13800" y="3526"/>
                  <a:pt x="13785" y="3526"/>
                </a:cubicBezTo>
                <a:cubicBezTo>
                  <a:pt x="13703" y="3526"/>
                  <a:pt x="13800" y="3396"/>
                  <a:pt x="13816" y="3341"/>
                </a:cubicBezTo>
                <a:lnTo>
                  <a:pt x="13816" y="3341"/>
                </a:lnTo>
                <a:lnTo>
                  <a:pt x="13540" y="3471"/>
                </a:lnTo>
                <a:cubicBezTo>
                  <a:pt x="13485" y="3591"/>
                  <a:pt x="13656" y="3549"/>
                  <a:pt x="13496" y="3688"/>
                </a:cubicBezTo>
                <a:cubicBezTo>
                  <a:pt x="13420" y="3695"/>
                  <a:pt x="13343" y="3714"/>
                  <a:pt x="13272" y="3742"/>
                </a:cubicBezTo>
                <a:cubicBezTo>
                  <a:pt x="13197" y="3772"/>
                  <a:pt x="13126" y="3807"/>
                  <a:pt x="13054" y="3844"/>
                </a:cubicBezTo>
                <a:cubicBezTo>
                  <a:pt x="12910" y="3922"/>
                  <a:pt x="12769" y="4010"/>
                  <a:pt x="12623" y="4075"/>
                </a:cubicBezTo>
                <a:lnTo>
                  <a:pt x="12882" y="4075"/>
                </a:lnTo>
                <a:cubicBezTo>
                  <a:pt x="12699" y="4142"/>
                  <a:pt x="12855" y="4321"/>
                  <a:pt x="12857" y="4434"/>
                </a:cubicBezTo>
                <a:cubicBezTo>
                  <a:pt x="12776" y="4469"/>
                  <a:pt x="12688" y="4522"/>
                  <a:pt x="12600" y="4571"/>
                </a:cubicBezTo>
                <a:cubicBezTo>
                  <a:pt x="12521" y="4617"/>
                  <a:pt x="12438" y="4652"/>
                  <a:pt x="12350" y="4675"/>
                </a:cubicBezTo>
                <a:cubicBezTo>
                  <a:pt x="12431" y="4490"/>
                  <a:pt x="12282" y="4386"/>
                  <a:pt x="12095" y="4386"/>
                </a:cubicBezTo>
                <a:cubicBezTo>
                  <a:pt x="11784" y="4566"/>
                  <a:pt x="11993" y="4726"/>
                  <a:pt x="11872" y="4902"/>
                </a:cubicBezTo>
                <a:cubicBezTo>
                  <a:pt x="11864" y="4799"/>
                  <a:pt x="11834" y="4767"/>
                  <a:pt x="11796" y="4767"/>
                </a:cubicBezTo>
                <a:cubicBezTo>
                  <a:pt x="11736" y="4767"/>
                  <a:pt x="11655" y="4848"/>
                  <a:pt x="11601" y="4848"/>
                </a:cubicBezTo>
                <a:cubicBezTo>
                  <a:pt x="11582" y="4848"/>
                  <a:pt x="11567" y="4838"/>
                  <a:pt x="11557" y="4812"/>
                </a:cubicBezTo>
                <a:cubicBezTo>
                  <a:pt x="11372" y="4944"/>
                  <a:pt x="11198" y="5097"/>
                  <a:pt x="11025" y="5247"/>
                </a:cubicBezTo>
                <a:cubicBezTo>
                  <a:pt x="10856" y="5407"/>
                  <a:pt x="10675" y="5555"/>
                  <a:pt x="10487" y="5692"/>
                </a:cubicBezTo>
                <a:cubicBezTo>
                  <a:pt x="10520" y="5720"/>
                  <a:pt x="10654" y="5676"/>
                  <a:pt x="10612" y="5759"/>
                </a:cubicBezTo>
                <a:cubicBezTo>
                  <a:pt x="10569" y="5819"/>
                  <a:pt x="10500" y="5851"/>
                  <a:pt x="10430" y="5851"/>
                </a:cubicBezTo>
                <a:cubicBezTo>
                  <a:pt x="10389" y="5851"/>
                  <a:pt x="10348" y="5840"/>
                  <a:pt x="10311" y="5817"/>
                </a:cubicBezTo>
                <a:cubicBezTo>
                  <a:pt x="10149" y="5970"/>
                  <a:pt x="10103" y="6121"/>
                  <a:pt x="10093" y="6232"/>
                </a:cubicBezTo>
                <a:cubicBezTo>
                  <a:pt x="10119" y="6197"/>
                  <a:pt x="10140" y="6183"/>
                  <a:pt x="10157" y="6183"/>
                </a:cubicBezTo>
                <a:cubicBezTo>
                  <a:pt x="10181" y="6183"/>
                  <a:pt x="10200" y="6210"/>
                  <a:pt x="10219" y="6253"/>
                </a:cubicBezTo>
                <a:cubicBezTo>
                  <a:pt x="10151" y="6316"/>
                  <a:pt x="10100" y="6321"/>
                  <a:pt x="10058" y="6321"/>
                </a:cubicBezTo>
                <a:cubicBezTo>
                  <a:pt x="10051" y="6321"/>
                  <a:pt x="10044" y="6320"/>
                  <a:pt x="10037" y="6320"/>
                </a:cubicBezTo>
                <a:cubicBezTo>
                  <a:pt x="9987" y="6320"/>
                  <a:pt x="9948" y="6327"/>
                  <a:pt x="9904" y="6447"/>
                </a:cubicBezTo>
                <a:cubicBezTo>
                  <a:pt x="9767" y="6362"/>
                  <a:pt x="10042" y="6246"/>
                  <a:pt x="9936" y="6139"/>
                </a:cubicBezTo>
                <a:lnTo>
                  <a:pt x="9936" y="6139"/>
                </a:lnTo>
                <a:cubicBezTo>
                  <a:pt x="9774" y="6248"/>
                  <a:pt x="9716" y="6373"/>
                  <a:pt x="9646" y="6519"/>
                </a:cubicBezTo>
                <a:cubicBezTo>
                  <a:pt x="9565" y="6463"/>
                  <a:pt x="9727" y="6424"/>
                  <a:pt x="9613" y="6424"/>
                </a:cubicBezTo>
                <a:cubicBezTo>
                  <a:pt x="9610" y="6424"/>
                  <a:pt x="9606" y="6424"/>
                  <a:pt x="9602" y="6424"/>
                </a:cubicBezTo>
                <a:cubicBezTo>
                  <a:pt x="9405" y="6667"/>
                  <a:pt x="9185" y="6973"/>
                  <a:pt x="9042" y="7154"/>
                </a:cubicBezTo>
                <a:lnTo>
                  <a:pt x="8914" y="7094"/>
                </a:lnTo>
                <a:cubicBezTo>
                  <a:pt x="8808" y="7193"/>
                  <a:pt x="8752" y="7277"/>
                  <a:pt x="8738" y="7365"/>
                </a:cubicBezTo>
                <a:cubicBezTo>
                  <a:pt x="8731" y="7365"/>
                  <a:pt x="8724" y="7366"/>
                  <a:pt x="8719" y="7366"/>
                </a:cubicBezTo>
                <a:cubicBezTo>
                  <a:pt x="8650" y="7366"/>
                  <a:pt x="8675" y="7307"/>
                  <a:pt x="8720" y="7251"/>
                </a:cubicBezTo>
                <a:lnTo>
                  <a:pt x="8720" y="7251"/>
                </a:lnTo>
                <a:cubicBezTo>
                  <a:pt x="8562" y="7367"/>
                  <a:pt x="8446" y="7601"/>
                  <a:pt x="8372" y="7680"/>
                </a:cubicBezTo>
                <a:cubicBezTo>
                  <a:pt x="8335" y="7610"/>
                  <a:pt x="8449" y="7601"/>
                  <a:pt x="8433" y="7531"/>
                </a:cubicBezTo>
                <a:lnTo>
                  <a:pt x="8433" y="7531"/>
                </a:lnTo>
                <a:cubicBezTo>
                  <a:pt x="8379" y="7568"/>
                  <a:pt x="8335" y="7615"/>
                  <a:pt x="8298" y="7670"/>
                </a:cubicBezTo>
                <a:cubicBezTo>
                  <a:pt x="8280" y="7698"/>
                  <a:pt x="8259" y="7728"/>
                  <a:pt x="8243" y="7756"/>
                </a:cubicBezTo>
                <a:lnTo>
                  <a:pt x="8189" y="7844"/>
                </a:lnTo>
                <a:cubicBezTo>
                  <a:pt x="8123" y="7952"/>
                  <a:pt x="8055" y="8042"/>
                  <a:pt x="7948" y="8042"/>
                </a:cubicBezTo>
                <a:cubicBezTo>
                  <a:pt x="7943" y="8042"/>
                  <a:pt x="7938" y="8041"/>
                  <a:pt x="7932" y="8041"/>
                </a:cubicBezTo>
                <a:cubicBezTo>
                  <a:pt x="7934" y="8018"/>
                  <a:pt x="7946" y="7996"/>
                  <a:pt x="7963" y="7980"/>
                </a:cubicBezTo>
                <a:lnTo>
                  <a:pt x="7963" y="7980"/>
                </a:lnTo>
                <a:cubicBezTo>
                  <a:pt x="7834" y="8095"/>
                  <a:pt x="7712" y="8220"/>
                  <a:pt x="7603" y="8356"/>
                </a:cubicBezTo>
                <a:cubicBezTo>
                  <a:pt x="7490" y="8488"/>
                  <a:pt x="7381" y="8632"/>
                  <a:pt x="7242" y="8768"/>
                </a:cubicBezTo>
                <a:cubicBezTo>
                  <a:pt x="6876" y="8905"/>
                  <a:pt x="7293" y="8991"/>
                  <a:pt x="7024" y="9220"/>
                </a:cubicBezTo>
                <a:cubicBezTo>
                  <a:pt x="6982" y="9177"/>
                  <a:pt x="6943" y="9159"/>
                  <a:pt x="6908" y="9159"/>
                </a:cubicBezTo>
                <a:cubicBezTo>
                  <a:pt x="6741" y="9159"/>
                  <a:pt x="6641" y="9552"/>
                  <a:pt x="6519" y="9600"/>
                </a:cubicBezTo>
                <a:lnTo>
                  <a:pt x="6589" y="9602"/>
                </a:lnTo>
                <a:cubicBezTo>
                  <a:pt x="6575" y="9713"/>
                  <a:pt x="6503" y="9788"/>
                  <a:pt x="6417" y="9836"/>
                </a:cubicBezTo>
                <a:cubicBezTo>
                  <a:pt x="6336" y="9883"/>
                  <a:pt x="6246" y="9913"/>
                  <a:pt x="6153" y="9924"/>
                </a:cubicBezTo>
                <a:cubicBezTo>
                  <a:pt x="6040" y="10026"/>
                  <a:pt x="5933" y="10137"/>
                  <a:pt x="5836" y="10255"/>
                </a:cubicBezTo>
                <a:cubicBezTo>
                  <a:pt x="5785" y="10320"/>
                  <a:pt x="5739" y="10388"/>
                  <a:pt x="5697" y="10459"/>
                </a:cubicBezTo>
                <a:cubicBezTo>
                  <a:pt x="5660" y="10527"/>
                  <a:pt x="5630" y="10598"/>
                  <a:pt x="5609" y="10675"/>
                </a:cubicBezTo>
                <a:lnTo>
                  <a:pt x="5593" y="10587"/>
                </a:lnTo>
                <a:cubicBezTo>
                  <a:pt x="5514" y="10809"/>
                  <a:pt x="5340" y="10835"/>
                  <a:pt x="5261" y="11057"/>
                </a:cubicBezTo>
                <a:cubicBezTo>
                  <a:pt x="5250" y="11040"/>
                  <a:pt x="5263" y="10979"/>
                  <a:pt x="5230" y="10979"/>
                </a:cubicBezTo>
                <a:cubicBezTo>
                  <a:pt x="5222" y="10979"/>
                  <a:pt x="5211" y="10983"/>
                  <a:pt x="5196" y="10992"/>
                </a:cubicBezTo>
                <a:cubicBezTo>
                  <a:pt x="5146" y="11036"/>
                  <a:pt x="5099" y="11080"/>
                  <a:pt x="5051" y="11126"/>
                </a:cubicBezTo>
                <a:cubicBezTo>
                  <a:pt x="5004" y="11173"/>
                  <a:pt x="4960" y="11221"/>
                  <a:pt x="4914" y="11268"/>
                </a:cubicBezTo>
                <a:cubicBezTo>
                  <a:pt x="4826" y="11365"/>
                  <a:pt x="4738" y="11465"/>
                  <a:pt x="4654" y="11567"/>
                </a:cubicBezTo>
                <a:cubicBezTo>
                  <a:pt x="4569" y="11669"/>
                  <a:pt x="4488" y="11768"/>
                  <a:pt x="4407" y="11875"/>
                </a:cubicBezTo>
                <a:cubicBezTo>
                  <a:pt x="4328" y="11984"/>
                  <a:pt x="4251" y="12090"/>
                  <a:pt x="4175" y="12199"/>
                </a:cubicBezTo>
                <a:lnTo>
                  <a:pt x="3948" y="12521"/>
                </a:lnTo>
                <a:lnTo>
                  <a:pt x="3890" y="12602"/>
                </a:lnTo>
                <a:lnTo>
                  <a:pt x="3834" y="12683"/>
                </a:lnTo>
                <a:lnTo>
                  <a:pt x="3721" y="12848"/>
                </a:lnTo>
                <a:cubicBezTo>
                  <a:pt x="3647" y="12954"/>
                  <a:pt x="3568" y="13061"/>
                  <a:pt x="3489" y="13165"/>
                </a:cubicBezTo>
                <a:cubicBezTo>
                  <a:pt x="3452" y="13218"/>
                  <a:pt x="3411" y="13269"/>
                  <a:pt x="3371" y="13320"/>
                </a:cubicBezTo>
                <a:lnTo>
                  <a:pt x="3251" y="13473"/>
                </a:lnTo>
                <a:cubicBezTo>
                  <a:pt x="3093" y="13668"/>
                  <a:pt x="2933" y="13869"/>
                  <a:pt x="2771" y="14075"/>
                </a:cubicBezTo>
                <a:cubicBezTo>
                  <a:pt x="2614" y="14286"/>
                  <a:pt x="2451" y="14502"/>
                  <a:pt x="2292" y="14722"/>
                </a:cubicBezTo>
                <a:cubicBezTo>
                  <a:pt x="1977" y="15166"/>
                  <a:pt x="1664" y="15630"/>
                  <a:pt x="1377" y="16109"/>
                </a:cubicBezTo>
                <a:cubicBezTo>
                  <a:pt x="800" y="17066"/>
                  <a:pt x="311" y="18074"/>
                  <a:pt x="1" y="19012"/>
                </a:cubicBezTo>
                <a:cubicBezTo>
                  <a:pt x="161" y="19269"/>
                  <a:pt x="334" y="19517"/>
                  <a:pt x="524" y="19755"/>
                </a:cubicBezTo>
                <a:cubicBezTo>
                  <a:pt x="821" y="20128"/>
                  <a:pt x="1198" y="20508"/>
                  <a:pt x="1490" y="20571"/>
                </a:cubicBezTo>
                <a:cubicBezTo>
                  <a:pt x="1496" y="20568"/>
                  <a:pt x="1502" y="20567"/>
                  <a:pt x="1508" y="20567"/>
                </a:cubicBezTo>
                <a:cubicBezTo>
                  <a:pt x="1545" y="20567"/>
                  <a:pt x="1567" y="20619"/>
                  <a:pt x="1587" y="20663"/>
                </a:cubicBezTo>
                <a:cubicBezTo>
                  <a:pt x="1602" y="20696"/>
                  <a:pt x="1617" y="20723"/>
                  <a:pt x="1637" y="20723"/>
                </a:cubicBezTo>
                <a:cubicBezTo>
                  <a:pt x="1649" y="20723"/>
                  <a:pt x="1663" y="20714"/>
                  <a:pt x="1680" y="20691"/>
                </a:cubicBezTo>
                <a:lnTo>
                  <a:pt x="1594" y="20485"/>
                </a:lnTo>
                <a:lnTo>
                  <a:pt x="1594" y="20485"/>
                </a:lnTo>
                <a:cubicBezTo>
                  <a:pt x="1622" y="20511"/>
                  <a:pt x="1663" y="20517"/>
                  <a:pt x="1707" y="20517"/>
                </a:cubicBezTo>
                <a:cubicBezTo>
                  <a:pt x="1739" y="20517"/>
                  <a:pt x="1771" y="20514"/>
                  <a:pt x="1801" y="20514"/>
                </a:cubicBezTo>
                <a:cubicBezTo>
                  <a:pt x="1816" y="20514"/>
                  <a:pt x="1831" y="20515"/>
                  <a:pt x="1845" y="20517"/>
                </a:cubicBezTo>
                <a:cubicBezTo>
                  <a:pt x="1808" y="20479"/>
                  <a:pt x="1762" y="20472"/>
                  <a:pt x="1713" y="20472"/>
                </a:cubicBezTo>
                <a:cubicBezTo>
                  <a:pt x="1686" y="20472"/>
                  <a:pt x="1658" y="20475"/>
                  <a:pt x="1630" y="20475"/>
                </a:cubicBezTo>
                <a:cubicBezTo>
                  <a:pt x="1552" y="20475"/>
                  <a:pt x="1473" y="20458"/>
                  <a:pt x="1416" y="20334"/>
                </a:cubicBezTo>
                <a:cubicBezTo>
                  <a:pt x="1358" y="20266"/>
                  <a:pt x="1406" y="20171"/>
                  <a:pt x="1453" y="20114"/>
                </a:cubicBezTo>
                <a:lnTo>
                  <a:pt x="1453" y="20114"/>
                </a:lnTo>
                <a:cubicBezTo>
                  <a:pt x="1440" y="20126"/>
                  <a:pt x="1428" y="20131"/>
                  <a:pt x="1417" y="20131"/>
                </a:cubicBezTo>
                <a:cubicBezTo>
                  <a:pt x="1363" y="20131"/>
                  <a:pt x="1339" y="20006"/>
                  <a:pt x="1321" y="19945"/>
                </a:cubicBezTo>
                <a:cubicBezTo>
                  <a:pt x="1416" y="19889"/>
                  <a:pt x="1456" y="19746"/>
                  <a:pt x="1557" y="19746"/>
                </a:cubicBezTo>
                <a:cubicBezTo>
                  <a:pt x="1559" y="19746"/>
                  <a:pt x="1562" y="19746"/>
                  <a:pt x="1564" y="19746"/>
                </a:cubicBezTo>
                <a:cubicBezTo>
                  <a:pt x="1539" y="19716"/>
                  <a:pt x="1553" y="19642"/>
                  <a:pt x="1590" y="19605"/>
                </a:cubicBezTo>
                <a:lnTo>
                  <a:pt x="1638" y="19623"/>
                </a:lnTo>
                <a:cubicBezTo>
                  <a:pt x="1642" y="19583"/>
                  <a:pt x="1637" y="19571"/>
                  <a:pt x="1626" y="19571"/>
                </a:cubicBezTo>
                <a:cubicBezTo>
                  <a:pt x="1611" y="19571"/>
                  <a:pt x="1585" y="19597"/>
                  <a:pt x="1562" y="19597"/>
                </a:cubicBezTo>
                <a:cubicBezTo>
                  <a:pt x="1555" y="19597"/>
                  <a:pt x="1547" y="19594"/>
                  <a:pt x="1541" y="19586"/>
                </a:cubicBezTo>
                <a:cubicBezTo>
                  <a:pt x="1564" y="19505"/>
                  <a:pt x="1719" y="19443"/>
                  <a:pt x="1773" y="19322"/>
                </a:cubicBezTo>
                <a:lnTo>
                  <a:pt x="1773" y="19322"/>
                </a:lnTo>
                <a:cubicBezTo>
                  <a:pt x="1720" y="19443"/>
                  <a:pt x="1733" y="19572"/>
                  <a:pt x="1743" y="19681"/>
                </a:cubicBezTo>
                <a:cubicBezTo>
                  <a:pt x="1781" y="19647"/>
                  <a:pt x="1812" y="19633"/>
                  <a:pt x="1839" y="19633"/>
                </a:cubicBezTo>
                <a:cubicBezTo>
                  <a:pt x="1946" y="19633"/>
                  <a:pt x="1978" y="19860"/>
                  <a:pt x="2058" y="19945"/>
                </a:cubicBezTo>
                <a:cubicBezTo>
                  <a:pt x="2085" y="19746"/>
                  <a:pt x="2035" y="19639"/>
                  <a:pt x="2028" y="19459"/>
                </a:cubicBezTo>
                <a:cubicBezTo>
                  <a:pt x="2057" y="19439"/>
                  <a:pt x="2086" y="19431"/>
                  <a:pt x="2113" y="19431"/>
                </a:cubicBezTo>
                <a:cubicBezTo>
                  <a:pt x="2250" y="19431"/>
                  <a:pt x="2353" y="19640"/>
                  <a:pt x="2354" y="19693"/>
                </a:cubicBezTo>
                <a:lnTo>
                  <a:pt x="2354" y="19693"/>
                </a:lnTo>
                <a:cubicBezTo>
                  <a:pt x="2362" y="19506"/>
                  <a:pt x="2299" y="19268"/>
                  <a:pt x="2289" y="19160"/>
                </a:cubicBezTo>
                <a:lnTo>
                  <a:pt x="2289" y="19160"/>
                </a:lnTo>
                <a:cubicBezTo>
                  <a:pt x="2412" y="19371"/>
                  <a:pt x="2479" y="19380"/>
                  <a:pt x="2572" y="19558"/>
                </a:cubicBezTo>
                <a:cubicBezTo>
                  <a:pt x="2739" y="19491"/>
                  <a:pt x="2623" y="19399"/>
                  <a:pt x="2586" y="19304"/>
                </a:cubicBezTo>
                <a:lnTo>
                  <a:pt x="2586" y="19304"/>
                </a:lnTo>
                <a:cubicBezTo>
                  <a:pt x="2586" y="19346"/>
                  <a:pt x="2571" y="19401"/>
                  <a:pt x="2533" y="19401"/>
                </a:cubicBezTo>
                <a:cubicBezTo>
                  <a:pt x="2531" y="19401"/>
                  <a:pt x="2530" y="19401"/>
                  <a:pt x="2528" y="19401"/>
                </a:cubicBezTo>
                <a:cubicBezTo>
                  <a:pt x="2618" y="19262"/>
                  <a:pt x="2326" y="19139"/>
                  <a:pt x="2248" y="19000"/>
                </a:cubicBezTo>
                <a:cubicBezTo>
                  <a:pt x="2354" y="18945"/>
                  <a:pt x="2468" y="18817"/>
                  <a:pt x="2587" y="18817"/>
                </a:cubicBezTo>
                <a:cubicBezTo>
                  <a:pt x="2606" y="18817"/>
                  <a:pt x="2627" y="18821"/>
                  <a:pt x="2647" y="18829"/>
                </a:cubicBezTo>
                <a:lnTo>
                  <a:pt x="2647" y="18829"/>
                </a:lnTo>
                <a:lnTo>
                  <a:pt x="2507" y="18755"/>
                </a:lnTo>
                <a:cubicBezTo>
                  <a:pt x="2517" y="18702"/>
                  <a:pt x="2535" y="18685"/>
                  <a:pt x="2558" y="18685"/>
                </a:cubicBezTo>
                <a:cubicBezTo>
                  <a:pt x="2600" y="18685"/>
                  <a:pt x="2656" y="18742"/>
                  <a:pt x="2699" y="18750"/>
                </a:cubicBezTo>
                <a:cubicBezTo>
                  <a:pt x="2607" y="18639"/>
                  <a:pt x="2407" y="18604"/>
                  <a:pt x="2477" y="18363"/>
                </a:cubicBezTo>
                <a:lnTo>
                  <a:pt x="2477" y="18363"/>
                </a:lnTo>
                <a:cubicBezTo>
                  <a:pt x="2533" y="18404"/>
                  <a:pt x="2571" y="18419"/>
                  <a:pt x="2598" y="18419"/>
                </a:cubicBezTo>
                <a:cubicBezTo>
                  <a:pt x="2675" y="18419"/>
                  <a:pt x="2669" y="18300"/>
                  <a:pt x="2753" y="18300"/>
                </a:cubicBezTo>
                <a:cubicBezTo>
                  <a:pt x="2777" y="18300"/>
                  <a:pt x="2810" y="18311"/>
                  <a:pt x="2855" y="18338"/>
                </a:cubicBezTo>
                <a:cubicBezTo>
                  <a:pt x="2894" y="18229"/>
                  <a:pt x="2780" y="18106"/>
                  <a:pt x="2868" y="18020"/>
                </a:cubicBezTo>
                <a:cubicBezTo>
                  <a:pt x="2876" y="18019"/>
                  <a:pt x="2884" y="18019"/>
                  <a:pt x="2891" y="18019"/>
                </a:cubicBezTo>
                <a:cubicBezTo>
                  <a:pt x="3078" y="18019"/>
                  <a:pt x="3113" y="18371"/>
                  <a:pt x="3040" y="18405"/>
                </a:cubicBezTo>
                <a:cubicBezTo>
                  <a:pt x="3021" y="18440"/>
                  <a:pt x="3006" y="18453"/>
                  <a:pt x="2992" y="18453"/>
                </a:cubicBezTo>
                <a:cubicBezTo>
                  <a:pt x="2957" y="18453"/>
                  <a:pt x="2936" y="18370"/>
                  <a:pt x="2916" y="18370"/>
                </a:cubicBezTo>
                <a:cubicBezTo>
                  <a:pt x="2913" y="18370"/>
                  <a:pt x="2909" y="18372"/>
                  <a:pt x="2906" y="18379"/>
                </a:cubicBezTo>
                <a:lnTo>
                  <a:pt x="2906" y="18558"/>
                </a:lnTo>
                <a:cubicBezTo>
                  <a:pt x="2961" y="18525"/>
                  <a:pt x="3017" y="18497"/>
                  <a:pt x="3072" y="18470"/>
                </a:cubicBezTo>
                <a:cubicBezTo>
                  <a:pt x="3102" y="18459"/>
                  <a:pt x="3131" y="18452"/>
                  <a:pt x="3160" y="18452"/>
                </a:cubicBezTo>
                <a:cubicBezTo>
                  <a:pt x="3191" y="18452"/>
                  <a:pt x="3221" y="18460"/>
                  <a:pt x="3248" y="18481"/>
                </a:cubicBezTo>
                <a:cubicBezTo>
                  <a:pt x="3258" y="18425"/>
                  <a:pt x="3240" y="18412"/>
                  <a:pt x="3212" y="18412"/>
                </a:cubicBezTo>
                <a:cubicBezTo>
                  <a:pt x="3190" y="18412"/>
                  <a:pt x="3160" y="18421"/>
                  <a:pt x="3136" y="18421"/>
                </a:cubicBezTo>
                <a:cubicBezTo>
                  <a:pt x="3104" y="18421"/>
                  <a:pt x="3081" y="18406"/>
                  <a:pt x="3089" y="18338"/>
                </a:cubicBezTo>
                <a:lnTo>
                  <a:pt x="3204" y="18284"/>
                </a:lnTo>
                <a:cubicBezTo>
                  <a:pt x="3225" y="18097"/>
                  <a:pt x="2994" y="18206"/>
                  <a:pt x="3075" y="17990"/>
                </a:cubicBezTo>
                <a:lnTo>
                  <a:pt x="3075" y="17990"/>
                </a:lnTo>
                <a:cubicBezTo>
                  <a:pt x="3083" y="18031"/>
                  <a:pt x="3094" y="18046"/>
                  <a:pt x="3106" y="18046"/>
                </a:cubicBezTo>
                <a:cubicBezTo>
                  <a:pt x="3146" y="18046"/>
                  <a:pt x="3208" y="17875"/>
                  <a:pt x="3309" y="17875"/>
                </a:cubicBezTo>
                <a:cubicBezTo>
                  <a:pt x="3328" y="17875"/>
                  <a:pt x="3348" y="17881"/>
                  <a:pt x="3369" y="17894"/>
                </a:cubicBezTo>
                <a:lnTo>
                  <a:pt x="3369" y="17894"/>
                </a:lnTo>
                <a:cubicBezTo>
                  <a:pt x="3263" y="17823"/>
                  <a:pt x="3305" y="17732"/>
                  <a:pt x="3357" y="17643"/>
                </a:cubicBezTo>
                <a:cubicBezTo>
                  <a:pt x="3411" y="17550"/>
                  <a:pt x="3473" y="17457"/>
                  <a:pt x="3394" y="17383"/>
                </a:cubicBezTo>
                <a:lnTo>
                  <a:pt x="3394" y="17383"/>
                </a:lnTo>
                <a:lnTo>
                  <a:pt x="3281" y="17453"/>
                </a:lnTo>
                <a:lnTo>
                  <a:pt x="3394" y="17492"/>
                </a:lnTo>
                <a:cubicBezTo>
                  <a:pt x="3366" y="17548"/>
                  <a:pt x="3346" y="17608"/>
                  <a:pt x="3327" y="17668"/>
                </a:cubicBezTo>
                <a:cubicBezTo>
                  <a:pt x="3311" y="17731"/>
                  <a:pt x="3278" y="17786"/>
                  <a:pt x="3230" y="17828"/>
                </a:cubicBezTo>
                <a:cubicBezTo>
                  <a:pt x="3200" y="17687"/>
                  <a:pt x="3021" y="17747"/>
                  <a:pt x="3012" y="17596"/>
                </a:cubicBezTo>
                <a:cubicBezTo>
                  <a:pt x="3006" y="17505"/>
                  <a:pt x="3019" y="17476"/>
                  <a:pt x="3042" y="17476"/>
                </a:cubicBezTo>
                <a:cubicBezTo>
                  <a:pt x="3054" y="17476"/>
                  <a:pt x="3068" y="17484"/>
                  <a:pt x="3084" y="17497"/>
                </a:cubicBezTo>
                <a:cubicBezTo>
                  <a:pt x="3122" y="17530"/>
                  <a:pt x="3162" y="17589"/>
                  <a:pt x="3175" y="17589"/>
                </a:cubicBezTo>
                <a:cubicBezTo>
                  <a:pt x="3177" y="17589"/>
                  <a:pt x="3178" y="17588"/>
                  <a:pt x="3179" y="17587"/>
                </a:cubicBezTo>
                <a:lnTo>
                  <a:pt x="3156" y="17355"/>
                </a:lnTo>
                <a:lnTo>
                  <a:pt x="2994" y="17406"/>
                </a:lnTo>
                <a:cubicBezTo>
                  <a:pt x="3028" y="17258"/>
                  <a:pt x="3126" y="17082"/>
                  <a:pt x="3244" y="16920"/>
                </a:cubicBezTo>
                <a:cubicBezTo>
                  <a:pt x="3313" y="16879"/>
                  <a:pt x="3355" y="16865"/>
                  <a:pt x="3382" y="16865"/>
                </a:cubicBezTo>
                <a:cubicBezTo>
                  <a:pt x="3448" y="16865"/>
                  <a:pt x="3424" y="16952"/>
                  <a:pt x="3498" y="16952"/>
                </a:cubicBezTo>
                <a:cubicBezTo>
                  <a:pt x="3517" y="16952"/>
                  <a:pt x="3544" y="16945"/>
                  <a:pt x="3582" y="16929"/>
                </a:cubicBezTo>
                <a:cubicBezTo>
                  <a:pt x="3582" y="16818"/>
                  <a:pt x="3517" y="16802"/>
                  <a:pt x="3605" y="16700"/>
                </a:cubicBezTo>
                <a:lnTo>
                  <a:pt x="3605" y="16700"/>
                </a:lnTo>
                <a:cubicBezTo>
                  <a:pt x="3568" y="16704"/>
                  <a:pt x="3540" y="16737"/>
                  <a:pt x="3543" y="16774"/>
                </a:cubicBezTo>
                <a:cubicBezTo>
                  <a:pt x="3540" y="16809"/>
                  <a:pt x="3547" y="16843"/>
                  <a:pt x="3529" y="16864"/>
                </a:cubicBezTo>
                <a:cubicBezTo>
                  <a:pt x="3441" y="16846"/>
                  <a:pt x="3457" y="16783"/>
                  <a:pt x="3475" y="16718"/>
                </a:cubicBezTo>
                <a:cubicBezTo>
                  <a:pt x="3496" y="16654"/>
                  <a:pt x="3524" y="16582"/>
                  <a:pt x="3455" y="16545"/>
                </a:cubicBezTo>
                <a:cubicBezTo>
                  <a:pt x="3463" y="16543"/>
                  <a:pt x="3471" y="16543"/>
                  <a:pt x="3479" y="16543"/>
                </a:cubicBezTo>
                <a:cubicBezTo>
                  <a:pt x="3546" y="16543"/>
                  <a:pt x="3590" y="16585"/>
                  <a:pt x="3619" y="16651"/>
                </a:cubicBezTo>
                <a:cubicBezTo>
                  <a:pt x="3681" y="16451"/>
                  <a:pt x="3802" y="16297"/>
                  <a:pt x="3981" y="16297"/>
                </a:cubicBezTo>
                <a:cubicBezTo>
                  <a:pt x="4003" y="16297"/>
                  <a:pt x="4026" y="16299"/>
                  <a:pt x="4050" y="16304"/>
                </a:cubicBezTo>
                <a:lnTo>
                  <a:pt x="3934" y="16109"/>
                </a:lnTo>
                <a:cubicBezTo>
                  <a:pt x="3986" y="16053"/>
                  <a:pt x="4019" y="16033"/>
                  <a:pt x="4039" y="16033"/>
                </a:cubicBezTo>
                <a:cubicBezTo>
                  <a:pt x="4045" y="16033"/>
                  <a:pt x="4050" y="16034"/>
                  <a:pt x="4054" y="16037"/>
                </a:cubicBezTo>
                <a:cubicBezTo>
                  <a:pt x="4071" y="16054"/>
                  <a:pt x="4073" y="16095"/>
                  <a:pt x="4075" y="16142"/>
                </a:cubicBezTo>
                <a:cubicBezTo>
                  <a:pt x="4077" y="16206"/>
                  <a:pt x="4081" y="16275"/>
                  <a:pt x="4133" y="16275"/>
                </a:cubicBezTo>
                <a:cubicBezTo>
                  <a:pt x="4155" y="16275"/>
                  <a:pt x="4185" y="16263"/>
                  <a:pt x="4226" y="16234"/>
                </a:cubicBezTo>
                <a:cubicBezTo>
                  <a:pt x="4314" y="16135"/>
                  <a:pt x="4383" y="16023"/>
                  <a:pt x="4351" y="15928"/>
                </a:cubicBezTo>
                <a:lnTo>
                  <a:pt x="4351" y="15928"/>
                </a:lnTo>
                <a:lnTo>
                  <a:pt x="4279" y="16021"/>
                </a:lnTo>
                <a:cubicBezTo>
                  <a:pt x="4237" y="15884"/>
                  <a:pt x="4170" y="15847"/>
                  <a:pt x="4191" y="15688"/>
                </a:cubicBezTo>
                <a:cubicBezTo>
                  <a:pt x="4212" y="15667"/>
                  <a:pt x="4234" y="15662"/>
                  <a:pt x="4253" y="15662"/>
                </a:cubicBezTo>
                <a:cubicBezTo>
                  <a:pt x="4269" y="15662"/>
                  <a:pt x="4284" y="15666"/>
                  <a:pt x="4296" y="15666"/>
                </a:cubicBezTo>
                <a:cubicBezTo>
                  <a:pt x="4320" y="15666"/>
                  <a:pt x="4333" y="15653"/>
                  <a:pt x="4323" y="15574"/>
                </a:cubicBezTo>
                <a:cubicBezTo>
                  <a:pt x="4385" y="15532"/>
                  <a:pt x="4434" y="15514"/>
                  <a:pt x="4475" y="15514"/>
                </a:cubicBezTo>
                <a:cubicBezTo>
                  <a:pt x="4578" y="15514"/>
                  <a:pt x="4628" y="15623"/>
                  <a:pt x="4687" y="15725"/>
                </a:cubicBezTo>
                <a:lnTo>
                  <a:pt x="4687" y="15725"/>
                </a:lnTo>
                <a:cubicBezTo>
                  <a:pt x="4730" y="15631"/>
                  <a:pt x="4809" y="15526"/>
                  <a:pt x="4752" y="15463"/>
                </a:cubicBezTo>
                <a:lnTo>
                  <a:pt x="4752" y="15463"/>
                </a:lnTo>
                <a:cubicBezTo>
                  <a:pt x="4791" y="15489"/>
                  <a:pt x="4856" y="15555"/>
                  <a:pt x="4866" y="15631"/>
                </a:cubicBezTo>
                <a:lnTo>
                  <a:pt x="4866" y="15631"/>
                </a:lnTo>
                <a:cubicBezTo>
                  <a:pt x="4627" y="15670"/>
                  <a:pt x="4870" y="15775"/>
                  <a:pt x="4831" y="15775"/>
                </a:cubicBezTo>
                <a:cubicBezTo>
                  <a:pt x="4823" y="15775"/>
                  <a:pt x="4803" y="15770"/>
                  <a:pt x="4763" y="15759"/>
                </a:cubicBezTo>
                <a:lnTo>
                  <a:pt x="4731" y="15795"/>
                </a:lnTo>
                <a:lnTo>
                  <a:pt x="4731" y="15795"/>
                </a:lnTo>
                <a:cubicBezTo>
                  <a:pt x="4716" y="15773"/>
                  <a:pt x="4701" y="15749"/>
                  <a:pt x="4687" y="15725"/>
                </a:cubicBezTo>
                <a:lnTo>
                  <a:pt x="4687" y="15725"/>
                </a:lnTo>
                <a:cubicBezTo>
                  <a:pt x="4664" y="15775"/>
                  <a:pt x="4651" y="15822"/>
                  <a:pt x="4675" y="15857"/>
                </a:cubicBezTo>
                <a:lnTo>
                  <a:pt x="4731" y="15795"/>
                </a:lnTo>
                <a:lnTo>
                  <a:pt x="4731" y="15795"/>
                </a:lnTo>
                <a:cubicBezTo>
                  <a:pt x="4739" y="15805"/>
                  <a:pt x="4746" y="15815"/>
                  <a:pt x="4754" y="15824"/>
                </a:cubicBezTo>
                <a:cubicBezTo>
                  <a:pt x="4780" y="15810"/>
                  <a:pt x="4804" y="15804"/>
                  <a:pt x="4825" y="15804"/>
                </a:cubicBezTo>
                <a:cubicBezTo>
                  <a:pt x="4872" y="15804"/>
                  <a:pt x="4908" y="15834"/>
                  <a:pt x="4935" y="15872"/>
                </a:cubicBezTo>
                <a:lnTo>
                  <a:pt x="4935" y="15872"/>
                </a:lnTo>
                <a:lnTo>
                  <a:pt x="4904" y="15749"/>
                </a:lnTo>
                <a:lnTo>
                  <a:pt x="4904" y="15749"/>
                </a:lnTo>
                <a:lnTo>
                  <a:pt x="5095" y="15810"/>
                </a:lnTo>
                <a:cubicBezTo>
                  <a:pt x="5151" y="15767"/>
                  <a:pt x="5075" y="15653"/>
                  <a:pt x="5141" y="15653"/>
                </a:cubicBezTo>
                <a:cubicBezTo>
                  <a:pt x="5149" y="15653"/>
                  <a:pt x="5159" y="15654"/>
                  <a:pt x="5171" y="15657"/>
                </a:cubicBezTo>
                <a:cubicBezTo>
                  <a:pt x="5319" y="15659"/>
                  <a:pt x="5305" y="15818"/>
                  <a:pt x="5381" y="15818"/>
                </a:cubicBezTo>
                <a:cubicBezTo>
                  <a:pt x="5406" y="15818"/>
                  <a:pt x="5441" y="15801"/>
                  <a:pt x="5495" y="15755"/>
                </a:cubicBezTo>
                <a:cubicBezTo>
                  <a:pt x="5715" y="15549"/>
                  <a:pt x="5458" y="15379"/>
                  <a:pt x="5611" y="15240"/>
                </a:cubicBezTo>
                <a:cubicBezTo>
                  <a:pt x="5603" y="15238"/>
                  <a:pt x="5595" y="15237"/>
                  <a:pt x="5588" y="15237"/>
                </a:cubicBezTo>
                <a:cubicBezTo>
                  <a:pt x="5546" y="15237"/>
                  <a:pt x="5524" y="15275"/>
                  <a:pt x="5486" y="15315"/>
                </a:cubicBezTo>
                <a:cubicBezTo>
                  <a:pt x="5456" y="15210"/>
                  <a:pt x="5333" y="15264"/>
                  <a:pt x="5347" y="15134"/>
                </a:cubicBezTo>
                <a:lnTo>
                  <a:pt x="5347" y="15134"/>
                </a:lnTo>
                <a:cubicBezTo>
                  <a:pt x="5368" y="15140"/>
                  <a:pt x="5388" y="15143"/>
                  <a:pt x="5407" y="15143"/>
                </a:cubicBezTo>
                <a:cubicBezTo>
                  <a:pt x="5469" y="15143"/>
                  <a:pt x="5522" y="15114"/>
                  <a:pt x="5569" y="15071"/>
                </a:cubicBezTo>
                <a:cubicBezTo>
                  <a:pt x="5632" y="15011"/>
                  <a:pt x="5690" y="14946"/>
                  <a:pt x="5739" y="14874"/>
                </a:cubicBezTo>
                <a:cubicBezTo>
                  <a:pt x="5785" y="14965"/>
                  <a:pt x="5922" y="14937"/>
                  <a:pt x="5931" y="15009"/>
                </a:cubicBezTo>
                <a:cubicBezTo>
                  <a:pt x="5963" y="14930"/>
                  <a:pt x="5989" y="14854"/>
                  <a:pt x="5952" y="14777"/>
                </a:cubicBezTo>
                <a:lnTo>
                  <a:pt x="5952" y="14777"/>
                </a:lnTo>
                <a:cubicBezTo>
                  <a:pt x="5905" y="14805"/>
                  <a:pt x="5875" y="14817"/>
                  <a:pt x="5856" y="14817"/>
                </a:cubicBezTo>
                <a:cubicBezTo>
                  <a:pt x="5760" y="14817"/>
                  <a:pt x="5946" y="14523"/>
                  <a:pt x="5810" y="14523"/>
                </a:cubicBezTo>
                <a:cubicBezTo>
                  <a:pt x="5794" y="14523"/>
                  <a:pt x="5774" y="14527"/>
                  <a:pt x="5748" y="14536"/>
                </a:cubicBezTo>
                <a:cubicBezTo>
                  <a:pt x="5917" y="14335"/>
                  <a:pt x="6067" y="14388"/>
                  <a:pt x="6237" y="14321"/>
                </a:cubicBezTo>
                <a:lnTo>
                  <a:pt x="6237" y="14321"/>
                </a:lnTo>
                <a:cubicBezTo>
                  <a:pt x="6255" y="14342"/>
                  <a:pt x="6227" y="14416"/>
                  <a:pt x="6220" y="14467"/>
                </a:cubicBezTo>
                <a:cubicBezTo>
                  <a:pt x="6218" y="14499"/>
                  <a:pt x="6221" y="14522"/>
                  <a:pt x="6247" y="14522"/>
                </a:cubicBezTo>
                <a:cubicBezTo>
                  <a:pt x="6264" y="14522"/>
                  <a:pt x="6290" y="14511"/>
                  <a:pt x="6332" y="14485"/>
                </a:cubicBezTo>
                <a:cubicBezTo>
                  <a:pt x="6362" y="14170"/>
                  <a:pt x="6109" y="14367"/>
                  <a:pt x="6077" y="14075"/>
                </a:cubicBezTo>
                <a:lnTo>
                  <a:pt x="5922" y="14166"/>
                </a:lnTo>
                <a:cubicBezTo>
                  <a:pt x="5741" y="14045"/>
                  <a:pt x="6067" y="13906"/>
                  <a:pt x="6058" y="13841"/>
                </a:cubicBezTo>
                <a:cubicBezTo>
                  <a:pt x="6069" y="13837"/>
                  <a:pt x="6077" y="13835"/>
                  <a:pt x="6083" y="13835"/>
                </a:cubicBezTo>
                <a:cubicBezTo>
                  <a:pt x="6137" y="13835"/>
                  <a:pt x="6030" y="13994"/>
                  <a:pt x="6190" y="14008"/>
                </a:cubicBezTo>
                <a:cubicBezTo>
                  <a:pt x="6325" y="13918"/>
                  <a:pt x="6269" y="13772"/>
                  <a:pt x="6394" y="13746"/>
                </a:cubicBezTo>
                <a:cubicBezTo>
                  <a:pt x="6445" y="13913"/>
                  <a:pt x="6440" y="13830"/>
                  <a:pt x="6471" y="13999"/>
                </a:cubicBezTo>
                <a:cubicBezTo>
                  <a:pt x="6532" y="13923"/>
                  <a:pt x="6569" y="13897"/>
                  <a:pt x="6596" y="13897"/>
                </a:cubicBezTo>
                <a:cubicBezTo>
                  <a:pt x="6649" y="13897"/>
                  <a:pt x="6657" y="14005"/>
                  <a:pt x="6737" y="14005"/>
                </a:cubicBezTo>
                <a:cubicBezTo>
                  <a:pt x="6762" y="14005"/>
                  <a:pt x="6793" y="13995"/>
                  <a:pt x="6834" y="13969"/>
                </a:cubicBezTo>
                <a:cubicBezTo>
                  <a:pt x="6867" y="13885"/>
                  <a:pt x="6735" y="13844"/>
                  <a:pt x="6850" y="13758"/>
                </a:cubicBezTo>
                <a:cubicBezTo>
                  <a:pt x="6776" y="13742"/>
                  <a:pt x="6728" y="13724"/>
                  <a:pt x="6685" y="13724"/>
                </a:cubicBezTo>
                <a:cubicBezTo>
                  <a:pt x="6678" y="13724"/>
                  <a:pt x="6672" y="13725"/>
                  <a:pt x="6665" y="13726"/>
                </a:cubicBezTo>
                <a:cubicBezTo>
                  <a:pt x="6614" y="13730"/>
                  <a:pt x="6570" y="13765"/>
                  <a:pt x="6496" y="13851"/>
                </a:cubicBezTo>
                <a:cubicBezTo>
                  <a:pt x="6433" y="13746"/>
                  <a:pt x="6491" y="13698"/>
                  <a:pt x="6566" y="13647"/>
                </a:cubicBezTo>
                <a:cubicBezTo>
                  <a:pt x="6640" y="13598"/>
                  <a:pt x="6730" y="13552"/>
                  <a:pt x="6730" y="13445"/>
                </a:cubicBezTo>
                <a:lnTo>
                  <a:pt x="6730" y="13445"/>
                </a:lnTo>
                <a:cubicBezTo>
                  <a:pt x="6633" y="13531"/>
                  <a:pt x="6670" y="13445"/>
                  <a:pt x="6605" y="13573"/>
                </a:cubicBezTo>
                <a:cubicBezTo>
                  <a:pt x="6447" y="13464"/>
                  <a:pt x="6392" y="13482"/>
                  <a:pt x="6338" y="13272"/>
                </a:cubicBezTo>
                <a:lnTo>
                  <a:pt x="6338" y="13272"/>
                </a:lnTo>
                <a:cubicBezTo>
                  <a:pt x="6278" y="13417"/>
                  <a:pt x="6396" y="13600"/>
                  <a:pt x="6216" y="13730"/>
                </a:cubicBezTo>
                <a:cubicBezTo>
                  <a:pt x="6030" y="13654"/>
                  <a:pt x="6269" y="13431"/>
                  <a:pt x="6079" y="13267"/>
                </a:cubicBezTo>
                <a:cubicBezTo>
                  <a:pt x="6051" y="13102"/>
                  <a:pt x="6306" y="12973"/>
                  <a:pt x="6454" y="12943"/>
                </a:cubicBezTo>
                <a:cubicBezTo>
                  <a:pt x="6466" y="12813"/>
                  <a:pt x="6512" y="12697"/>
                  <a:pt x="6549" y="12581"/>
                </a:cubicBezTo>
                <a:cubicBezTo>
                  <a:pt x="6568" y="12523"/>
                  <a:pt x="6582" y="12463"/>
                  <a:pt x="6591" y="12403"/>
                </a:cubicBezTo>
                <a:cubicBezTo>
                  <a:pt x="6600" y="12340"/>
                  <a:pt x="6598" y="12275"/>
                  <a:pt x="6586" y="12213"/>
                </a:cubicBezTo>
                <a:cubicBezTo>
                  <a:pt x="6665" y="12180"/>
                  <a:pt x="6730" y="12058"/>
                  <a:pt x="6804" y="11921"/>
                </a:cubicBezTo>
                <a:cubicBezTo>
                  <a:pt x="6843" y="11849"/>
                  <a:pt x="6885" y="11782"/>
                  <a:pt x="6929" y="11715"/>
                </a:cubicBezTo>
                <a:cubicBezTo>
                  <a:pt x="6973" y="11652"/>
                  <a:pt x="7029" y="11597"/>
                  <a:pt x="7094" y="11553"/>
                </a:cubicBezTo>
                <a:cubicBezTo>
                  <a:pt x="7103" y="11556"/>
                  <a:pt x="7113" y="11558"/>
                  <a:pt x="7123" y="11558"/>
                </a:cubicBezTo>
                <a:cubicBezTo>
                  <a:pt x="7197" y="11558"/>
                  <a:pt x="7291" y="11472"/>
                  <a:pt x="7335" y="11472"/>
                </a:cubicBezTo>
                <a:cubicBezTo>
                  <a:pt x="7356" y="11472"/>
                  <a:pt x="7366" y="11490"/>
                  <a:pt x="7361" y="11539"/>
                </a:cubicBezTo>
                <a:lnTo>
                  <a:pt x="7361" y="11539"/>
                </a:lnTo>
                <a:cubicBezTo>
                  <a:pt x="7381" y="11475"/>
                  <a:pt x="7487" y="11325"/>
                  <a:pt x="7383" y="11303"/>
                </a:cubicBezTo>
                <a:lnTo>
                  <a:pt x="7383" y="11303"/>
                </a:lnTo>
                <a:cubicBezTo>
                  <a:pt x="7392" y="11347"/>
                  <a:pt x="7353" y="11347"/>
                  <a:pt x="7321" y="11388"/>
                </a:cubicBezTo>
                <a:lnTo>
                  <a:pt x="7253" y="11256"/>
                </a:lnTo>
                <a:cubicBezTo>
                  <a:pt x="7392" y="11196"/>
                  <a:pt x="7374" y="10957"/>
                  <a:pt x="7529" y="10920"/>
                </a:cubicBezTo>
                <a:lnTo>
                  <a:pt x="7529" y="10920"/>
                </a:lnTo>
                <a:cubicBezTo>
                  <a:pt x="7638" y="10967"/>
                  <a:pt x="7404" y="11152"/>
                  <a:pt x="7562" y="11182"/>
                </a:cubicBezTo>
                <a:cubicBezTo>
                  <a:pt x="7548" y="11113"/>
                  <a:pt x="7552" y="11041"/>
                  <a:pt x="7578" y="10974"/>
                </a:cubicBezTo>
                <a:cubicBezTo>
                  <a:pt x="7606" y="10893"/>
                  <a:pt x="7643" y="10818"/>
                  <a:pt x="7689" y="10747"/>
                </a:cubicBezTo>
                <a:cubicBezTo>
                  <a:pt x="7784" y="10603"/>
                  <a:pt x="7909" y="10478"/>
                  <a:pt x="7999" y="10452"/>
                </a:cubicBezTo>
                <a:cubicBezTo>
                  <a:pt x="8020" y="10441"/>
                  <a:pt x="8041" y="10436"/>
                  <a:pt x="8063" y="10436"/>
                </a:cubicBezTo>
                <a:cubicBezTo>
                  <a:pt x="8140" y="10436"/>
                  <a:pt x="8221" y="10492"/>
                  <a:pt x="8264" y="10492"/>
                </a:cubicBezTo>
                <a:cubicBezTo>
                  <a:pt x="8269" y="10492"/>
                  <a:pt x="8273" y="10491"/>
                  <a:pt x="8277" y="10489"/>
                </a:cubicBezTo>
                <a:lnTo>
                  <a:pt x="8405" y="10350"/>
                </a:lnTo>
                <a:cubicBezTo>
                  <a:pt x="8458" y="10376"/>
                  <a:pt x="8507" y="10422"/>
                  <a:pt x="8581" y="10450"/>
                </a:cubicBezTo>
                <a:cubicBezTo>
                  <a:pt x="8676" y="10415"/>
                  <a:pt x="8680" y="10332"/>
                  <a:pt x="8701" y="10267"/>
                </a:cubicBezTo>
                <a:cubicBezTo>
                  <a:pt x="8743" y="10253"/>
                  <a:pt x="8778" y="10247"/>
                  <a:pt x="8808" y="10247"/>
                </a:cubicBezTo>
                <a:cubicBezTo>
                  <a:pt x="8956" y="10247"/>
                  <a:pt x="8954" y="10406"/>
                  <a:pt x="8944" y="10547"/>
                </a:cubicBezTo>
                <a:lnTo>
                  <a:pt x="8806" y="10598"/>
                </a:lnTo>
                <a:cubicBezTo>
                  <a:pt x="8787" y="10723"/>
                  <a:pt x="8660" y="10798"/>
                  <a:pt x="8829" y="10855"/>
                </a:cubicBezTo>
                <a:cubicBezTo>
                  <a:pt x="8868" y="10795"/>
                  <a:pt x="8822" y="10749"/>
                  <a:pt x="8812" y="10705"/>
                </a:cubicBezTo>
                <a:lnTo>
                  <a:pt x="8812" y="10705"/>
                </a:lnTo>
                <a:lnTo>
                  <a:pt x="8935" y="10716"/>
                </a:lnTo>
                <a:cubicBezTo>
                  <a:pt x="8947" y="10610"/>
                  <a:pt x="9086" y="10432"/>
                  <a:pt x="8984" y="10357"/>
                </a:cubicBezTo>
                <a:cubicBezTo>
                  <a:pt x="9074" y="10334"/>
                  <a:pt x="9137" y="10272"/>
                  <a:pt x="9197" y="10209"/>
                </a:cubicBezTo>
                <a:cubicBezTo>
                  <a:pt x="9257" y="10147"/>
                  <a:pt x="9320" y="10093"/>
                  <a:pt x="9408" y="10079"/>
                </a:cubicBezTo>
                <a:lnTo>
                  <a:pt x="9408" y="10079"/>
                </a:lnTo>
                <a:cubicBezTo>
                  <a:pt x="9404" y="10080"/>
                  <a:pt x="9401" y="10080"/>
                  <a:pt x="9398" y="10080"/>
                </a:cubicBezTo>
                <a:cubicBezTo>
                  <a:pt x="9284" y="10080"/>
                  <a:pt x="9340" y="9964"/>
                  <a:pt x="9255" y="9913"/>
                </a:cubicBezTo>
                <a:lnTo>
                  <a:pt x="9097" y="10003"/>
                </a:lnTo>
                <a:cubicBezTo>
                  <a:pt x="9181" y="9885"/>
                  <a:pt x="9271" y="9679"/>
                  <a:pt x="9429" y="9653"/>
                </a:cubicBezTo>
                <a:cubicBezTo>
                  <a:pt x="9468" y="9723"/>
                  <a:pt x="9482" y="9746"/>
                  <a:pt x="9581" y="9757"/>
                </a:cubicBezTo>
                <a:lnTo>
                  <a:pt x="9581" y="9757"/>
                </a:lnTo>
                <a:cubicBezTo>
                  <a:pt x="9450" y="9742"/>
                  <a:pt x="9644" y="9522"/>
                  <a:pt x="9474" y="9522"/>
                </a:cubicBezTo>
                <a:cubicBezTo>
                  <a:pt x="9462" y="9522"/>
                  <a:pt x="9448" y="9523"/>
                  <a:pt x="9431" y="9526"/>
                </a:cubicBezTo>
                <a:cubicBezTo>
                  <a:pt x="9405" y="9607"/>
                  <a:pt x="9352" y="9679"/>
                  <a:pt x="9278" y="9725"/>
                </a:cubicBezTo>
                <a:cubicBezTo>
                  <a:pt x="9118" y="9642"/>
                  <a:pt x="9222" y="9523"/>
                  <a:pt x="9225" y="9394"/>
                </a:cubicBezTo>
                <a:cubicBezTo>
                  <a:pt x="9283" y="9294"/>
                  <a:pt x="9408" y="9109"/>
                  <a:pt x="9487" y="8970"/>
                </a:cubicBezTo>
                <a:cubicBezTo>
                  <a:pt x="9499" y="8966"/>
                  <a:pt x="9511" y="8964"/>
                  <a:pt x="9525" y="8964"/>
                </a:cubicBezTo>
                <a:cubicBezTo>
                  <a:pt x="9570" y="8964"/>
                  <a:pt x="9620" y="8982"/>
                  <a:pt x="9665" y="8982"/>
                </a:cubicBezTo>
                <a:cubicBezTo>
                  <a:pt x="9713" y="8982"/>
                  <a:pt x="9754" y="8962"/>
                  <a:pt x="9776" y="8877"/>
                </a:cubicBezTo>
                <a:lnTo>
                  <a:pt x="9776" y="8877"/>
                </a:lnTo>
                <a:cubicBezTo>
                  <a:pt x="9773" y="8877"/>
                  <a:pt x="9769" y="8877"/>
                  <a:pt x="9766" y="8877"/>
                </a:cubicBezTo>
                <a:cubicBezTo>
                  <a:pt x="9521" y="8877"/>
                  <a:pt x="9752" y="8546"/>
                  <a:pt x="9688" y="8386"/>
                </a:cubicBezTo>
                <a:cubicBezTo>
                  <a:pt x="9771" y="8363"/>
                  <a:pt x="9797" y="8296"/>
                  <a:pt x="9827" y="8236"/>
                </a:cubicBezTo>
                <a:cubicBezTo>
                  <a:pt x="9852" y="8183"/>
                  <a:pt x="9881" y="8139"/>
                  <a:pt x="9954" y="8139"/>
                </a:cubicBezTo>
                <a:cubicBezTo>
                  <a:pt x="9962" y="8139"/>
                  <a:pt x="9971" y="8139"/>
                  <a:pt x="9980" y="8141"/>
                </a:cubicBezTo>
                <a:cubicBezTo>
                  <a:pt x="9973" y="8185"/>
                  <a:pt x="9922" y="8242"/>
                  <a:pt x="9876" y="8307"/>
                </a:cubicBezTo>
                <a:cubicBezTo>
                  <a:pt x="9832" y="8372"/>
                  <a:pt x="9795" y="8444"/>
                  <a:pt x="9811" y="8511"/>
                </a:cubicBezTo>
                <a:cubicBezTo>
                  <a:pt x="9880" y="8608"/>
                  <a:pt x="10049" y="8717"/>
                  <a:pt x="9910" y="8917"/>
                </a:cubicBezTo>
                <a:cubicBezTo>
                  <a:pt x="10163" y="8782"/>
                  <a:pt x="9973" y="8731"/>
                  <a:pt x="10040" y="8611"/>
                </a:cubicBezTo>
                <a:lnTo>
                  <a:pt x="10040" y="8611"/>
                </a:lnTo>
                <a:lnTo>
                  <a:pt x="9978" y="8685"/>
                </a:lnTo>
                <a:cubicBezTo>
                  <a:pt x="9980" y="8622"/>
                  <a:pt x="9859" y="8606"/>
                  <a:pt x="9924" y="8548"/>
                </a:cubicBezTo>
                <a:cubicBezTo>
                  <a:pt x="10026" y="8476"/>
                  <a:pt x="10144" y="8432"/>
                  <a:pt x="10270" y="8421"/>
                </a:cubicBezTo>
                <a:cubicBezTo>
                  <a:pt x="10369" y="8414"/>
                  <a:pt x="10466" y="8421"/>
                  <a:pt x="10601" y="8412"/>
                </a:cubicBezTo>
                <a:cubicBezTo>
                  <a:pt x="10508" y="8375"/>
                  <a:pt x="10538" y="8249"/>
                  <a:pt x="10575" y="8212"/>
                </a:cubicBezTo>
                <a:cubicBezTo>
                  <a:pt x="10596" y="8208"/>
                  <a:pt x="10614" y="8206"/>
                  <a:pt x="10630" y="8206"/>
                </a:cubicBezTo>
                <a:cubicBezTo>
                  <a:pt x="10798" y="8206"/>
                  <a:pt x="10749" y="8417"/>
                  <a:pt x="10941" y="8470"/>
                </a:cubicBezTo>
                <a:cubicBezTo>
                  <a:pt x="10930" y="8337"/>
                  <a:pt x="11064" y="8270"/>
                  <a:pt x="10974" y="8233"/>
                </a:cubicBezTo>
                <a:cubicBezTo>
                  <a:pt x="10993" y="8217"/>
                  <a:pt x="11006" y="8212"/>
                  <a:pt x="11017" y="8212"/>
                </a:cubicBezTo>
                <a:cubicBezTo>
                  <a:pt x="11040" y="8212"/>
                  <a:pt x="11052" y="8236"/>
                  <a:pt x="11090" y="8236"/>
                </a:cubicBezTo>
                <a:cubicBezTo>
                  <a:pt x="11094" y="8236"/>
                  <a:pt x="11099" y="8236"/>
                  <a:pt x="11103" y="8236"/>
                </a:cubicBezTo>
                <a:cubicBezTo>
                  <a:pt x="11085" y="8124"/>
                  <a:pt x="11101" y="8041"/>
                  <a:pt x="11196" y="7971"/>
                </a:cubicBezTo>
                <a:lnTo>
                  <a:pt x="11196" y="7971"/>
                </a:lnTo>
                <a:cubicBezTo>
                  <a:pt x="11219" y="8020"/>
                  <a:pt x="11252" y="8090"/>
                  <a:pt x="11145" y="8136"/>
                </a:cubicBezTo>
                <a:cubicBezTo>
                  <a:pt x="11163" y="8130"/>
                  <a:pt x="11182" y="8127"/>
                  <a:pt x="11200" y="8127"/>
                </a:cubicBezTo>
                <a:cubicBezTo>
                  <a:pt x="11311" y="8127"/>
                  <a:pt x="11419" y="8226"/>
                  <a:pt x="11435" y="8321"/>
                </a:cubicBezTo>
                <a:lnTo>
                  <a:pt x="11231" y="8391"/>
                </a:lnTo>
                <a:cubicBezTo>
                  <a:pt x="11231" y="8431"/>
                  <a:pt x="11244" y="8444"/>
                  <a:pt x="11264" y="8444"/>
                </a:cubicBezTo>
                <a:cubicBezTo>
                  <a:pt x="11305" y="8444"/>
                  <a:pt x="11376" y="8390"/>
                  <a:pt x="11430" y="8390"/>
                </a:cubicBezTo>
                <a:cubicBezTo>
                  <a:pt x="11449" y="8390"/>
                  <a:pt x="11466" y="8397"/>
                  <a:pt x="11479" y="8416"/>
                </a:cubicBezTo>
                <a:cubicBezTo>
                  <a:pt x="11425" y="8490"/>
                  <a:pt x="11326" y="8472"/>
                  <a:pt x="11300" y="8532"/>
                </a:cubicBezTo>
                <a:cubicBezTo>
                  <a:pt x="11317" y="8541"/>
                  <a:pt x="11333" y="8545"/>
                  <a:pt x="11348" y="8545"/>
                </a:cubicBezTo>
                <a:cubicBezTo>
                  <a:pt x="11441" y="8545"/>
                  <a:pt x="11498" y="8385"/>
                  <a:pt x="11562" y="8324"/>
                </a:cubicBezTo>
                <a:cubicBezTo>
                  <a:pt x="11593" y="8306"/>
                  <a:pt x="11619" y="8298"/>
                  <a:pt x="11640" y="8298"/>
                </a:cubicBezTo>
                <a:cubicBezTo>
                  <a:pt x="11716" y="8298"/>
                  <a:pt x="11741" y="8390"/>
                  <a:pt x="11775" y="8430"/>
                </a:cubicBezTo>
                <a:cubicBezTo>
                  <a:pt x="11816" y="8292"/>
                  <a:pt x="11753" y="8271"/>
                  <a:pt x="11673" y="8271"/>
                </a:cubicBezTo>
                <a:cubicBezTo>
                  <a:pt x="11640" y="8271"/>
                  <a:pt x="11604" y="8275"/>
                  <a:pt x="11571" y="8275"/>
                </a:cubicBezTo>
                <a:cubicBezTo>
                  <a:pt x="11495" y="8275"/>
                  <a:pt x="11436" y="8256"/>
                  <a:pt x="11472" y="8131"/>
                </a:cubicBezTo>
                <a:cubicBezTo>
                  <a:pt x="11467" y="8046"/>
                  <a:pt x="11516" y="7967"/>
                  <a:pt x="11583" y="7895"/>
                </a:cubicBezTo>
                <a:cubicBezTo>
                  <a:pt x="11650" y="7823"/>
                  <a:pt x="11731" y="7756"/>
                  <a:pt x="11794" y="7694"/>
                </a:cubicBezTo>
                <a:cubicBezTo>
                  <a:pt x="11574" y="7647"/>
                  <a:pt x="11669" y="7494"/>
                  <a:pt x="11784" y="7341"/>
                </a:cubicBezTo>
                <a:lnTo>
                  <a:pt x="11784" y="7341"/>
                </a:lnTo>
                <a:cubicBezTo>
                  <a:pt x="11738" y="7373"/>
                  <a:pt x="11704" y="7383"/>
                  <a:pt x="11677" y="7383"/>
                </a:cubicBezTo>
                <a:cubicBezTo>
                  <a:pt x="11633" y="7383"/>
                  <a:pt x="11609" y="7356"/>
                  <a:pt x="11579" y="7356"/>
                </a:cubicBezTo>
                <a:cubicBezTo>
                  <a:pt x="11551" y="7356"/>
                  <a:pt x="11518" y="7380"/>
                  <a:pt x="11458" y="7473"/>
                </a:cubicBezTo>
                <a:lnTo>
                  <a:pt x="11374" y="7369"/>
                </a:lnTo>
                <a:cubicBezTo>
                  <a:pt x="11472" y="7297"/>
                  <a:pt x="11622" y="7265"/>
                  <a:pt x="11720" y="7198"/>
                </a:cubicBezTo>
                <a:cubicBezTo>
                  <a:pt x="11720" y="7242"/>
                  <a:pt x="11761" y="7249"/>
                  <a:pt x="11743" y="7290"/>
                </a:cubicBezTo>
                <a:lnTo>
                  <a:pt x="11995" y="7036"/>
                </a:lnTo>
                <a:lnTo>
                  <a:pt x="12016" y="7128"/>
                </a:lnTo>
                <a:cubicBezTo>
                  <a:pt x="12116" y="7070"/>
                  <a:pt x="12220" y="7022"/>
                  <a:pt x="12327" y="6978"/>
                </a:cubicBezTo>
                <a:cubicBezTo>
                  <a:pt x="12431" y="6934"/>
                  <a:pt x="12519" y="6890"/>
                  <a:pt x="12558" y="6834"/>
                </a:cubicBezTo>
                <a:lnTo>
                  <a:pt x="12558" y="6834"/>
                </a:lnTo>
                <a:cubicBezTo>
                  <a:pt x="12534" y="6855"/>
                  <a:pt x="12503" y="6865"/>
                  <a:pt x="12474" y="6865"/>
                </a:cubicBezTo>
                <a:cubicBezTo>
                  <a:pt x="12408" y="6865"/>
                  <a:pt x="12350" y="6817"/>
                  <a:pt x="12398" y="6753"/>
                </a:cubicBezTo>
                <a:cubicBezTo>
                  <a:pt x="12419" y="6670"/>
                  <a:pt x="12479" y="6549"/>
                  <a:pt x="12570" y="6505"/>
                </a:cubicBezTo>
                <a:cubicBezTo>
                  <a:pt x="12597" y="6526"/>
                  <a:pt x="12633" y="6533"/>
                  <a:pt x="12671" y="6533"/>
                </a:cubicBezTo>
                <a:cubicBezTo>
                  <a:pt x="12735" y="6533"/>
                  <a:pt x="12807" y="6514"/>
                  <a:pt x="12856" y="6514"/>
                </a:cubicBezTo>
                <a:cubicBezTo>
                  <a:pt x="12914" y="6514"/>
                  <a:pt x="12942" y="6539"/>
                  <a:pt x="12896" y="6649"/>
                </a:cubicBezTo>
                <a:cubicBezTo>
                  <a:pt x="12933" y="6607"/>
                  <a:pt x="12970" y="6561"/>
                  <a:pt x="13003" y="6514"/>
                </a:cubicBezTo>
                <a:cubicBezTo>
                  <a:pt x="13019" y="6489"/>
                  <a:pt x="13035" y="6461"/>
                  <a:pt x="13049" y="6433"/>
                </a:cubicBezTo>
                <a:cubicBezTo>
                  <a:pt x="13084" y="6352"/>
                  <a:pt x="13133" y="6280"/>
                  <a:pt x="13191" y="6216"/>
                </a:cubicBezTo>
                <a:lnTo>
                  <a:pt x="13191" y="6216"/>
                </a:lnTo>
                <a:lnTo>
                  <a:pt x="13047" y="6355"/>
                </a:lnTo>
                <a:cubicBezTo>
                  <a:pt x="12965" y="6272"/>
                  <a:pt x="12984" y="6038"/>
                  <a:pt x="12822" y="6038"/>
                </a:cubicBezTo>
                <a:cubicBezTo>
                  <a:pt x="12811" y="6038"/>
                  <a:pt x="12798" y="6039"/>
                  <a:pt x="12785" y="6042"/>
                </a:cubicBezTo>
                <a:cubicBezTo>
                  <a:pt x="12929" y="5857"/>
                  <a:pt x="12690" y="5752"/>
                  <a:pt x="12931" y="5565"/>
                </a:cubicBezTo>
                <a:cubicBezTo>
                  <a:pt x="12932" y="5565"/>
                  <a:pt x="12933" y="5565"/>
                  <a:pt x="12933" y="5565"/>
                </a:cubicBezTo>
                <a:cubicBezTo>
                  <a:pt x="13074" y="5565"/>
                  <a:pt x="13032" y="5795"/>
                  <a:pt x="12908" y="5912"/>
                </a:cubicBezTo>
                <a:cubicBezTo>
                  <a:pt x="12984" y="5873"/>
                  <a:pt x="13086" y="5889"/>
                  <a:pt x="13114" y="5771"/>
                </a:cubicBezTo>
                <a:lnTo>
                  <a:pt x="13114" y="5771"/>
                </a:lnTo>
                <a:cubicBezTo>
                  <a:pt x="13223" y="5822"/>
                  <a:pt x="13077" y="6007"/>
                  <a:pt x="13105" y="6037"/>
                </a:cubicBezTo>
                <a:cubicBezTo>
                  <a:pt x="13239" y="5958"/>
                  <a:pt x="13068" y="5982"/>
                  <a:pt x="13172" y="5875"/>
                </a:cubicBezTo>
                <a:cubicBezTo>
                  <a:pt x="13214" y="5799"/>
                  <a:pt x="13252" y="5776"/>
                  <a:pt x="13291" y="5776"/>
                </a:cubicBezTo>
                <a:cubicBezTo>
                  <a:pt x="13347" y="5776"/>
                  <a:pt x="13403" y="5827"/>
                  <a:pt x="13464" y="5827"/>
                </a:cubicBezTo>
                <a:cubicBezTo>
                  <a:pt x="13499" y="5827"/>
                  <a:pt x="13535" y="5810"/>
                  <a:pt x="13575" y="5759"/>
                </a:cubicBezTo>
                <a:lnTo>
                  <a:pt x="13575" y="5759"/>
                </a:lnTo>
                <a:cubicBezTo>
                  <a:pt x="13556" y="5775"/>
                  <a:pt x="13524" y="5788"/>
                  <a:pt x="13498" y="5788"/>
                </a:cubicBezTo>
                <a:cubicBezTo>
                  <a:pt x="13467" y="5788"/>
                  <a:pt x="13445" y="5771"/>
                  <a:pt x="13457" y="5727"/>
                </a:cubicBezTo>
                <a:cubicBezTo>
                  <a:pt x="13506" y="5699"/>
                  <a:pt x="13552" y="5662"/>
                  <a:pt x="13589" y="5620"/>
                </a:cubicBezTo>
                <a:cubicBezTo>
                  <a:pt x="13610" y="5599"/>
                  <a:pt x="13621" y="5572"/>
                  <a:pt x="13626" y="5542"/>
                </a:cubicBezTo>
                <a:cubicBezTo>
                  <a:pt x="13635" y="5491"/>
                  <a:pt x="13631" y="5440"/>
                  <a:pt x="13716" y="5352"/>
                </a:cubicBezTo>
                <a:cubicBezTo>
                  <a:pt x="13891" y="5420"/>
                  <a:pt x="13952" y="5570"/>
                  <a:pt x="14090" y="5570"/>
                </a:cubicBezTo>
                <a:cubicBezTo>
                  <a:pt x="14116" y="5570"/>
                  <a:pt x="14143" y="5565"/>
                  <a:pt x="14175" y="5553"/>
                </a:cubicBezTo>
                <a:lnTo>
                  <a:pt x="14175" y="5553"/>
                </a:lnTo>
                <a:lnTo>
                  <a:pt x="14073" y="5611"/>
                </a:lnTo>
                <a:cubicBezTo>
                  <a:pt x="14118" y="5624"/>
                  <a:pt x="14161" y="5630"/>
                  <a:pt x="14200" y="5630"/>
                </a:cubicBezTo>
                <a:cubicBezTo>
                  <a:pt x="14263" y="5630"/>
                  <a:pt x="14318" y="5614"/>
                  <a:pt x="14363" y="5586"/>
                </a:cubicBezTo>
                <a:cubicBezTo>
                  <a:pt x="14437" y="5493"/>
                  <a:pt x="14506" y="5403"/>
                  <a:pt x="14571" y="5310"/>
                </a:cubicBezTo>
                <a:cubicBezTo>
                  <a:pt x="14636" y="5215"/>
                  <a:pt x="14699" y="5120"/>
                  <a:pt x="14761" y="5023"/>
                </a:cubicBezTo>
                <a:cubicBezTo>
                  <a:pt x="14824" y="4928"/>
                  <a:pt x="14889" y="4830"/>
                  <a:pt x="14958" y="4735"/>
                </a:cubicBezTo>
                <a:cubicBezTo>
                  <a:pt x="14977" y="4712"/>
                  <a:pt x="14993" y="4689"/>
                  <a:pt x="15011" y="4666"/>
                </a:cubicBezTo>
                <a:cubicBezTo>
                  <a:pt x="15030" y="4643"/>
                  <a:pt x="15048" y="4622"/>
                  <a:pt x="15069" y="4599"/>
                </a:cubicBezTo>
                <a:cubicBezTo>
                  <a:pt x="15109" y="4555"/>
                  <a:pt x="15148" y="4513"/>
                  <a:pt x="15192" y="4469"/>
                </a:cubicBezTo>
                <a:lnTo>
                  <a:pt x="15192" y="4469"/>
                </a:lnTo>
                <a:lnTo>
                  <a:pt x="15069" y="4583"/>
                </a:lnTo>
                <a:cubicBezTo>
                  <a:pt x="14990" y="4555"/>
                  <a:pt x="15155" y="4450"/>
                  <a:pt x="15120" y="4393"/>
                </a:cubicBezTo>
                <a:lnTo>
                  <a:pt x="15120" y="4393"/>
                </a:lnTo>
                <a:lnTo>
                  <a:pt x="15250" y="4413"/>
                </a:lnTo>
                <a:cubicBezTo>
                  <a:pt x="15213" y="4286"/>
                  <a:pt x="14986" y="4416"/>
                  <a:pt x="14979" y="4277"/>
                </a:cubicBezTo>
                <a:lnTo>
                  <a:pt x="14979" y="4277"/>
                </a:lnTo>
                <a:cubicBezTo>
                  <a:pt x="14983" y="4278"/>
                  <a:pt x="14988" y="4278"/>
                  <a:pt x="14992" y="4278"/>
                </a:cubicBezTo>
                <a:cubicBezTo>
                  <a:pt x="15013" y="4278"/>
                  <a:pt x="15032" y="4269"/>
                  <a:pt x="15044" y="4254"/>
                </a:cubicBezTo>
                <a:lnTo>
                  <a:pt x="15044" y="4254"/>
                </a:lnTo>
                <a:lnTo>
                  <a:pt x="14939" y="4265"/>
                </a:lnTo>
                <a:cubicBezTo>
                  <a:pt x="15120" y="4208"/>
                  <a:pt x="15179" y="3995"/>
                  <a:pt x="15340" y="3995"/>
                </a:cubicBezTo>
                <a:cubicBezTo>
                  <a:pt x="15369" y="3995"/>
                  <a:pt x="15401" y="4001"/>
                  <a:pt x="15438" y="4017"/>
                </a:cubicBezTo>
                <a:cubicBezTo>
                  <a:pt x="15086" y="4234"/>
                  <a:pt x="15530" y="4375"/>
                  <a:pt x="15250" y="4613"/>
                </a:cubicBezTo>
                <a:lnTo>
                  <a:pt x="15250" y="4613"/>
                </a:lnTo>
                <a:cubicBezTo>
                  <a:pt x="15274" y="4596"/>
                  <a:pt x="15292" y="4588"/>
                  <a:pt x="15306" y="4588"/>
                </a:cubicBezTo>
                <a:cubicBezTo>
                  <a:pt x="15368" y="4588"/>
                  <a:pt x="15334" y="4746"/>
                  <a:pt x="15370" y="4777"/>
                </a:cubicBezTo>
                <a:cubicBezTo>
                  <a:pt x="15484" y="4747"/>
                  <a:pt x="15373" y="4664"/>
                  <a:pt x="15505" y="4640"/>
                </a:cubicBezTo>
                <a:lnTo>
                  <a:pt x="15505" y="4640"/>
                </a:lnTo>
                <a:cubicBezTo>
                  <a:pt x="15546" y="4724"/>
                  <a:pt x="15345" y="4928"/>
                  <a:pt x="15484" y="4930"/>
                </a:cubicBezTo>
                <a:cubicBezTo>
                  <a:pt x="15428" y="4796"/>
                  <a:pt x="15542" y="4768"/>
                  <a:pt x="15544" y="4654"/>
                </a:cubicBezTo>
                <a:cubicBezTo>
                  <a:pt x="15550" y="4654"/>
                  <a:pt x="15555" y="4653"/>
                  <a:pt x="15560" y="4653"/>
                </a:cubicBezTo>
                <a:cubicBezTo>
                  <a:pt x="15639" y="4653"/>
                  <a:pt x="15589" y="4739"/>
                  <a:pt x="15644" y="4759"/>
                </a:cubicBezTo>
                <a:cubicBezTo>
                  <a:pt x="15685" y="4728"/>
                  <a:pt x="15683" y="4657"/>
                  <a:pt x="15734" y="4652"/>
                </a:cubicBezTo>
                <a:lnTo>
                  <a:pt x="15743" y="4747"/>
                </a:lnTo>
                <a:cubicBezTo>
                  <a:pt x="15889" y="4742"/>
                  <a:pt x="15892" y="4703"/>
                  <a:pt x="15892" y="4652"/>
                </a:cubicBezTo>
                <a:cubicBezTo>
                  <a:pt x="15889" y="4622"/>
                  <a:pt x="15896" y="4594"/>
                  <a:pt x="15910" y="4569"/>
                </a:cubicBezTo>
                <a:cubicBezTo>
                  <a:pt x="15922" y="4550"/>
                  <a:pt x="15936" y="4536"/>
                  <a:pt x="15952" y="4525"/>
                </a:cubicBezTo>
                <a:cubicBezTo>
                  <a:pt x="15977" y="4508"/>
                  <a:pt x="16005" y="4494"/>
                  <a:pt x="16035" y="4485"/>
                </a:cubicBezTo>
                <a:cubicBezTo>
                  <a:pt x="16018" y="4444"/>
                  <a:pt x="15997" y="4428"/>
                  <a:pt x="15972" y="4428"/>
                </a:cubicBezTo>
                <a:cubicBezTo>
                  <a:pt x="15932" y="4428"/>
                  <a:pt x="15882" y="4472"/>
                  <a:pt x="15820" y="4522"/>
                </a:cubicBezTo>
                <a:cubicBezTo>
                  <a:pt x="15732" y="4423"/>
                  <a:pt x="15783" y="4311"/>
                  <a:pt x="15841" y="4200"/>
                </a:cubicBezTo>
                <a:cubicBezTo>
                  <a:pt x="15898" y="4089"/>
                  <a:pt x="15961" y="3973"/>
                  <a:pt x="15887" y="3853"/>
                </a:cubicBezTo>
                <a:cubicBezTo>
                  <a:pt x="15939" y="3816"/>
                  <a:pt x="15968" y="3802"/>
                  <a:pt x="15983" y="3802"/>
                </a:cubicBezTo>
                <a:cubicBezTo>
                  <a:pt x="16030" y="3802"/>
                  <a:pt x="15943" y="3945"/>
                  <a:pt x="16073" y="3945"/>
                </a:cubicBezTo>
                <a:cubicBezTo>
                  <a:pt x="16086" y="3945"/>
                  <a:pt x="16101" y="3944"/>
                  <a:pt x="16119" y="3941"/>
                </a:cubicBezTo>
                <a:lnTo>
                  <a:pt x="16119" y="3941"/>
                </a:lnTo>
                <a:cubicBezTo>
                  <a:pt x="16315" y="4038"/>
                  <a:pt x="16042" y="4189"/>
                  <a:pt x="16044" y="4328"/>
                </a:cubicBezTo>
                <a:lnTo>
                  <a:pt x="16318" y="4316"/>
                </a:lnTo>
                <a:lnTo>
                  <a:pt x="16318" y="4316"/>
                </a:lnTo>
                <a:cubicBezTo>
                  <a:pt x="16348" y="4557"/>
                  <a:pt x="16174" y="4562"/>
                  <a:pt x="16232" y="4766"/>
                </a:cubicBezTo>
                <a:cubicBezTo>
                  <a:pt x="16401" y="4694"/>
                  <a:pt x="16355" y="4652"/>
                  <a:pt x="16487" y="4494"/>
                </a:cubicBezTo>
                <a:cubicBezTo>
                  <a:pt x="16139" y="4478"/>
                  <a:pt x="16542" y="4309"/>
                  <a:pt x="16288" y="4189"/>
                </a:cubicBezTo>
                <a:cubicBezTo>
                  <a:pt x="16302" y="4188"/>
                  <a:pt x="16314" y="4187"/>
                  <a:pt x="16325" y="4187"/>
                </a:cubicBezTo>
                <a:cubicBezTo>
                  <a:pt x="16383" y="4187"/>
                  <a:pt x="16411" y="4199"/>
                  <a:pt x="16447" y="4199"/>
                </a:cubicBezTo>
                <a:cubicBezTo>
                  <a:pt x="16481" y="4199"/>
                  <a:pt x="16523" y="4188"/>
                  <a:pt x="16605" y="4147"/>
                </a:cubicBezTo>
                <a:lnTo>
                  <a:pt x="16605" y="4147"/>
                </a:lnTo>
                <a:cubicBezTo>
                  <a:pt x="16510" y="4251"/>
                  <a:pt x="16681" y="4316"/>
                  <a:pt x="16531" y="4397"/>
                </a:cubicBezTo>
                <a:cubicBezTo>
                  <a:pt x="16603" y="4360"/>
                  <a:pt x="16668" y="4311"/>
                  <a:pt x="16725" y="4254"/>
                </a:cubicBezTo>
                <a:cubicBezTo>
                  <a:pt x="16746" y="4230"/>
                  <a:pt x="16769" y="4212"/>
                  <a:pt x="16793" y="4193"/>
                </a:cubicBezTo>
                <a:cubicBezTo>
                  <a:pt x="16834" y="4163"/>
                  <a:pt x="16878" y="4135"/>
                  <a:pt x="16922" y="4112"/>
                </a:cubicBezTo>
                <a:cubicBezTo>
                  <a:pt x="16932" y="3929"/>
                  <a:pt x="16580" y="4043"/>
                  <a:pt x="16832" y="3795"/>
                </a:cubicBezTo>
                <a:cubicBezTo>
                  <a:pt x="16845" y="3788"/>
                  <a:pt x="16856" y="3786"/>
                  <a:pt x="16865" y="3786"/>
                </a:cubicBezTo>
                <a:cubicBezTo>
                  <a:pt x="16900" y="3786"/>
                  <a:pt x="16903" y="3828"/>
                  <a:pt x="16871" y="3841"/>
                </a:cubicBezTo>
                <a:cubicBezTo>
                  <a:pt x="17115" y="3797"/>
                  <a:pt x="16742" y="3681"/>
                  <a:pt x="16844" y="3542"/>
                </a:cubicBezTo>
                <a:cubicBezTo>
                  <a:pt x="16874" y="3520"/>
                  <a:pt x="16902" y="3511"/>
                  <a:pt x="16924" y="3511"/>
                </a:cubicBezTo>
                <a:cubicBezTo>
                  <a:pt x="16963" y="3511"/>
                  <a:pt x="16984" y="3541"/>
                  <a:pt x="16969" y="3575"/>
                </a:cubicBezTo>
                <a:cubicBezTo>
                  <a:pt x="17073" y="3427"/>
                  <a:pt x="16948" y="3366"/>
                  <a:pt x="17029" y="3290"/>
                </a:cubicBezTo>
                <a:lnTo>
                  <a:pt x="17029" y="3290"/>
                </a:lnTo>
                <a:lnTo>
                  <a:pt x="16978" y="3292"/>
                </a:lnTo>
                <a:cubicBezTo>
                  <a:pt x="16999" y="3230"/>
                  <a:pt x="16790" y="3077"/>
                  <a:pt x="16994" y="2968"/>
                </a:cubicBezTo>
                <a:cubicBezTo>
                  <a:pt x="17031" y="2951"/>
                  <a:pt x="17058" y="2944"/>
                  <a:pt x="17079" y="2944"/>
                </a:cubicBezTo>
                <a:cubicBezTo>
                  <a:pt x="17144" y="2944"/>
                  <a:pt x="17142" y="3014"/>
                  <a:pt x="17163" y="3049"/>
                </a:cubicBezTo>
                <a:cubicBezTo>
                  <a:pt x="17200" y="3003"/>
                  <a:pt x="17256" y="2973"/>
                  <a:pt x="17314" y="2963"/>
                </a:cubicBezTo>
                <a:cubicBezTo>
                  <a:pt x="17339" y="2959"/>
                  <a:pt x="17364" y="2957"/>
                  <a:pt x="17389" y="2957"/>
                </a:cubicBezTo>
                <a:cubicBezTo>
                  <a:pt x="17417" y="2957"/>
                  <a:pt x="17446" y="2960"/>
                  <a:pt x="17474" y="2966"/>
                </a:cubicBezTo>
                <a:cubicBezTo>
                  <a:pt x="17453" y="2940"/>
                  <a:pt x="17448" y="2908"/>
                  <a:pt x="17485" y="2889"/>
                </a:cubicBezTo>
                <a:cubicBezTo>
                  <a:pt x="17530" y="2856"/>
                  <a:pt x="17563" y="2844"/>
                  <a:pt x="17589" y="2844"/>
                </a:cubicBezTo>
                <a:cubicBezTo>
                  <a:pt x="17665" y="2844"/>
                  <a:pt x="17676" y="2952"/>
                  <a:pt x="17733" y="2952"/>
                </a:cubicBezTo>
                <a:cubicBezTo>
                  <a:pt x="17736" y="2952"/>
                  <a:pt x="17738" y="2952"/>
                  <a:pt x="17740" y="2952"/>
                </a:cubicBezTo>
                <a:cubicBezTo>
                  <a:pt x="18060" y="2901"/>
                  <a:pt x="17587" y="2695"/>
                  <a:pt x="17907" y="2546"/>
                </a:cubicBezTo>
                <a:lnTo>
                  <a:pt x="17907" y="2546"/>
                </a:lnTo>
                <a:lnTo>
                  <a:pt x="17511" y="2662"/>
                </a:lnTo>
                <a:cubicBezTo>
                  <a:pt x="17497" y="2596"/>
                  <a:pt x="17465" y="2502"/>
                  <a:pt x="17405" y="2502"/>
                </a:cubicBezTo>
                <a:cubicBezTo>
                  <a:pt x="17395" y="2502"/>
                  <a:pt x="17385" y="2504"/>
                  <a:pt x="17374" y="2509"/>
                </a:cubicBezTo>
                <a:cubicBezTo>
                  <a:pt x="17413" y="2623"/>
                  <a:pt x="17321" y="2773"/>
                  <a:pt x="17189" y="2810"/>
                </a:cubicBezTo>
                <a:cubicBezTo>
                  <a:pt x="17096" y="2702"/>
                  <a:pt x="17467" y="2523"/>
                  <a:pt x="17191" y="2481"/>
                </a:cubicBezTo>
                <a:cubicBezTo>
                  <a:pt x="17279" y="2470"/>
                  <a:pt x="17369" y="2389"/>
                  <a:pt x="17469" y="2359"/>
                </a:cubicBezTo>
                <a:lnTo>
                  <a:pt x="17469" y="2359"/>
                </a:lnTo>
                <a:cubicBezTo>
                  <a:pt x="17459" y="2406"/>
                  <a:pt x="17477" y="2420"/>
                  <a:pt x="17506" y="2420"/>
                </a:cubicBezTo>
                <a:cubicBezTo>
                  <a:pt x="17553" y="2420"/>
                  <a:pt x="17628" y="2385"/>
                  <a:pt x="17671" y="2385"/>
                </a:cubicBezTo>
                <a:cubicBezTo>
                  <a:pt x="17702" y="2385"/>
                  <a:pt x="17716" y="2405"/>
                  <a:pt x="17684" y="2475"/>
                </a:cubicBezTo>
                <a:cubicBezTo>
                  <a:pt x="17766" y="2431"/>
                  <a:pt x="17849" y="2393"/>
                  <a:pt x="17935" y="2359"/>
                </a:cubicBezTo>
                <a:cubicBezTo>
                  <a:pt x="18006" y="2333"/>
                  <a:pt x="18067" y="2315"/>
                  <a:pt x="18127" y="2294"/>
                </a:cubicBezTo>
                <a:cubicBezTo>
                  <a:pt x="18271" y="2248"/>
                  <a:pt x="18407" y="2176"/>
                  <a:pt x="18525" y="2083"/>
                </a:cubicBezTo>
                <a:lnTo>
                  <a:pt x="18525" y="2083"/>
                </a:lnTo>
                <a:cubicBezTo>
                  <a:pt x="18523" y="2178"/>
                  <a:pt x="18368" y="2493"/>
                  <a:pt x="18143" y="2509"/>
                </a:cubicBezTo>
                <a:lnTo>
                  <a:pt x="18097" y="2440"/>
                </a:lnTo>
                <a:lnTo>
                  <a:pt x="18097" y="2440"/>
                </a:lnTo>
                <a:cubicBezTo>
                  <a:pt x="18006" y="2523"/>
                  <a:pt x="18036" y="2536"/>
                  <a:pt x="18100" y="2536"/>
                </a:cubicBezTo>
                <a:cubicBezTo>
                  <a:pt x="18130" y="2536"/>
                  <a:pt x="18167" y="2533"/>
                  <a:pt x="18203" y="2533"/>
                </a:cubicBezTo>
                <a:cubicBezTo>
                  <a:pt x="18269" y="2533"/>
                  <a:pt x="18330" y="2543"/>
                  <a:pt x="18333" y="2597"/>
                </a:cubicBezTo>
                <a:cubicBezTo>
                  <a:pt x="18444" y="2431"/>
                  <a:pt x="18623" y="2387"/>
                  <a:pt x="18817" y="2356"/>
                </a:cubicBezTo>
                <a:cubicBezTo>
                  <a:pt x="18914" y="2340"/>
                  <a:pt x="19014" y="2333"/>
                  <a:pt x="19114" y="2312"/>
                </a:cubicBezTo>
                <a:cubicBezTo>
                  <a:pt x="19213" y="2296"/>
                  <a:pt x="19308" y="2261"/>
                  <a:pt x="19396" y="2208"/>
                </a:cubicBezTo>
                <a:cubicBezTo>
                  <a:pt x="19304" y="2164"/>
                  <a:pt x="19362" y="2095"/>
                  <a:pt x="19352" y="2016"/>
                </a:cubicBezTo>
                <a:lnTo>
                  <a:pt x="19352" y="2016"/>
                </a:lnTo>
                <a:cubicBezTo>
                  <a:pt x="19260" y="2063"/>
                  <a:pt x="19241" y="2087"/>
                  <a:pt x="19202" y="2087"/>
                </a:cubicBezTo>
                <a:cubicBezTo>
                  <a:pt x="19180" y="2087"/>
                  <a:pt x="19151" y="2079"/>
                  <a:pt x="19097" y="2062"/>
                </a:cubicBezTo>
                <a:cubicBezTo>
                  <a:pt x="19084" y="1958"/>
                  <a:pt x="19188" y="1960"/>
                  <a:pt x="19211" y="1872"/>
                </a:cubicBezTo>
                <a:cubicBezTo>
                  <a:pt x="19211" y="1839"/>
                  <a:pt x="19202" y="1827"/>
                  <a:pt x="19187" y="1827"/>
                </a:cubicBezTo>
                <a:cubicBezTo>
                  <a:pt x="19155" y="1827"/>
                  <a:pt x="19095" y="1883"/>
                  <a:pt x="19044" y="1883"/>
                </a:cubicBezTo>
                <a:cubicBezTo>
                  <a:pt x="19036" y="1883"/>
                  <a:pt x="19027" y="1881"/>
                  <a:pt x="19019" y="1877"/>
                </a:cubicBezTo>
                <a:cubicBezTo>
                  <a:pt x="19144" y="1768"/>
                  <a:pt x="19125" y="1759"/>
                  <a:pt x="19179" y="1638"/>
                </a:cubicBezTo>
                <a:cubicBezTo>
                  <a:pt x="19290" y="1692"/>
                  <a:pt x="19297" y="1745"/>
                  <a:pt x="19394" y="1817"/>
                </a:cubicBezTo>
                <a:cubicBezTo>
                  <a:pt x="19759" y="1704"/>
                  <a:pt x="19657" y="1528"/>
                  <a:pt x="19958" y="1465"/>
                </a:cubicBezTo>
                <a:lnTo>
                  <a:pt x="19958" y="1465"/>
                </a:lnTo>
                <a:cubicBezTo>
                  <a:pt x="19814" y="1496"/>
                  <a:pt x="20012" y="1537"/>
                  <a:pt x="19935" y="1563"/>
                </a:cubicBezTo>
                <a:lnTo>
                  <a:pt x="19935" y="1563"/>
                </a:lnTo>
                <a:lnTo>
                  <a:pt x="19987" y="1553"/>
                </a:lnTo>
                <a:lnTo>
                  <a:pt x="19987" y="1553"/>
                </a:lnTo>
                <a:cubicBezTo>
                  <a:pt x="19934" y="1615"/>
                  <a:pt x="19873" y="1671"/>
                  <a:pt x="19809" y="1719"/>
                </a:cubicBezTo>
                <a:lnTo>
                  <a:pt x="19709" y="1794"/>
                </a:lnTo>
                <a:cubicBezTo>
                  <a:pt x="19674" y="1819"/>
                  <a:pt x="19644" y="1844"/>
                  <a:pt x="19616" y="1868"/>
                </a:cubicBezTo>
                <a:cubicBezTo>
                  <a:pt x="19501" y="1967"/>
                  <a:pt x="19429" y="2067"/>
                  <a:pt x="19496" y="2187"/>
                </a:cubicBezTo>
                <a:cubicBezTo>
                  <a:pt x="19591" y="2136"/>
                  <a:pt x="19663" y="2062"/>
                  <a:pt x="19744" y="1988"/>
                </a:cubicBezTo>
                <a:cubicBezTo>
                  <a:pt x="19825" y="1907"/>
                  <a:pt x="19924" y="1842"/>
                  <a:pt x="20033" y="1800"/>
                </a:cubicBezTo>
                <a:lnTo>
                  <a:pt x="20038" y="1851"/>
                </a:lnTo>
                <a:cubicBezTo>
                  <a:pt x="20223" y="1800"/>
                  <a:pt x="20015" y="1789"/>
                  <a:pt x="20040" y="1731"/>
                </a:cubicBezTo>
                <a:cubicBezTo>
                  <a:pt x="20078" y="1697"/>
                  <a:pt x="20116" y="1685"/>
                  <a:pt x="20153" y="1685"/>
                </a:cubicBezTo>
                <a:cubicBezTo>
                  <a:pt x="20235" y="1685"/>
                  <a:pt x="20313" y="1745"/>
                  <a:pt x="20374" y="1745"/>
                </a:cubicBezTo>
                <a:cubicBezTo>
                  <a:pt x="20411" y="1745"/>
                  <a:pt x="20441" y="1724"/>
                  <a:pt x="20464" y="1657"/>
                </a:cubicBezTo>
                <a:lnTo>
                  <a:pt x="20464" y="1657"/>
                </a:lnTo>
                <a:lnTo>
                  <a:pt x="20244" y="1689"/>
                </a:lnTo>
                <a:cubicBezTo>
                  <a:pt x="20367" y="1529"/>
                  <a:pt x="20193" y="1685"/>
                  <a:pt x="20172" y="1502"/>
                </a:cubicBezTo>
                <a:cubicBezTo>
                  <a:pt x="20290" y="1390"/>
                  <a:pt x="20478" y="1312"/>
                  <a:pt x="20682" y="1238"/>
                </a:cubicBezTo>
                <a:cubicBezTo>
                  <a:pt x="20888" y="1166"/>
                  <a:pt x="21106" y="1085"/>
                  <a:pt x="21289" y="960"/>
                </a:cubicBezTo>
                <a:cubicBezTo>
                  <a:pt x="21216" y="931"/>
                  <a:pt x="21172" y="919"/>
                  <a:pt x="21126" y="919"/>
                </a:cubicBezTo>
                <a:cubicBezTo>
                  <a:pt x="21081" y="919"/>
                  <a:pt x="21034" y="931"/>
                  <a:pt x="20958" y="950"/>
                </a:cubicBezTo>
                <a:cubicBezTo>
                  <a:pt x="20955" y="696"/>
                  <a:pt x="21027" y="709"/>
                  <a:pt x="20893" y="533"/>
                </a:cubicBezTo>
                <a:lnTo>
                  <a:pt x="20700" y="582"/>
                </a:lnTo>
                <a:lnTo>
                  <a:pt x="20631" y="367"/>
                </a:lnTo>
                <a:cubicBezTo>
                  <a:pt x="20669" y="353"/>
                  <a:pt x="20708" y="345"/>
                  <a:pt x="20748" y="345"/>
                </a:cubicBezTo>
                <a:cubicBezTo>
                  <a:pt x="20761" y="345"/>
                  <a:pt x="20775" y="346"/>
                  <a:pt x="20788" y="348"/>
                </a:cubicBezTo>
                <a:cubicBezTo>
                  <a:pt x="20772" y="204"/>
                  <a:pt x="21087" y="302"/>
                  <a:pt x="21062" y="167"/>
                </a:cubicBezTo>
                <a:lnTo>
                  <a:pt x="21062" y="167"/>
                </a:lnTo>
                <a:lnTo>
                  <a:pt x="20907" y="237"/>
                </a:lnTo>
                <a:cubicBezTo>
                  <a:pt x="20793" y="149"/>
                  <a:pt x="20985" y="100"/>
                  <a:pt x="21090" y="28"/>
                </a:cubicBezTo>
                <a:cubicBezTo>
                  <a:pt x="21061" y="8"/>
                  <a:pt x="21032" y="0"/>
                  <a:pt x="21000" y="0"/>
                </a:cubicBezTo>
                <a:close/>
              </a:path>
            </a:pathLst>
          </a:custGeom>
          <a:solidFill>
            <a:schemeClr val="accent4"/>
          </a:solidFill>
          <a:ln>
            <a:solidFill>
              <a:schemeClr val="accent6"/>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 name="Action Button: Forward or Next 11">
            <a:hlinkClick r:id="rId6" action="ppaction://hlinksldjump" highlightClick="1"/>
          </p:cNvPr>
          <p:cNvSpPr/>
          <p:nvPr/>
        </p:nvSpPr>
        <p:spPr>
          <a:xfrm>
            <a:off x="5191380" y="4206603"/>
            <a:ext cx="599847" cy="689863"/>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3" name="Action Button: Back or Previous 12">
            <a:hlinkClick r:id="rId7" action="ppaction://hlinksldjump" highlightClick="1"/>
          </p:cNvPr>
          <p:cNvSpPr/>
          <p:nvPr/>
        </p:nvSpPr>
        <p:spPr>
          <a:xfrm>
            <a:off x="3228417" y="4206603"/>
            <a:ext cx="599847" cy="689863"/>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3" name="Action Button: Custom 2">
            <a:hlinkClick r:id="rId8" action="ppaction://hlinksldjump" highlightClick="1"/>
          </p:cNvPr>
          <p:cNvSpPr/>
          <p:nvPr/>
        </p:nvSpPr>
        <p:spPr>
          <a:xfrm>
            <a:off x="6772050" y="1783605"/>
            <a:ext cx="986400" cy="986400"/>
          </a:xfrm>
          <a:prstGeom prst="actionButtonBlank">
            <a:avLst/>
          </a:prstGeom>
          <a:blipFill>
            <a:blip r:embed="rId9"/>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p>
        </p:txBody>
      </p:sp>
      <p:sp>
        <p:nvSpPr>
          <p:cNvPr id="4" name="Action Button: Custom 3">
            <a:hlinkClick r:id="rId6" action="ppaction://hlinksldjump" highlightClick="1"/>
          </p:cNvPr>
          <p:cNvSpPr/>
          <p:nvPr/>
        </p:nvSpPr>
        <p:spPr>
          <a:xfrm>
            <a:off x="1353785" y="1861581"/>
            <a:ext cx="986400" cy="986400"/>
          </a:xfrm>
          <a:prstGeom prst="actionButtonBlank">
            <a:avLst/>
          </a:prstGeom>
          <a:blipFill>
            <a:blip r:embed="rId10"/>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p>
        </p:txBody>
      </p:sp>
      <p:sp>
        <p:nvSpPr>
          <p:cNvPr id="5" name="Action Button: Custom 4">
            <a:hlinkClick r:id="rId11" action="ppaction://hlinksldjump" highlightClick="1"/>
          </p:cNvPr>
          <p:cNvSpPr/>
          <p:nvPr/>
        </p:nvSpPr>
        <p:spPr>
          <a:xfrm>
            <a:off x="4050711" y="2288528"/>
            <a:ext cx="986400" cy="986400"/>
          </a:xfrm>
          <a:prstGeom prst="actionButtonBlank">
            <a:avLst/>
          </a:prstGeom>
          <a:blipFill>
            <a:blip r:embed="rId12"/>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p>
        </p:txBody>
      </p:sp>
      <p:sp>
        <p:nvSpPr>
          <p:cNvPr id="14" name="Action Button: Home 6">
            <a:hlinkClick r:id="rId13" action="ppaction://hlinksldjump" highlightClick="1"/>
            <a:extLst>
              <a:ext uri="{FF2B5EF4-FFF2-40B4-BE49-F238E27FC236}">
                <a16:creationId xmlns:a16="http://schemas.microsoft.com/office/drawing/2014/main" id="{5594D005-4BDA-4B9B-9C9B-7D1D91D2CB4E}"/>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p14:prism isContent="1"/>
      </p:transition>
    </mc:Choice>
    <mc:Fallback xmlns="">
      <p:transition spd="slow" advClick="0">
        <p:fade/>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967"/>
        <p:cNvGrpSpPr/>
        <p:nvPr/>
      </p:nvGrpSpPr>
      <p:grpSpPr>
        <a:xfrm>
          <a:off x="0" y="0"/>
          <a:ext cx="0" cy="0"/>
          <a:chOff x="0" y="0"/>
          <a:chExt cx="0" cy="0"/>
        </a:xfrm>
      </p:grpSpPr>
      <p:pic>
        <p:nvPicPr>
          <p:cNvPr id="14" name="Picture 13">
            <a:extLst>
              <a:ext uri="{FF2B5EF4-FFF2-40B4-BE49-F238E27FC236}">
                <a16:creationId xmlns:a16="http://schemas.microsoft.com/office/drawing/2014/main" id="{52A90D05-11FD-473E-BE13-26B381F5581D}"/>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0" y="-105068"/>
            <a:ext cx="9146903" cy="5141866"/>
          </a:xfrm>
          <a:prstGeom prst="rect">
            <a:avLst/>
          </a:prstGeom>
        </p:spPr>
      </p:pic>
      <p:pic>
        <p:nvPicPr>
          <p:cNvPr id="968" name="Google Shape;968;p66"/>
          <p:cNvPicPr preferRelativeResize="0"/>
          <p:nvPr/>
        </p:nvPicPr>
        <p:blipFill>
          <a:blip r:embed="rId6">
            <a:extLst>
              <a:ext uri="{28A0092B-C50C-407E-A947-70E740481C1C}">
                <a14:useLocalDpi xmlns:a14="http://schemas.microsoft.com/office/drawing/2010/main" val="0"/>
              </a:ext>
            </a:extLst>
          </a:blip>
          <a:stretch>
            <a:fillRect/>
          </a:stretch>
        </p:blipFill>
        <p:spPr>
          <a:xfrm>
            <a:off x="5544087" y="1157940"/>
            <a:ext cx="3384468" cy="2281316"/>
          </a:xfrm>
          <a:prstGeom prst="ellipse">
            <a:avLst/>
          </a:prstGeom>
          <a:noFill/>
          <a:ln>
            <a:no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pic>
      <p:sp>
        <p:nvSpPr>
          <p:cNvPr id="969" name="Google Shape;969;p66"/>
          <p:cNvSpPr txBox="1">
            <a:spLocks noGrp="1"/>
          </p:cNvSpPr>
          <p:nvPr>
            <p:ph type="body" idx="1"/>
          </p:nvPr>
        </p:nvSpPr>
        <p:spPr>
          <a:xfrm>
            <a:off x="1068783" y="1541712"/>
            <a:ext cx="4253494" cy="2281316"/>
          </a:xfrm>
          <a:prstGeom prst="roundRect">
            <a:avLst/>
          </a:prstGeom>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lnSpc>
                <a:spcPct val="150000"/>
              </a:lnSpc>
              <a:spcBef>
                <a:spcPts val="0"/>
              </a:spcBef>
              <a:spcAft>
                <a:spcPts val="0"/>
              </a:spcAft>
              <a:buNone/>
            </a:pPr>
            <a:r>
              <a:rPr lang="id-ID" sz="1200" dirty="0">
                <a:solidFill>
                  <a:schemeClr val="dk2"/>
                </a:solidFill>
              </a:rPr>
              <a:t>Tahap ini memiliki ciri-ciri </a:t>
            </a:r>
            <a:r>
              <a:rPr lang="en" sz="1200" dirty="0">
                <a:solidFill>
                  <a:schemeClr val="dk2"/>
                </a:solidFill>
              </a:rPr>
              <a:t>:</a:t>
            </a:r>
            <a:endParaRPr sz="1200" dirty="0">
              <a:solidFill>
                <a:schemeClr val="dk2"/>
              </a:solidFill>
            </a:endParaRPr>
          </a:p>
          <a:p>
            <a:pPr indent="-317500">
              <a:lnSpc>
                <a:spcPct val="150000"/>
              </a:lnSpc>
              <a:spcBef>
                <a:spcPts val="1200"/>
              </a:spcBef>
              <a:buSzPts val="1400"/>
            </a:pPr>
            <a:r>
              <a:rPr lang="en" sz="1200" dirty="0">
                <a:solidFill>
                  <a:schemeClr val="dk2"/>
                </a:solidFill>
              </a:rPr>
              <a:t>P</a:t>
            </a:r>
            <a:r>
              <a:rPr lang="id-ID" sz="1200" dirty="0">
                <a:solidFill>
                  <a:schemeClr val="dk2"/>
                </a:solidFill>
              </a:rPr>
              <a:t>erajin </a:t>
            </a:r>
            <a:r>
              <a:rPr lang="id-ID" sz="1200" dirty="0">
                <a:solidFill>
                  <a:schemeClr val="accent4">
                    <a:lumMod val="50000"/>
                  </a:schemeClr>
                </a:solidFill>
              </a:rPr>
              <a:t>membuat barang-barang di rumah masing-masing</a:t>
            </a:r>
            <a:endParaRPr sz="1200" dirty="0">
              <a:solidFill>
                <a:schemeClr val="dk2"/>
              </a:solidFill>
            </a:endParaRPr>
          </a:p>
          <a:p>
            <a:pPr indent="-317500">
              <a:lnSpc>
                <a:spcPct val="150000"/>
              </a:lnSpc>
              <a:buSzPts val="1400"/>
            </a:pPr>
            <a:r>
              <a:rPr lang="en" sz="1200" dirty="0">
                <a:solidFill>
                  <a:schemeClr val="dk2"/>
                </a:solidFill>
              </a:rPr>
              <a:t>D</a:t>
            </a:r>
            <a:r>
              <a:rPr lang="id-ID" sz="1200" dirty="0">
                <a:solidFill>
                  <a:schemeClr val="dk2"/>
                </a:solidFill>
              </a:rPr>
              <a:t>ikerjakan </a:t>
            </a:r>
            <a:r>
              <a:rPr lang="id-ID" sz="1200" dirty="0">
                <a:solidFill>
                  <a:schemeClr val="accent4">
                    <a:lumMod val="50000"/>
                  </a:schemeClr>
                </a:solidFill>
              </a:rPr>
              <a:t>secara manual</a:t>
            </a:r>
          </a:p>
          <a:p>
            <a:pPr indent="-317500">
              <a:lnSpc>
                <a:spcPct val="150000"/>
              </a:lnSpc>
              <a:buSzPts val="1400"/>
            </a:pPr>
            <a:r>
              <a:rPr lang="id-ID" sz="1200" dirty="0">
                <a:solidFill>
                  <a:schemeClr val="accent4">
                    <a:lumMod val="50000"/>
                  </a:schemeClr>
                </a:solidFill>
              </a:rPr>
              <a:t>Menggunakan alat produksi tradisional milik sendiri</a:t>
            </a:r>
            <a:endParaRPr lang="id-ID" sz="1200" dirty="0">
              <a:solidFill>
                <a:schemeClr val="dk2"/>
              </a:solidFill>
            </a:endParaRPr>
          </a:p>
          <a:p>
            <a:pPr indent="-317500">
              <a:lnSpc>
                <a:spcPct val="150000"/>
              </a:lnSpc>
              <a:buSzPts val="1400"/>
            </a:pPr>
            <a:r>
              <a:rPr lang="id-ID" sz="1200" dirty="0">
                <a:solidFill>
                  <a:schemeClr val="accent4">
                    <a:lumMod val="50000"/>
                  </a:schemeClr>
                </a:solidFill>
              </a:rPr>
              <a:t>Hasil produksi dijual kepada pengusaha</a:t>
            </a:r>
          </a:p>
        </p:txBody>
      </p:sp>
      <p:sp>
        <p:nvSpPr>
          <p:cNvPr id="970" name="Google Shape;970;p66"/>
          <p:cNvSpPr txBox="1">
            <a:spLocks noGrp="1"/>
          </p:cNvSpPr>
          <p:nvPr>
            <p:ph type="title"/>
          </p:nvPr>
        </p:nvSpPr>
        <p:spPr>
          <a:xfrm>
            <a:off x="1158485" y="854429"/>
            <a:ext cx="3883490" cy="482700"/>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lvl="0"/>
            <a:r>
              <a:rPr lang="id-ID" sz="3200" i="1" dirty="0">
                <a:solidFill>
                  <a:schemeClr val="tx1"/>
                </a:solidFill>
              </a:rPr>
              <a:t>Domestic System</a:t>
            </a:r>
            <a:r>
              <a:rPr lang="id-ID" sz="3200" dirty="0">
                <a:solidFill>
                  <a:schemeClr val="tx1"/>
                </a:solidFill>
              </a:rPr>
              <a:t> </a:t>
            </a:r>
          </a:p>
        </p:txBody>
      </p:sp>
      <p:grpSp>
        <p:nvGrpSpPr>
          <p:cNvPr id="971" name="Google Shape;971;p66"/>
          <p:cNvGrpSpPr/>
          <p:nvPr/>
        </p:nvGrpSpPr>
        <p:grpSpPr>
          <a:xfrm>
            <a:off x="6925279" y="3483342"/>
            <a:ext cx="631620" cy="1553456"/>
            <a:chOff x="889085" y="3601710"/>
            <a:chExt cx="597164" cy="1468850"/>
          </a:xfrm>
        </p:grpSpPr>
        <p:sp>
          <p:nvSpPr>
            <p:cNvPr id="972" name="Google Shape;972;p66"/>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73" name="Google Shape;973;p66"/>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0" name="Action Button: Forward or Next 9">
            <a:hlinkClick r:id="rId7" action="ppaction://hlinksldjump" highlightClick="1"/>
          </p:cNvPr>
          <p:cNvSpPr/>
          <p:nvPr/>
        </p:nvSpPr>
        <p:spPr>
          <a:xfrm>
            <a:off x="5185463" y="4246061"/>
            <a:ext cx="599846"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1" name="Action Button: Back or Previous 10">
            <a:hlinkClick r:id="rId8" action="ppaction://hlinksldjump" highlightClick="1"/>
          </p:cNvPr>
          <p:cNvSpPr/>
          <p:nvPr/>
        </p:nvSpPr>
        <p:spPr>
          <a:xfrm>
            <a:off x="3270475" y="4226331"/>
            <a:ext cx="599847" cy="689863"/>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3" name="Action Button: Custom 2">
            <a:hlinkClick r:id="rId8" action="ppaction://hlinksldjump" highlightClick="1"/>
          </p:cNvPr>
          <p:cNvSpPr/>
          <p:nvPr/>
        </p:nvSpPr>
        <p:spPr>
          <a:xfrm>
            <a:off x="412367" y="801257"/>
            <a:ext cx="590400" cy="590400"/>
          </a:xfrm>
          <a:prstGeom prst="actionButtonBlank">
            <a:avLst/>
          </a:prstGeom>
          <a:blipFill>
            <a:blip r:embed="rId9"/>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dirty="0"/>
          </a:p>
        </p:txBody>
      </p:sp>
      <p:sp>
        <p:nvSpPr>
          <p:cNvPr id="12" name="Action Button: Home 6">
            <a:hlinkClick r:id="rId10" action="ppaction://hlinksldjump" highlightClick="1"/>
            <a:extLst>
              <a:ext uri="{FF2B5EF4-FFF2-40B4-BE49-F238E27FC236}">
                <a16:creationId xmlns:a16="http://schemas.microsoft.com/office/drawing/2014/main" id="{0A754F9F-A676-4FC4-BDC8-80FC377E9352}"/>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14:window dir="vert"/>
      </p:transition>
    </mc:Choice>
    <mc:Fallback xmlns="">
      <p:transition spd="slow" advClick="0">
        <p:fade/>
      </p:transition>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6" name="Picture 15">
            <a:extLst>
              <a:ext uri="{FF2B5EF4-FFF2-40B4-BE49-F238E27FC236}">
                <a16:creationId xmlns:a16="http://schemas.microsoft.com/office/drawing/2014/main" id="{8DEF716B-C314-4B6D-8D0E-001F6E3ECC1F}"/>
              </a:ext>
            </a:extLst>
          </p:cNvPr>
          <p:cNvPicPr>
            <a:picLocks noChangeAspect="1"/>
          </p:cNvPicPr>
          <p:nvPr/>
        </p:nvPicPr>
        <p:blipFill>
          <a:blip r:embed="rId4">
            <a:extLst>
              <a:ext uri="{BEBA8EAE-BF5A-486C-A8C5-ECC9F3942E4B}">
                <a14:imgProps xmlns:a14="http://schemas.microsoft.com/office/drawing/2010/main">
                  <a14:imgLayer r:embed="rId5">
                    <a14:imgEffect>
                      <a14:artisticBlur radius="3"/>
                    </a14:imgEffect>
                  </a14:imgLayer>
                </a14:imgProps>
              </a:ext>
            </a:extLst>
          </a:blip>
          <a:stretch>
            <a:fillRect/>
          </a:stretch>
        </p:blipFill>
        <p:spPr>
          <a:xfrm>
            <a:off x="-1" y="0"/>
            <a:ext cx="9464597" cy="5143500"/>
          </a:xfrm>
          <a:prstGeom prst="rect">
            <a:avLst/>
          </a:prstGeom>
        </p:spPr>
      </p:pic>
      <p:sp>
        <p:nvSpPr>
          <p:cNvPr id="4" name="Google Shape;969;p66"/>
          <p:cNvSpPr txBox="1">
            <a:spLocks noGrp="1"/>
          </p:cNvSpPr>
          <p:nvPr>
            <p:ph type="body" idx="1"/>
          </p:nvPr>
        </p:nvSpPr>
        <p:spPr>
          <a:xfrm>
            <a:off x="1095170" y="1710062"/>
            <a:ext cx="4486292" cy="2329875"/>
          </a:xfrm>
          <a:prstGeom prst="roundRect">
            <a:avLst/>
          </a:prstGeom>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lnSpc>
                <a:spcPct val="150000"/>
              </a:lnSpc>
              <a:spcBef>
                <a:spcPts val="0"/>
              </a:spcBef>
              <a:spcAft>
                <a:spcPts val="0"/>
              </a:spcAft>
              <a:buNone/>
            </a:pPr>
            <a:r>
              <a:rPr lang="id-ID" sz="1200" dirty="0">
                <a:solidFill>
                  <a:schemeClr val="dk2"/>
                </a:solidFill>
              </a:rPr>
              <a:t>Tahap ini memiliki ciri-ciri </a:t>
            </a:r>
            <a:r>
              <a:rPr lang="en" sz="1200" dirty="0">
                <a:solidFill>
                  <a:schemeClr val="dk2"/>
                </a:solidFill>
              </a:rPr>
              <a:t>:</a:t>
            </a:r>
            <a:endParaRPr sz="1200" dirty="0">
              <a:solidFill>
                <a:schemeClr val="dk2"/>
              </a:solidFill>
            </a:endParaRPr>
          </a:p>
          <a:p>
            <a:pPr indent="-317500">
              <a:lnSpc>
                <a:spcPct val="150000"/>
              </a:lnSpc>
              <a:spcBef>
                <a:spcPts val="1200"/>
              </a:spcBef>
              <a:buSzPts val="1400"/>
            </a:pPr>
            <a:r>
              <a:rPr lang="en" sz="1200" dirty="0">
                <a:solidFill>
                  <a:schemeClr val="dk2"/>
                </a:solidFill>
              </a:rPr>
              <a:t>B</a:t>
            </a:r>
            <a:r>
              <a:rPr lang="id-ID" sz="1200" dirty="0">
                <a:solidFill>
                  <a:schemeClr val="dk2"/>
                </a:solidFill>
              </a:rPr>
              <a:t>uruh </a:t>
            </a:r>
            <a:r>
              <a:rPr lang="id-ID" sz="1200" dirty="0"/>
              <a:t>bekerja di rumah majikan </a:t>
            </a:r>
            <a:endParaRPr sz="1200" dirty="0">
              <a:solidFill>
                <a:schemeClr val="dk2"/>
              </a:solidFill>
            </a:endParaRPr>
          </a:p>
          <a:p>
            <a:pPr indent="-317500">
              <a:lnSpc>
                <a:spcPct val="150000"/>
              </a:lnSpc>
              <a:buSzPts val="1400"/>
            </a:pPr>
            <a:r>
              <a:rPr lang="en" sz="1200" dirty="0">
                <a:solidFill>
                  <a:schemeClr val="dk2"/>
                </a:solidFill>
              </a:rPr>
              <a:t>A</a:t>
            </a:r>
            <a:r>
              <a:rPr lang="id-ID" sz="1200" dirty="0">
                <a:solidFill>
                  <a:schemeClr val="dk2"/>
                </a:solidFill>
              </a:rPr>
              <a:t>lat </a:t>
            </a:r>
            <a:r>
              <a:rPr lang="id-ID" sz="1200" dirty="0"/>
              <a:t>produksi masih dengan tenaga manusia </a:t>
            </a:r>
            <a:endParaRPr lang="id-ID" sz="1200" dirty="0">
              <a:solidFill>
                <a:schemeClr val="accent4">
                  <a:lumMod val="50000"/>
                </a:schemeClr>
              </a:solidFill>
            </a:endParaRPr>
          </a:p>
          <a:p>
            <a:pPr indent="-317500">
              <a:lnSpc>
                <a:spcPct val="150000"/>
              </a:lnSpc>
              <a:buSzPts val="1400"/>
            </a:pPr>
            <a:r>
              <a:rPr lang="id-ID" sz="1200" dirty="0">
                <a:solidFill>
                  <a:schemeClr val="accent4">
                    <a:lumMod val="50000"/>
                  </a:schemeClr>
                </a:solidFill>
              </a:rPr>
              <a:t>Jumlah </a:t>
            </a:r>
            <a:r>
              <a:rPr lang="id-ID" sz="1200" dirty="0"/>
              <a:t>pekerja sekitar 10 orang</a:t>
            </a:r>
            <a:endParaRPr lang="id-ID" sz="1200" dirty="0">
              <a:solidFill>
                <a:schemeClr val="dk2"/>
              </a:solidFill>
            </a:endParaRPr>
          </a:p>
          <a:p>
            <a:pPr indent="-317500">
              <a:lnSpc>
                <a:spcPct val="150000"/>
              </a:lnSpc>
              <a:buSzPts val="1400"/>
            </a:pPr>
            <a:r>
              <a:rPr lang="id-ID" sz="1200" dirty="0">
                <a:solidFill>
                  <a:schemeClr val="accent4">
                    <a:lumMod val="50000"/>
                  </a:schemeClr>
                </a:solidFill>
              </a:rPr>
              <a:t>Rumah </a:t>
            </a:r>
            <a:r>
              <a:rPr lang="id-ID" sz="1200" dirty="0"/>
              <a:t>majikan berfungsi sebagai tempat tinggal, tempat bekerja, sekaligus tempat berjualan</a:t>
            </a:r>
          </a:p>
        </p:txBody>
      </p:sp>
      <p:sp>
        <p:nvSpPr>
          <p:cNvPr id="5" name="Google Shape;970;p66"/>
          <p:cNvSpPr txBox="1">
            <a:spLocks noGrp="1"/>
          </p:cNvSpPr>
          <p:nvPr>
            <p:ph type="title"/>
          </p:nvPr>
        </p:nvSpPr>
        <p:spPr>
          <a:xfrm>
            <a:off x="1095170" y="1017567"/>
            <a:ext cx="4456809" cy="526540"/>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lvl="0" fontAlgn="base"/>
            <a:r>
              <a:rPr lang="id-ID" sz="3200" dirty="0">
                <a:solidFill>
                  <a:schemeClr val="tx1"/>
                </a:solidFill>
              </a:rPr>
              <a:t>Industri Manufaktur</a:t>
            </a:r>
          </a:p>
        </p:txBody>
      </p:sp>
      <p:pic>
        <p:nvPicPr>
          <p:cNvPr id="7" name="Google Shape;968;p66"/>
          <p:cNvPicPr preferRelativeResize="0"/>
          <p:nvPr/>
        </p:nvPicPr>
        <p:blipFill rotWithShape="1">
          <a:blip r:embed="rId6">
            <a:extLst>
              <a:ext uri="{28A0092B-C50C-407E-A947-70E740481C1C}">
                <a14:useLocalDpi xmlns:a14="http://schemas.microsoft.com/office/drawing/2010/main" val="0"/>
              </a:ext>
            </a:extLst>
          </a:blip>
          <a:srcRect l="24210" t="32463"/>
          <a:stretch/>
        </p:blipFill>
        <p:spPr>
          <a:xfrm>
            <a:off x="5699799" y="1415862"/>
            <a:ext cx="3253839" cy="2284284"/>
          </a:xfrm>
          <a:prstGeom prst="ellipse">
            <a:avLst/>
          </a:prstGeom>
          <a:noFill/>
          <a:ln>
            <a:no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pic>
      <p:grpSp>
        <p:nvGrpSpPr>
          <p:cNvPr id="9" name="Google Shape;971;p66"/>
          <p:cNvGrpSpPr/>
          <p:nvPr/>
        </p:nvGrpSpPr>
        <p:grpSpPr>
          <a:xfrm>
            <a:off x="7807947" y="3794535"/>
            <a:ext cx="631620" cy="1553456"/>
            <a:chOff x="889085" y="3601710"/>
            <a:chExt cx="597164" cy="1468850"/>
          </a:xfrm>
        </p:grpSpPr>
        <p:sp>
          <p:nvSpPr>
            <p:cNvPr id="10" name="Google Shape;972;p66"/>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 name="Google Shape;973;p66"/>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3" name="Action Button: Forward or Next 12">
            <a:hlinkClick r:id="rId7" action="ppaction://hlinksldjump" highlightClick="1"/>
          </p:cNvPr>
          <p:cNvSpPr/>
          <p:nvPr/>
        </p:nvSpPr>
        <p:spPr>
          <a:xfrm>
            <a:off x="5201437" y="4246061"/>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4" name="Action Button: Back or Previous 13">
            <a:hlinkClick r:id="rId8" action="ppaction://hlinksldjump" highlightClick="1"/>
          </p:cNvPr>
          <p:cNvSpPr/>
          <p:nvPr/>
        </p:nvSpPr>
        <p:spPr>
          <a:xfrm>
            <a:off x="3257459" y="4246061"/>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2" name="Action Button: Custom 1">
            <a:hlinkClick r:id="rId9" action="ppaction://hlinksldjump" highlightClick="1"/>
          </p:cNvPr>
          <p:cNvSpPr/>
          <p:nvPr/>
        </p:nvSpPr>
        <p:spPr>
          <a:xfrm>
            <a:off x="377699" y="977153"/>
            <a:ext cx="590400" cy="590400"/>
          </a:xfrm>
          <a:prstGeom prst="actionButtonBlank">
            <a:avLst/>
          </a:prstGeom>
          <a:blipFill>
            <a:blip r:embed="rId10"/>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p>
        </p:txBody>
      </p:sp>
      <p:sp>
        <p:nvSpPr>
          <p:cNvPr id="15" name="Action Button: Home 6">
            <a:hlinkClick r:id="rId11" action="ppaction://hlinksldjump" highlightClick="1"/>
            <a:extLst>
              <a:ext uri="{FF2B5EF4-FFF2-40B4-BE49-F238E27FC236}">
                <a16:creationId xmlns:a16="http://schemas.microsoft.com/office/drawing/2014/main" id="{4269A2DA-5021-4459-B7E2-4F386C9689FB}"/>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extLst>
      <p:ext uri="{BB962C8B-B14F-4D97-AF65-F5344CB8AC3E}">
        <p14:creationId xmlns:p14="http://schemas.microsoft.com/office/powerpoint/2010/main" val="1381038656"/>
      </p:ext>
    </p:extLst>
  </p:cSld>
  <p:clrMapOvr>
    <a:masterClrMapping/>
  </p:clrMapOvr>
  <mc:AlternateContent xmlns:mc="http://schemas.openxmlformats.org/markup-compatibility/2006" xmlns:p14="http://schemas.microsoft.com/office/powerpoint/2010/main">
    <mc:Choice Requires="p14">
      <p:transition spd="slow" p14:dur="1600" advClick="0">
        <p14:prism isInverted="1"/>
      </p:transition>
    </mc:Choice>
    <mc:Fallback xmlns="">
      <p:transition spd="slow" advClick="0">
        <p:fad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Picture 14">
            <a:extLst>
              <a:ext uri="{FF2B5EF4-FFF2-40B4-BE49-F238E27FC236}">
                <a16:creationId xmlns:a16="http://schemas.microsoft.com/office/drawing/2014/main" id="{61D96D3A-25AC-4560-B358-EA261B470CF7}"/>
              </a:ext>
            </a:extLst>
          </p:cNvPr>
          <p:cNvPicPr>
            <a:picLocks noChangeAspect="1"/>
          </p:cNvPicPr>
          <p:nvPr/>
        </p:nvPicPr>
        <p:blipFill>
          <a:blip r:embed="rId4">
            <a:extLst>
              <a:ext uri="{BEBA8EAE-BF5A-486C-A8C5-ECC9F3942E4B}">
                <a14:imgProps xmlns:a14="http://schemas.microsoft.com/office/drawing/2010/main">
                  <a14:imgLayer r:embed="rId5">
                    <a14:imgEffect>
                      <a14:artisticBlur radius="3"/>
                    </a14:imgEffect>
                  </a14:imgLayer>
                </a14:imgProps>
              </a:ext>
            </a:extLst>
          </a:blip>
          <a:stretch>
            <a:fillRect/>
          </a:stretch>
        </p:blipFill>
        <p:spPr>
          <a:xfrm>
            <a:off x="-1" y="0"/>
            <a:ext cx="9464597" cy="5143500"/>
          </a:xfrm>
          <a:prstGeom prst="rect">
            <a:avLst/>
          </a:prstGeom>
        </p:spPr>
      </p:pic>
      <p:grpSp>
        <p:nvGrpSpPr>
          <p:cNvPr id="4" name="Google Shape;971;p66"/>
          <p:cNvGrpSpPr/>
          <p:nvPr/>
        </p:nvGrpSpPr>
        <p:grpSpPr>
          <a:xfrm>
            <a:off x="6925279" y="3483342"/>
            <a:ext cx="631620" cy="1553456"/>
            <a:chOff x="889085" y="3601710"/>
            <a:chExt cx="597164" cy="1468850"/>
          </a:xfrm>
        </p:grpSpPr>
        <p:sp>
          <p:nvSpPr>
            <p:cNvPr id="5" name="Google Shape;972;p66"/>
            <p:cNvSpPr/>
            <p:nvPr/>
          </p:nvSpPr>
          <p:spPr>
            <a:xfrm>
              <a:off x="920589" y="3685080"/>
              <a:ext cx="565659" cy="1017964"/>
            </a:xfrm>
            <a:custGeom>
              <a:avLst/>
              <a:gdLst/>
              <a:ahLst/>
              <a:cxnLst/>
              <a:rect l="l" t="t" r="r" b="b"/>
              <a:pathLst>
                <a:path w="5584" h="10049" extrusionOk="0">
                  <a:moveTo>
                    <a:pt x="2761" y="0"/>
                  </a:moveTo>
                  <a:cubicBezTo>
                    <a:pt x="2155" y="0"/>
                    <a:pt x="1166" y="2658"/>
                    <a:pt x="1620" y="3310"/>
                  </a:cubicBezTo>
                  <a:cubicBezTo>
                    <a:pt x="948" y="4545"/>
                    <a:pt x="869" y="6062"/>
                    <a:pt x="987" y="7091"/>
                  </a:cubicBezTo>
                  <a:cubicBezTo>
                    <a:pt x="394" y="7881"/>
                    <a:pt x="0" y="9342"/>
                    <a:pt x="633" y="9894"/>
                  </a:cubicBezTo>
                  <a:cubicBezTo>
                    <a:pt x="759" y="10005"/>
                    <a:pt x="916" y="10049"/>
                    <a:pt x="1086" y="10049"/>
                  </a:cubicBezTo>
                  <a:cubicBezTo>
                    <a:pt x="1763" y="10049"/>
                    <a:pt x="2646" y="9342"/>
                    <a:pt x="2646" y="9342"/>
                  </a:cubicBezTo>
                  <a:cubicBezTo>
                    <a:pt x="2742" y="9461"/>
                    <a:pt x="2866" y="9501"/>
                    <a:pt x="2989" y="9501"/>
                  </a:cubicBezTo>
                  <a:cubicBezTo>
                    <a:pt x="3234" y="9501"/>
                    <a:pt x="3475" y="9343"/>
                    <a:pt x="3475" y="9342"/>
                  </a:cubicBezTo>
                  <a:lnTo>
                    <a:pt x="3475" y="9342"/>
                  </a:lnTo>
                  <a:cubicBezTo>
                    <a:pt x="3863" y="9572"/>
                    <a:pt x="4169" y="9670"/>
                    <a:pt x="4404" y="9670"/>
                  </a:cubicBezTo>
                  <a:cubicBezTo>
                    <a:pt x="5583" y="9670"/>
                    <a:pt x="5031" y="7235"/>
                    <a:pt x="4504" y="6773"/>
                  </a:cubicBezTo>
                  <a:cubicBezTo>
                    <a:pt x="4700" y="6180"/>
                    <a:pt x="4307" y="3417"/>
                    <a:pt x="3635" y="3310"/>
                  </a:cubicBezTo>
                  <a:cubicBezTo>
                    <a:pt x="4068" y="3005"/>
                    <a:pt x="3436" y="297"/>
                    <a:pt x="2845" y="19"/>
                  </a:cubicBezTo>
                  <a:cubicBezTo>
                    <a:pt x="2818" y="6"/>
                    <a:pt x="2790" y="0"/>
                    <a:pt x="2761" y="0"/>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 name="Google Shape;973;p66"/>
            <p:cNvSpPr/>
            <p:nvPr/>
          </p:nvSpPr>
          <p:spPr>
            <a:xfrm>
              <a:off x="889085" y="3601710"/>
              <a:ext cx="588148" cy="1468850"/>
            </a:xfrm>
            <a:custGeom>
              <a:avLst/>
              <a:gdLst/>
              <a:ahLst/>
              <a:cxnLst/>
              <a:rect l="l" t="t" r="r" b="b"/>
              <a:pathLst>
                <a:path w="5806" h="14500" fill="none" extrusionOk="0">
                  <a:moveTo>
                    <a:pt x="2649" y="14499"/>
                  </a:moveTo>
                  <a:lnTo>
                    <a:pt x="2649" y="9600"/>
                  </a:lnTo>
                  <a:cubicBezTo>
                    <a:pt x="2649" y="9600"/>
                    <a:pt x="1266" y="10707"/>
                    <a:pt x="633" y="10154"/>
                  </a:cubicBezTo>
                  <a:cubicBezTo>
                    <a:pt x="1" y="9600"/>
                    <a:pt x="397" y="8138"/>
                    <a:pt x="988" y="7349"/>
                  </a:cubicBezTo>
                  <a:cubicBezTo>
                    <a:pt x="870" y="6322"/>
                    <a:pt x="948" y="4805"/>
                    <a:pt x="1620" y="3568"/>
                  </a:cubicBezTo>
                  <a:cubicBezTo>
                    <a:pt x="1148" y="2885"/>
                    <a:pt x="2253" y="1"/>
                    <a:pt x="2846" y="279"/>
                  </a:cubicBezTo>
                  <a:cubicBezTo>
                    <a:pt x="3439" y="554"/>
                    <a:pt x="4069" y="3262"/>
                    <a:pt x="3635" y="3568"/>
                  </a:cubicBezTo>
                  <a:cubicBezTo>
                    <a:pt x="4307" y="3675"/>
                    <a:pt x="4701" y="6441"/>
                    <a:pt x="4504" y="7034"/>
                  </a:cubicBezTo>
                  <a:cubicBezTo>
                    <a:pt x="5137" y="7585"/>
                    <a:pt x="5806" y="10983"/>
                    <a:pt x="3478" y="9600"/>
                  </a:cubicBezTo>
                </a:path>
              </a:pathLst>
            </a:custGeom>
            <a:noFill/>
            <a:ln w="19050" cap="flat" cmpd="sng">
              <a:solidFill>
                <a:schemeClr val="dk2"/>
              </a:solidFill>
              <a:prstDash val="solid"/>
              <a:miter lim="2316"/>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7" name="Google Shape;969;p66"/>
          <p:cNvSpPr txBox="1">
            <a:spLocks noGrp="1"/>
          </p:cNvSpPr>
          <p:nvPr>
            <p:ph type="body" idx="1"/>
          </p:nvPr>
        </p:nvSpPr>
        <p:spPr>
          <a:xfrm>
            <a:off x="1068783" y="1636198"/>
            <a:ext cx="4227609" cy="2212763"/>
          </a:xfrm>
          <a:prstGeom prst="roundRect">
            <a:avLst/>
          </a:prstGeom>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lnSpc>
                <a:spcPct val="150000"/>
              </a:lnSpc>
              <a:spcBef>
                <a:spcPts val="0"/>
              </a:spcBef>
              <a:spcAft>
                <a:spcPts val="0"/>
              </a:spcAft>
              <a:buNone/>
            </a:pPr>
            <a:r>
              <a:rPr lang="id-ID" sz="1200" dirty="0">
                <a:solidFill>
                  <a:schemeClr val="dk2"/>
                </a:solidFill>
              </a:rPr>
              <a:t>Tahap ini memiliki ciri-ciri </a:t>
            </a:r>
            <a:r>
              <a:rPr lang="en" sz="1200" dirty="0">
                <a:solidFill>
                  <a:schemeClr val="dk2"/>
                </a:solidFill>
              </a:rPr>
              <a:t>:</a:t>
            </a:r>
            <a:endParaRPr sz="1200" dirty="0">
              <a:solidFill>
                <a:schemeClr val="dk2"/>
              </a:solidFill>
            </a:endParaRPr>
          </a:p>
          <a:p>
            <a:pPr indent="-317500">
              <a:lnSpc>
                <a:spcPct val="150000"/>
              </a:lnSpc>
              <a:spcBef>
                <a:spcPts val="1200"/>
              </a:spcBef>
              <a:buSzPts val="1400"/>
            </a:pPr>
            <a:r>
              <a:rPr lang="id-ID" sz="1200" dirty="0"/>
              <a:t>Barang-barang diproduksi secara massal</a:t>
            </a:r>
            <a:endParaRPr sz="1200" dirty="0">
              <a:solidFill>
                <a:schemeClr val="dk2"/>
              </a:solidFill>
            </a:endParaRPr>
          </a:p>
          <a:p>
            <a:pPr indent="-317500">
              <a:lnSpc>
                <a:spcPct val="150000"/>
              </a:lnSpc>
              <a:buSzPts val="1400"/>
            </a:pPr>
            <a:r>
              <a:rPr lang="id-ID" sz="1200" dirty="0">
                <a:solidFill>
                  <a:schemeClr val="dk2"/>
                </a:solidFill>
              </a:rPr>
              <a:t>Sudah </a:t>
            </a:r>
            <a:r>
              <a:rPr lang="id-ID" sz="1200" dirty="0"/>
              <a:t>menggunakan mesin </a:t>
            </a:r>
            <a:endParaRPr lang="id-ID" sz="1200" dirty="0">
              <a:solidFill>
                <a:schemeClr val="accent4">
                  <a:lumMod val="50000"/>
                </a:schemeClr>
              </a:solidFill>
            </a:endParaRPr>
          </a:p>
          <a:p>
            <a:pPr indent="-317500">
              <a:lnSpc>
                <a:spcPct val="150000"/>
              </a:lnSpc>
              <a:buSzPts val="1400"/>
            </a:pPr>
            <a:r>
              <a:rPr lang="id-ID" sz="1200" dirty="0">
                <a:solidFill>
                  <a:schemeClr val="accent4">
                    <a:lumMod val="50000"/>
                  </a:schemeClr>
                </a:solidFill>
              </a:rPr>
              <a:t>Tempat </a:t>
            </a:r>
            <a:r>
              <a:rPr lang="id-ID" sz="1200" dirty="0"/>
              <a:t>produksi di kawasan industri terpisah dengan tempat tinggal dan tempat penjualan barang</a:t>
            </a:r>
          </a:p>
        </p:txBody>
      </p:sp>
      <p:sp>
        <p:nvSpPr>
          <p:cNvPr id="8" name="Google Shape;970;p66"/>
          <p:cNvSpPr txBox="1">
            <a:spLocks noGrp="1"/>
          </p:cNvSpPr>
          <p:nvPr>
            <p:ph type="title"/>
          </p:nvPr>
        </p:nvSpPr>
        <p:spPr>
          <a:xfrm>
            <a:off x="1344475" y="1041013"/>
            <a:ext cx="3431969" cy="482700"/>
          </a:xfrm>
          <a:prstGeom prst="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lvl="0" fontAlgn="base"/>
            <a:r>
              <a:rPr lang="id-ID" sz="3200" i="1" dirty="0">
                <a:solidFill>
                  <a:schemeClr val="tx1"/>
                </a:solidFill>
              </a:rPr>
              <a:t>Factory System</a:t>
            </a:r>
            <a:endParaRPr lang="id-ID" sz="3200" dirty="0">
              <a:solidFill>
                <a:schemeClr val="tx1"/>
              </a:solidFill>
            </a:endParaRPr>
          </a:p>
        </p:txBody>
      </p:sp>
      <p:pic>
        <p:nvPicPr>
          <p:cNvPr id="10" name="Google Shape;968;p66"/>
          <p:cNvPicPr preferRelativeResize="0"/>
          <p:nvPr/>
        </p:nvPicPr>
        <p:blipFill>
          <a:blip r:embed="rId6">
            <a:extLst>
              <a:ext uri="{28A0092B-C50C-407E-A947-70E740481C1C}">
                <a14:useLocalDpi xmlns:a14="http://schemas.microsoft.com/office/drawing/2010/main" val="0"/>
              </a:ext>
            </a:extLst>
          </a:blip>
          <a:stretch>
            <a:fillRect/>
          </a:stretch>
        </p:blipFill>
        <p:spPr>
          <a:xfrm>
            <a:off x="5415363" y="1198260"/>
            <a:ext cx="3431969" cy="2212763"/>
          </a:xfrm>
          <a:prstGeom prst="ellipse">
            <a:avLst/>
          </a:prstGeom>
          <a:noFill/>
          <a:ln>
            <a:no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pic>
      <p:sp>
        <p:nvSpPr>
          <p:cNvPr id="12" name="Action Button: Forward or Next 11">
            <a:hlinkClick r:id="rId7" action="ppaction://hlinksldjump" highlightClick="1"/>
          </p:cNvPr>
          <p:cNvSpPr/>
          <p:nvPr/>
        </p:nvSpPr>
        <p:spPr>
          <a:xfrm>
            <a:off x="5241283" y="4232053"/>
            <a:ext cx="599848"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3" name="Action Button: Back or Previous 12">
            <a:hlinkClick r:id="rId8" action="ppaction://hlinksldjump" highlightClick="1"/>
          </p:cNvPr>
          <p:cNvSpPr/>
          <p:nvPr/>
        </p:nvSpPr>
        <p:spPr>
          <a:xfrm>
            <a:off x="3192419" y="4232053"/>
            <a:ext cx="622083" cy="664413"/>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2" name="Action Button: Custom 1">
            <a:hlinkClick r:id="" action="ppaction://noaction" highlightClick="1"/>
          </p:cNvPr>
          <p:cNvSpPr/>
          <p:nvPr/>
        </p:nvSpPr>
        <p:spPr>
          <a:xfrm>
            <a:off x="635104" y="975460"/>
            <a:ext cx="590400" cy="590400"/>
          </a:xfrm>
          <a:prstGeom prst="actionButtonBlank">
            <a:avLst/>
          </a:prstGeom>
          <a:blipFill>
            <a:blip r:embed="rId9"/>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p>
        </p:txBody>
      </p:sp>
      <p:sp>
        <p:nvSpPr>
          <p:cNvPr id="14" name="Action Button: Home 6">
            <a:hlinkClick r:id="rId10" action="ppaction://hlinksldjump" highlightClick="1"/>
            <a:extLst>
              <a:ext uri="{FF2B5EF4-FFF2-40B4-BE49-F238E27FC236}">
                <a16:creationId xmlns:a16="http://schemas.microsoft.com/office/drawing/2014/main" id="{E049A5BD-D300-4D8A-BBF4-8A4D42500A74}"/>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extLst>
      <p:ext uri="{BB962C8B-B14F-4D97-AF65-F5344CB8AC3E}">
        <p14:creationId xmlns:p14="http://schemas.microsoft.com/office/powerpoint/2010/main" val="2136573843"/>
      </p:ext>
    </p:extLst>
  </p:cSld>
  <p:clrMapOvr>
    <a:masterClrMapping/>
  </p:clrMapOvr>
  <mc:AlternateContent xmlns:mc="http://schemas.openxmlformats.org/markup-compatibility/2006" xmlns:p14="http://schemas.microsoft.com/office/powerpoint/2010/main">
    <mc:Choice Requires="p14">
      <p:transition spd="slow" p14:dur="1200" advClick="0">
        <p14:prism/>
      </p:transition>
    </mc:Choice>
    <mc:Fallback xmlns="">
      <p:transition spd="slow" advClick="0">
        <p:fad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431"/>
        <p:cNvGrpSpPr/>
        <p:nvPr/>
      </p:nvGrpSpPr>
      <p:grpSpPr>
        <a:xfrm>
          <a:off x="0" y="0"/>
          <a:ext cx="0" cy="0"/>
          <a:chOff x="0" y="0"/>
          <a:chExt cx="0" cy="0"/>
        </a:xfrm>
      </p:grpSpPr>
      <p:pic>
        <p:nvPicPr>
          <p:cNvPr id="13" name="Picture 12">
            <a:extLst>
              <a:ext uri="{FF2B5EF4-FFF2-40B4-BE49-F238E27FC236}">
                <a16:creationId xmlns:a16="http://schemas.microsoft.com/office/drawing/2014/main" id="{7D18DF79-E207-4668-AB45-489531FCE40E}"/>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1438" name="Google Shape;1438;p106"/>
          <p:cNvSpPr txBox="1">
            <a:spLocks noGrp="1"/>
          </p:cNvSpPr>
          <p:nvPr>
            <p:ph type="title"/>
          </p:nvPr>
        </p:nvSpPr>
        <p:spPr>
          <a:xfrm>
            <a:off x="5719514" y="1428333"/>
            <a:ext cx="1666940" cy="440400"/>
          </a:xfrm>
          <a:prstGeom prst="roundRect">
            <a:avLst/>
          </a:prstGeom>
          <a:solidFill>
            <a:schemeClr val="accent1"/>
          </a:solidFill>
          <a:ln>
            <a:solidFill>
              <a:schemeClr val="tx2"/>
            </a:solidFill>
          </a:ln>
        </p:spPr>
        <p:txBody>
          <a:bodyPr spcFirstLastPara="1" wrap="square" lIns="91425" tIns="91425" rIns="91425" bIns="91425" anchor="ctr" anchorCtr="0">
            <a:noAutofit/>
          </a:bodyPr>
          <a:lstStyle/>
          <a:p>
            <a:pPr marL="0" lvl="0" indent="0" algn="ctr" rtl="0">
              <a:spcBef>
                <a:spcPts val="0"/>
              </a:spcBef>
              <a:spcAft>
                <a:spcPts val="0"/>
              </a:spcAft>
              <a:buNone/>
            </a:pPr>
            <a:r>
              <a:rPr lang="id-ID" dirty="0">
                <a:solidFill>
                  <a:schemeClr val="bg1"/>
                </a:solidFill>
              </a:rPr>
              <a:t>Ekonomi</a:t>
            </a:r>
            <a:endParaRPr dirty="0">
              <a:solidFill>
                <a:schemeClr val="bg1"/>
              </a:solidFill>
            </a:endParaRPr>
          </a:p>
        </p:txBody>
      </p:sp>
      <p:sp>
        <p:nvSpPr>
          <p:cNvPr id="1440" name="Google Shape;1440;p106"/>
          <p:cNvSpPr txBox="1">
            <a:spLocks noGrp="1"/>
          </p:cNvSpPr>
          <p:nvPr>
            <p:ph type="title" idx="2"/>
          </p:nvPr>
        </p:nvSpPr>
        <p:spPr>
          <a:xfrm>
            <a:off x="5719513" y="2344792"/>
            <a:ext cx="1666940" cy="462102"/>
          </a:xfrm>
          <a:prstGeom prst="roundRect">
            <a:avLst/>
          </a:prstGeom>
          <a:solidFill>
            <a:schemeClr val="accent1"/>
          </a:solidFill>
          <a:ln>
            <a:solidFill>
              <a:schemeClr val="tx2"/>
            </a:solidFill>
          </a:ln>
        </p:spPr>
        <p:txBody>
          <a:bodyPr spcFirstLastPara="1" wrap="square" lIns="91425" tIns="91425" rIns="91425" bIns="91425" anchor="ctr" anchorCtr="0">
            <a:noAutofit/>
          </a:bodyPr>
          <a:lstStyle/>
          <a:p>
            <a:pPr marL="0" lvl="0" indent="0" algn="ctr" rtl="0">
              <a:spcBef>
                <a:spcPts val="0"/>
              </a:spcBef>
              <a:spcAft>
                <a:spcPts val="0"/>
              </a:spcAft>
              <a:buNone/>
            </a:pPr>
            <a:r>
              <a:rPr lang="id-ID" dirty="0">
                <a:solidFill>
                  <a:schemeClr val="bg1"/>
                </a:solidFill>
              </a:rPr>
              <a:t>Sosial</a:t>
            </a:r>
            <a:endParaRPr dirty="0">
              <a:solidFill>
                <a:schemeClr val="bg1"/>
              </a:solidFill>
            </a:endParaRPr>
          </a:p>
        </p:txBody>
      </p:sp>
      <p:sp>
        <p:nvSpPr>
          <p:cNvPr id="1442" name="Google Shape;1442;p106"/>
          <p:cNvSpPr txBox="1">
            <a:spLocks noGrp="1"/>
          </p:cNvSpPr>
          <p:nvPr>
            <p:ph type="title" idx="4"/>
          </p:nvPr>
        </p:nvSpPr>
        <p:spPr>
          <a:xfrm>
            <a:off x="5719511" y="3354526"/>
            <a:ext cx="1666941" cy="440400"/>
          </a:xfrm>
          <a:prstGeom prst="roundRect">
            <a:avLst/>
          </a:prstGeom>
          <a:solidFill>
            <a:schemeClr val="accent1"/>
          </a:solidFill>
          <a:ln>
            <a:solidFill>
              <a:schemeClr val="tx2"/>
            </a:solidFill>
          </a:ln>
        </p:spPr>
        <p:txBody>
          <a:bodyPr spcFirstLastPara="1" wrap="square" lIns="91425" tIns="91425" rIns="91425" bIns="91425" anchor="ctr" anchorCtr="0">
            <a:noAutofit/>
          </a:bodyPr>
          <a:lstStyle/>
          <a:p>
            <a:pPr marL="0" lvl="0" indent="0" algn="ctr" rtl="0">
              <a:spcBef>
                <a:spcPts val="0"/>
              </a:spcBef>
              <a:spcAft>
                <a:spcPts val="0"/>
              </a:spcAft>
              <a:buNone/>
            </a:pPr>
            <a:r>
              <a:rPr lang="id-ID" dirty="0">
                <a:solidFill>
                  <a:schemeClr val="bg1"/>
                </a:solidFill>
              </a:rPr>
              <a:t>Politik</a:t>
            </a:r>
            <a:endParaRPr dirty="0">
              <a:solidFill>
                <a:schemeClr val="bg1"/>
              </a:solidFill>
            </a:endParaRPr>
          </a:p>
        </p:txBody>
      </p:sp>
      <p:sp>
        <p:nvSpPr>
          <p:cNvPr id="1444" name="Google Shape;1444;p106"/>
          <p:cNvSpPr txBox="1">
            <a:spLocks noGrp="1"/>
          </p:cNvSpPr>
          <p:nvPr>
            <p:ph type="title" idx="6"/>
          </p:nvPr>
        </p:nvSpPr>
        <p:spPr>
          <a:xfrm>
            <a:off x="696251" y="1245746"/>
            <a:ext cx="3424488" cy="2239096"/>
          </a:xfrm>
          <a:prstGeom prst="roundRect">
            <a:avLst/>
          </a:prstGeom>
          <a:solidFill>
            <a:schemeClr val="accent1"/>
          </a:solidFill>
          <a:ln>
            <a:solidFill>
              <a:schemeClr val="tx2"/>
            </a:solidFill>
          </a:ln>
        </p:spPr>
        <p:txBody>
          <a:bodyPr spcFirstLastPara="1" wrap="square" lIns="91425" tIns="91425" rIns="91425" bIns="91425" anchor="ctr" anchorCtr="0">
            <a:noAutofit/>
          </a:bodyPr>
          <a:lstStyle/>
          <a:p>
            <a:pPr marL="0" lvl="0" indent="0" algn="ctr" rtl="0">
              <a:spcBef>
                <a:spcPts val="0"/>
              </a:spcBef>
              <a:spcAft>
                <a:spcPts val="0"/>
              </a:spcAft>
              <a:buNone/>
            </a:pPr>
            <a:r>
              <a:rPr lang="id-ID" sz="4000" dirty="0">
                <a:solidFill>
                  <a:schemeClr val="bg1"/>
                </a:solidFill>
              </a:rPr>
              <a:t>Akibat Revolusi Industri</a:t>
            </a:r>
            <a:endParaRPr sz="4000" dirty="0">
              <a:solidFill>
                <a:schemeClr val="bg1"/>
              </a:solidFill>
            </a:endParaRPr>
          </a:p>
        </p:txBody>
      </p:sp>
      <p:sp>
        <p:nvSpPr>
          <p:cNvPr id="21" name="Action Button: Forward or Next 20">
            <a:hlinkClick r:id="rId6" action="ppaction://hlinksldjump" highlightClick="1"/>
          </p:cNvPr>
          <p:cNvSpPr/>
          <p:nvPr/>
        </p:nvSpPr>
        <p:spPr>
          <a:xfrm>
            <a:off x="5225610" y="4206603"/>
            <a:ext cx="593926" cy="689863"/>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22" name="Action Button: Back or Previous 21">
            <a:hlinkClick r:id="rId7" action="ppaction://hlinksldjump" highlightClick="1"/>
          </p:cNvPr>
          <p:cNvSpPr/>
          <p:nvPr/>
        </p:nvSpPr>
        <p:spPr>
          <a:xfrm>
            <a:off x="3230328" y="4206602"/>
            <a:ext cx="599847" cy="689863"/>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2" name="Action Button: Custom 1">
            <a:hlinkClick r:id="rId6" action="ppaction://hlinksldjump" highlightClick="1"/>
          </p:cNvPr>
          <p:cNvSpPr/>
          <p:nvPr/>
        </p:nvSpPr>
        <p:spPr>
          <a:xfrm>
            <a:off x="4830363" y="1330737"/>
            <a:ext cx="669600" cy="601200"/>
          </a:xfrm>
          <a:prstGeom prst="actionButtonBlank">
            <a:avLst/>
          </a:prstGeom>
          <a:blipFill>
            <a:blip r:embed="rId8"/>
            <a:stretch>
              <a:fillRect/>
            </a:stretch>
          </a:blipFill>
          <a:ln>
            <a:noFill/>
          </a:ln>
          <a:effectLst>
            <a:innerShdw blurRad="63500" dist="50800" dir="13500000">
              <a:prstClr val="black">
                <a:alpha val="50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p>
        </p:txBody>
      </p:sp>
      <p:sp>
        <p:nvSpPr>
          <p:cNvPr id="3" name="Action Button: Custom 2">
            <a:hlinkClick r:id="rId9" action="ppaction://hlinksldjump" highlightClick="1"/>
          </p:cNvPr>
          <p:cNvSpPr/>
          <p:nvPr/>
        </p:nvSpPr>
        <p:spPr>
          <a:xfrm>
            <a:off x="4863419" y="2271084"/>
            <a:ext cx="525600" cy="576000"/>
          </a:xfrm>
          <a:prstGeom prst="actionButtonBlank">
            <a:avLst/>
          </a:prstGeom>
          <a:blipFill>
            <a:blip r:embed="rId10"/>
            <a:stretch>
              <a:fillRect/>
            </a:stretch>
          </a:blipFill>
          <a:ln>
            <a:noFill/>
          </a:ln>
          <a:effectLst>
            <a:innerShdw blurRad="63500" dist="50800" dir="13500000">
              <a:prstClr val="black">
                <a:alpha val="50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p>
        </p:txBody>
      </p:sp>
      <p:sp>
        <p:nvSpPr>
          <p:cNvPr id="4" name="Action Button: Custom 3">
            <a:hlinkClick r:id="rId11" action="ppaction://hlinksldjump" highlightClick="1"/>
          </p:cNvPr>
          <p:cNvSpPr/>
          <p:nvPr/>
        </p:nvSpPr>
        <p:spPr>
          <a:xfrm>
            <a:off x="4835767" y="3230088"/>
            <a:ext cx="558000" cy="576000"/>
          </a:xfrm>
          <a:prstGeom prst="actionButtonBlank">
            <a:avLst/>
          </a:prstGeom>
          <a:blipFill>
            <a:blip r:embed="rId12"/>
            <a:stretch>
              <a:fillRect/>
            </a:stretch>
          </a:blipFill>
          <a:ln>
            <a:noFill/>
          </a:ln>
          <a:effectLst>
            <a:innerShdw blurRad="63500" dist="50800" dir="13500000">
              <a:prstClr val="black">
                <a:alpha val="50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p>
        </p:txBody>
      </p:sp>
      <p:sp>
        <p:nvSpPr>
          <p:cNvPr id="12" name="Action Button: Home 6">
            <a:hlinkClick r:id="rId13" action="ppaction://hlinksldjump" highlightClick="1"/>
            <a:extLst>
              <a:ext uri="{FF2B5EF4-FFF2-40B4-BE49-F238E27FC236}">
                <a16:creationId xmlns:a16="http://schemas.microsoft.com/office/drawing/2014/main" id="{47AC78A4-41B3-4388-9AFA-187FAB3C7161}"/>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p:transition spd="slow" advClick="0">
    <p:push dir="d"/>
  </p:transition>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817"/>
        <p:cNvGrpSpPr/>
        <p:nvPr/>
      </p:nvGrpSpPr>
      <p:grpSpPr>
        <a:xfrm>
          <a:off x="0" y="0"/>
          <a:ext cx="0" cy="0"/>
          <a:chOff x="0" y="0"/>
          <a:chExt cx="0" cy="0"/>
        </a:xfrm>
      </p:grpSpPr>
      <p:pic>
        <p:nvPicPr>
          <p:cNvPr id="32" name="Picture 31">
            <a:extLst>
              <a:ext uri="{FF2B5EF4-FFF2-40B4-BE49-F238E27FC236}">
                <a16:creationId xmlns:a16="http://schemas.microsoft.com/office/drawing/2014/main" id="{01CE2952-7486-481B-897A-FFDE878E0D38}"/>
              </a:ext>
            </a:extLst>
          </p:cNvPr>
          <p:cNvPicPr>
            <a:picLocks noChangeAspect="1"/>
          </p:cNvPicPr>
          <p:nvPr/>
        </p:nvPicPr>
        <p:blipFill>
          <a:blip r:embed="rId4">
            <a:extLst>
              <a:ext uri="{BEBA8EAE-BF5A-486C-A8C5-ECC9F3942E4B}">
                <a14:imgProps xmlns:a14="http://schemas.microsoft.com/office/drawing/2010/main">
                  <a14:imgLayer r:embed="rId5">
                    <a14:imgEffect>
                      <a14:artisticBlur radius="3"/>
                    </a14:imgEffect>
                  </a14:imgLayer>
                </a14:imgProps>
              </a:ext>
            </a:extLst>
          </a:blip>
          <a:stretch>
            <a:fillRect/>
          </a:stretch>
        </p:blipFill>
        <p:spPr>
          <a:xfrm>
            <a:off x="-1" y="0"/>
            <a:ext cx="9464597" cy="5143500"/>
          </a:xfrm>
          <a:prstGeom prst="rect">
            <a:avLst/>
          </a:prstGeom>
        </p:spPr>
      </p:pic>
      <p:sp>
        <p:nvSpPr>
          <p:cNvPr id="818" name="Google Shape;818;p52"/>
          <p:cNvSpPr txBox="1">
            <a:spLocks noGrp="1"/>
          </p:cNvSpPr>
          <p:nvPr>
            <p:ph type="title"/>
          </p:nvPr>
        </p:nvSpPr>
        <p:spPr>
          <a:xfrm>
            <a:off x="3230515" y="1091593"/>
            <a:ext cx="2621400" cy="527700"/>
          </a:xfrm>
          <a:prstGeom prst="roundRect">
            <a:avLst/>
          </a:prstGeom>
          <a:solidFill>
            <a:schemeClr val="accent1"/>
          </a:solidFill>
          <a:ln>
            <a:solidFill>
              <a:schemeClr val="bg1"/>
            </a:solidFill>
          </a:ln>
        </p:spPr>
        <p:txBody>
          <a:bodyPr spcFirstLastPara="1" wrap="square" lIns="91425" tIns="91425" rIns="91425" bIns="91425" anchor="ctr" anchorCtr="0">
            <a:noAutofit/>
          </a:bodyPr>
          <a:lstStyle/>
          <a:p>
            <a:pPr lvl="0" algn="ctr"/>
            <a:r>
              <a:rPr lang="id-ID" sz="2200" dirty="0">
                <a:solidFill>
                  <a:schemeClr val="bg1"/>
                </a:solidFill>
              </a:rPr>
              <a:t>Bidang Ekonomi</a:t>
            </a:r>
            <a:endParaRPr sz="2200" dirty="0">
              <a:solidFill>
                <a:schemeClr val="bg1"/>
              </a:solidFill>
            </a:endParaRPr>
          </a:p>
        </p:txBody>
      </p:sp>
      <p:sp>
        <p:nvSpPr>
          <p:cNvPr id="826" name="Google Shape;826;p52"/>
          <p:cNvSpPr txBox="1">
            <a:spLocks noGrp="1"/>
          </p:cNvSpPr>
          <p:nvPr>
            <p:ph type="title" idx="8"/>
          </p:nvPr>
        </p:nvSpPr>
        <p:spPr>
          <a:xfrm>
            <a:off x="1749184" y="464837"/>
            <a:ext cx="5645631" cy="482700"/>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lvl="0"/>
            <a:r>
              <a:rPr lang="id-ID" dirty="0"/>
              <a:t>Akibat Revolusi Industri</a:t>
            </a:r>
          </a:p>
        </p:txBody>
      </p:sp>
      <p:grpSp>
        <p:nvGrpSpPr>
          <p:cNvPr id="836" name="Google Shape;836;p52"/>
          <p:cNvGrpSpPr/>
          <p:nvPr/>
        </p:nvGrpSpPr>
        <p:grpSpPr>
          <a:xfrm>
            <a:off x="703838" y="1768335"/>
            <a:ext cx="494802" cy="174787"/>
            <a:chOff x="986725" y="2807325"/>
            <a:chExt cx="308000" cy="108800"/>
          </a:xfrm>
        </p:grpSpPr>
        <p:sp>
          <p:nvSpPr>
            <p:cNvPr id="837" name="Google Shape;837;p52"/>
            <p:cNvSpPr/>
            <p:nvPr/>
          </p:nvSpPr>
          <p:spPr>
            <a:xfrm>
              <a:off x="986725" y="2807325"/>
              <a:ext cx="308000" cy="108800"/>
            </a:xfrm>
            <a:custGeom>
              <a:avLst/>
              <a:gdLst/>
              <a:ahLst/>
              <a:cxnLst/>
              <a:rect l="l" t="t" r="r" b="b"/>
              <a:pathLst>
                <a:path w="12320" h="4352" extrusionOk="0">
                  <a:moveTo>
                    <a:pt x="6161" y="482"/>
                  </a:moveTo>
                  <a:cubicBezTo>
                    <a:pt x="6845" y="482"/>
                    <a:pt x="7462" y="894"/>
                    <a:pt x="7724" y="1527"/>
                  </a:cubicBezTo>
                  <a:cubicBezTo>
                    <a:pt x="7986" y="2159"/>
                    <a:pt x="7838" y="2888"/>
                    <a:pt x="7357" y="3370"/>
                  </a:cubicBezTo>
                  <a:cubicBezTo>
                    <a:pt x="7032" y="3694"/>
                    <a:pt x="6599" y="3866"/>
                    <a:pt x="6158" y="3866"/>
                  </a:cubicBezTo>
                  <a:cubicBezTo>
                    <a:pt x="5940" y="3866"/>
                    <a:pt x="5720" y="3824"/>
                    <a:pt x="5511" y="3737"/>
                  </a:cubicBezTo>
                  <a:cubicBezTo>
                    <a:pt x="4881" y="3475"/>
                    <a:pt x="4469" y="2858"/>
                    <a:pt x="4469" y="2174"/>
                  </a:cubicBezTo>
                  <a:cubicBezTo>
                    <a:pt x="4469" y="1241"/>
                    <a:pt x="5225" y="482"/>
                    <a:pt x="6161" y="482"/>
                  </a:cubicBezTo>
                  <a:close/>
                  <a:moveTo>
                    <a:pt x="1418" y="0"/>
                  </a:moveTo>
                  <a:cubicBezTo>
                    <a:pt x="1220" y="684"/>
                    <a:pt x="684" y="1220"/>
                    <a:pt x="0" y="1415"/>
                  </a:cubicBezTo>
                  <a:lnTo>
                    <a:pt x="0" y="2933"/>
                  </a:lnTo>
                  <a:cubicBezTo>
                    <a:pt x="684" y="3129"/>
                    <a:pt x="1220" y="3665"/>
                    <a:pt x="1418" y="4351"/>
                  </a:cubicBezTo>
                  <a:lnTo>
                    <a:pt x="10904" y="4351"/>
                  </a:lnTo>
                  <a:cubicBezTo>
                    <a:pt x="11100" y="3665"/>
                    <a:pt x="11636" y="3129"/>
                    <a:pt x="12319" y="2933"/>
                  </a:cubicBezTo>
                  <a:lnTo>
                    <a:pt x="12319" y="1415"/>
                  </a:lnTo>
                  <a:cubicBezTo>
                    <a:pt x="11636" y="1220"/>
                    <a:pt x="11100" y="684"/>
                    <a:pt x="10904"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sp>
          <p:nvSpPr>
            <p:cNvPr id="838" name="Google Shape;838;p52"/>
            <p:cNvSpPr/>
            <p:nvPr/>
          </p:nvSpPr>
          <p:spPr>
            <a:xfrm>
              <a:off x="1126675" y="2847600"/>
              <a:ext cx="28100" cy="28175"/>
            </a:xfrm>
            <a:custGeom>
              <a:avLst/>
              <a:gdLst/>
              <a:ahLst/>
              <a:cxnLst/>
              <a:rect l="l" t="t" r="r" b="b"/>
              <a:pathLst>
                <a:path w="1124" h="1127" extrusionOk="0">
                  <a:moveTo>
                    <a:pt x="563" y="0"/>
                  </a:moveTo>
                  <a:cubicBezTo>
                    <a:pt x="250" y="0"/>
                    <a:pt x="0" y="253"/>
                    <a:pt x="0" y="563"/>
                  </a:cubicBezTo>
                  <a:cubicBezTo>
                    <a:pt x="0" y="873"/>
                    <a:pt x="250" y="1126"/>
                    <a:pt x="563" y="1126"/>
                  </a:cubicBezTo>
                  <a:cubicBezTo>
                    <a:pt x="873" y="1126"/>
                    <a:pt x="1123" y="873"/>
                    <a:pt x="1123" y="563"/>
                  </a:cubicBezTo>
                  <a:cubicBezTo>
                    <a:pt x="1123" y="253"/>
                    <a:pt x="873" y="0"/>
                    <a:pt x="563"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grpSp>
      <p:sp>
        <p:nvSpPr>
          <p:cNvPr id="47" name="Google Shape;969;p66"/>
          <p:cNvSpPr txBox="1">
            <a:spLocks/>
          </p:cNvSpPr>
          <p:nvPr/>
        </p:nvSpPr>
        <p:spPr>
          <a:xfrm>
            <a:off x="1353796" y="1644119"/>
            <a:ext cx="3301340" cy="446163"/>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Barang melimpah dan harga murah</a:t>
            </a:r>
            <a:endParaRPr lang="sv-SE" sz="1200" dirty="0">
              <a:latin typeface="Montserrat" charset="0"/>
            </a:endParaRPr>
          </a:p>
        </p:txBody>
      </p:sp>
      <p:sp>
        <p:nvSpPr>
          <p:cNvPr id="48" name="Google Shape;969;p66"/>
          <p:cNvSpPr txBox="1">
            <a:spLocks/>
          </p:cNvSpPr>
          <p:nvPr/>
        </p:nvSpPr>
        <p:spPr>
          <a:xfrm>
            <a:off x="1351821" y="2378394"/>
            <a:ext cx="3301340" cy="446163"/>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Perusahaan kecil gulung tikar</a:t>
            </a:r>
            <a:endParaRPr lang="sv-SE" sz="1200" dirty="0">
              <a:latin typeface="Montserrat" charset="0"/>
            </a:endParaRPr>
          </a:p>
        </p:txBody>
      </p:sp>
      <p:sp>
        <p:nvSpPr>
          <p:cNvPr id="49" name="Google Shape;969;p66"/>
          <p:cNvSpPr txBox="1">
            <a:spLocks/>
          </p:cNvSpPr>
          <p:nvPr/>
        </p:nvSpPr>
        <p:spPr>
          <a:xfrm>
            <a:off x="1361721" y="3100794"/>
            <a:ext cx="3301340" cy="446163"/>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Perdagangan semakin berkembang</a:t>
            </a:r>
            <a:endParaRPr lang="sv-SE" sz="1200" dirty="0">
              <a:latin typeface="Montserrat" charset="0"/>
            </a:endParaRPr>
          </a:p>
        </p:txBody>
      </p:sp>
      <p:sp>
        <p:nvSpPr>
          <p:cNvPr id="54" name="Google Shape;969;p66"/>
          <p:cNvSpPr txBox="1">
            <a:spLocks/>
          </p:cNvSpPr>
          <p:nvPr/>
        </p:nvSpPr>
        <p:spPr>
          <a:xfrm>
            <a:off x="5682360" y="1643351"/>
            <a:ext cx="3301340" cy="446163"/>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Transportasi semakin lancar</a:t>
            </a:r>
            <a:endParaRPr lang="sv-SE" sz="1200" dirty="0">
              <a:latin typeface="Montserrat" charset="0"/>
            </a:endParaRPr>
          </a:p>
        </p:txBody>
      </p:sp>
      <p:sp>
        <p:nvSpPr>
          <p:cNvPr id="55" name="Google Shape;969;p66"/>
          <p:cNvSpPr txBox="1">
            <a:spLocks/>
          </p:cNvSpPr>
          <p:nvPr/>
        </p:nvSpPr>
        <p:spPr>
          <a:xfrm>
            <a:off x="5680385" y="2235126"/>
            <a:ext cx="3301340" cy="638705"/>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Muncul pertentangan antara kaum buruh dan kaum majikan</a:t>
            </a:r>
            <a:endParaRPr lang="sv-SE" sz="1200" dirty="0">
              <a:latin typeface="Montserrat" charset="0"/>
            </a:endParaRPr>
          </a:p>
        </p:txBody>
      </p:sp>
      <p:sp>
        <p:nvSpPr>
          <p:cNvPr id="56" name="Google Shape;969;p66"/>
          <p:cNvSpPr txBox="1">
            <a:spLocks/>
          </p:cNvSpPr>
          <p:nvPr/>
        </p:nvSpPr>
        <p:spPr>
          <a:xfrm>
            <a:off x="5656635" y="2971376"/>
            <a:ext cx="3301340" cy="721852"/>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Kapitalisme muda digantikan dengan kapitalisme modern</a:t>
            </a:r>
            <a:endParaRPr lang="sv-SE" sz="1200" dirty="0">
              <a:latin typeface="Montserrat" charset="0"/>
            </a:endParaRPr>
          </a:p>
        </p:txBody>
      </p:sp>
      <p:grpSp>
        <p:nvGrpSpPr>
          <p:cNvPr id="57" name="Google Shape;836;p52"/>
          <p:cNvGrpSpPr/>
          <p:nvPr/>
        </p:nvGrpSpPr>
        <p:grpSpPr>
          <a:xfrm>
            <a:off x="701863" y="2514485"/>
            <a:ext cx="494802" cy="174787"/>
            <a:chOff x="986725" y="2807325"/>
            <a:chExt cx="308000" cy="108800"/>
          </a:xfrm>
        </p:grpSpPr>
        <p:sp>
          <p:nvSpPr>
            <p:cNvPr id="58" name="Google Shape;837;p52"/>
            <p:cNvSpPr/>
            <p:nvPr/>
          </p:nvSpPr>
          <p:spPr>
            <a:xfrm>
              <a:off x="986725" y="2807325"/>
              <a:ext cx="308000" cy="108800"/>
            </a:xfrm>
            <a:custGeom>
              <a:avLst/>
              <a:gdLst/>
              <a:ahLst/>
              <a:cxnLst/>
              <a:rect l="l" t="t" r="r" b="b"/>
              <a:pathLst>
                <a:path w="12320" h="4352" extrusionOk="0">
                  <a:moveTo>
                    <a:pt x="6161" y="482"/>
                  </a:moveTo>
                  <a:cubicBezTo>
                    <a:pt x="6845" y="482"/>
                    <a:pt x="7462" y="894"/>
                    <a:pt x="7724" y="1527"/>
                  </a:cubicBezTo>
                  <a:cubicBezTo>
                    <a:pt x="7986" y="2159"/>
                    <a:pt x="7838" y="2888"/>
                    <a:pt x="7357" y="3370"/>
                  </a:cubicBezTo>
                  <a:cubicBezTo>
                    <a:pt x="7032" y="3694"/>
                    <a:pt x="6599" y="3866"/>
                    <a:pt x="6158" y="3866"/>
                  </a:cubicBezTo>
                  <a:cubicBezTo>
                    <a:pt x="5940" y="3866"/>
                    <a:pt x="5720" y="3824"/>
                    <a:pt x="5511" y="3737"/>
                  </a:cubicBezTo>
                  <a:cubicBezTo>
                    <a:pt x="4881" y="3475"/>
                    <a:pt x="4469" y="2858"/>
                    <a:pt x="4469" y="2174"/>
                  </a:cubicBezTo>
                  <a:cubicBezTo>
                    <a:pt x="4469" y="1241"/>
                    <a:pt x="5225" y="482"/>
                    <a:pt x="6161" y="482"/>
                  </a:cubicBezTo>
                  <a:close/>
                  <a:moveTo>
                    <a:pt x="1418" y="0"/>
                  </a:moveTo>
                  <a:cubicBezTo>
                    <a:pt x="1220" y="684"/>
                    <a:pt x="684" y="1220"/>
                    <a:pt x="0" y="1415"/>
                  </a:cubicBezTo>
                  <a:lnTo>
                    <a:pt x="0" y="2933"/>
                  </a:lnTo>
                  <a:cubicBezTo>
                    <a:pt x="684" y="3129"/>
                    <a:pt x="1220" y="3665"/>
                    <a:pt x="1418" y="4351"/>
                  </a:cubicBezTo>
                  <a:lnTo>
                    <a:pt x="10904" y="4351"/>
                  </a:lnTo>
                  <a:cubicBezTo>
                    <a:pt x="11100" y="3665"/>
                    <a:pt x="11636" y="3129"/>
                    <a:pt x="12319" y="2933"/>
                  </a:cubicBezTo>
                  <a:lnTo>
                    <a:pt x="12319" y="1415"/>
                  </a:lnTo>
                  <a:cubicBezTo>
                    <a:pt x="11636" y="1220"/>
                    <a:pt x="11100" y="684"/>
                    <a:pt x="10904"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sp>
          <p:nvSpPr>
            <p:cNvPr id="59" name="Google Shape;838;p52"/>
            <p:cNvSpPr/>
            <p:nvPr/>
          </p:nvSpPr>
          <p:spPr>
            <a:xfrm>
              <a:off x="1126675" y="2847600"/>
              <a:ext cx="28100" cy="28175"/>
            </a:xfrm>
            <a:custGeom>
              <a:avLst/>
              <a:gdLst/>
              <a:ahLst/>
              <a:cxnLst/>
              <a:rect l="l" t="t" r="r" b="b"/>
              <a:pathLst>
                <a:path w="1124" h="1127" extrusionOk="0">
                  <a:moveTo>
                    <a:pt x="563" y="0"/>
                  </a:moveTo>
                  <a:cubicBezTo>
                    <a:pt x="250" y="0"/>
                    <a:pt x="0" y="253"/>
                    <a:pt x="0" y="563"/>
                  </a:cubicBezTo>
                  <a:cubicBezTo>
                    <a:pt x="0" y="873"/>
                    <a:pt x="250" y="1126"/>
                    <a:pt x="563" y="1126"/>
                  </a:cubicBezTo>
                  <a:cubicBezTo>
                    <a:pt x="873" y="1126"/>
                    <a:pt x="1123" y="873"/>
                    <a:pt x="1123" y="563"/>
                  </a:cubicBezTo>
                  <a:cubicBezTo>
                    <a:pt x="1123" y="253"/>
                    <a:pt x="873" y="0"/>
                    <a:pt x="563"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grpSp>
      <p:grpSp>
        <p:nvGrpSpPr>
          <p:cNvPr id="60" name="Google Shape;836;p52"/>
          <p:cNvGrpSpPr/>
          <p:nvPr/>
        </p:nvGrpSpPr>
        <p:grpSpPr>
          <a:xfrm>
            <a:off x="699888" y="3248760"/>
            <a:ext cx="494802" cy="174787"/>
            <a:chOff x="986725" y="2807325"/>
            <a:chExt cx="308000" cy="108800"/>
          </a:xfrm>
        </p:grpSpPr>
        <p:sp>
          <p:nvSpPr>
            <p:cNvPr id="61" name="Google Shape;837;p52"/>
            <p:cNvSpPr/>
            <p:nvPr/>
          </p:nvSpPr>
          <p:spPr>
            <a:xfrm>
              <a:off x="986725" y="2807325"/>
              <a:ext cx="308000" cy="108800"/>
            </a:xfrm>
            <a:custGeom>
              <a:avLst/>
              <a:gdLst/>
              <a:ahLst/>
              <a:cxnLst/>
              <a:rect l="l" t="t" r="r" b="b"/>
              <a:pathLst>
                <a:path w="12320" h="4352" extrusionOk="0">
                  <a:moveTo>
                    <a:pt x="6161" y="482"/>
                  </a:moveTo>
                  <a:cubicBezTo>
                    <a:pt x="6845" y="482"/>
                    <a:pt x="7462" y="894"/>
                    <a:pt x="7724" y="1527"/>
                  </a:cubicBezTo>
                  <a:cubicBezTo>
                    <a:pt x="7986" y="2159"/>
                    <a:pt x="7838" y="2888"/>
                    <a:pt x="7357" y="3370"/>
                  </a:cubicBezTo>
                  <a:cubicBezTo>
                    <a:pt x="7032" y="3694"/>
                    <a:pt x="6599" y="3866"/>
                    <a:pt x="6158" y="3866"/>
                  </a:cubicBezTo>
                  <a:cubicBezTo>
                    <a:pt x="5940" y="3866"/>
                    <a:pt x="5720" y="3824"/>
                    <a:pt x="5511" y="3737"/>
                  </a:cubicBezTo>
                  <a:cubicBezTo>
                    <a:pt x="4881" y="3475"/>
                    <a:pt x="4469" y="2858"/>
                    <a:pt x="4469" y="2174"/>
                  </a:cubicBezTo>
                  <a:cubicBezTo>
                    <a:pt x="4469" y="1241"/>
                    <a:pt x="5225" y="482"/>
                    <a:pt x="6161" y="482"/>
                  </a:cubicBezTo>
                  <a:close/>
                  <a:moveTo>
                    <a:pt x="1418" y="0"/>
                  </a:moveTo>
                  <a:cubicBezTo>
                    <a:pt x="1220" y="684"/>
                    <a:pt x="684" y="1220"/>
                    <a:pt x="0" y="1415"/>
                  </a:cubicBezTo>
                  <a:lnTo>
                    <a:pt x="0" y="2933"/>
                  </a:lnTo>
                  <a:cubicBezTo>
                    <a:pt x="684" y="3129"/>
                    <a:pt x="1220" y="3665"/>
                    <a:pt x="1418" y="4351"/>
                  </a:cubicBezTo>
                  <a:lnTo>
                    <a:pt x="10904" y="4351"/>
                  </a:lnTo>
                  <a:cubicBezTo>
                    <a:pt x="11100" y="3665"/>
                    <a:pt x="11636" y="3129"/>
                    <a:pt x="12319" y="2933"/>
                  </a:cubicBezTo>
                  <a:lnTo>
                    <a:pt x="12319" y="1415"/>
                  </a:lnTo>
                  <a:cubicBezTo>
                    <a:pt x="11636" y="1220"/>
                    <a:pt x="11100" y="684"/>
                    <a:pt x="10904"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sp>
          <p:nvSpPr>
            <p:cNvPr id="62" name="Google Shape;838;p52"/>
            <p:cNvSpPr/>
            <p:nvPr/>
          </p:nvSpPr>
          <p:spPr>
            <a:xfrm>
              <a:off x="1126675" y="2847600"/>
              <a:ext cx="28100" cy="28175"/>
            </a:xfrm>
            <a:custGeom>
              <a:avLst/>
              <a:gdLst/>
              <a:ahLst/>
              <a:cxnLst/>
              <a:rect l="l" t="t" r="r" b="b"/>
              <a:pathLst>
                <a:path w="1124" h="1127" extrusionOk="0">
                  <a:moveTo>
                    <a:pt x="563" y="0"/>
                  </a:moveTo>
                  <a:cubicBezTo>
                    <a:pt x="250" y="0"/>
                    <a:pt x="0" y="253"/>
                    <a:pt x="0" y="563"/>
                  </a:cubicBezTo>
                  <a:cubicBezTo>
                    <a:pt x="0" y="873"/>
                    <a:pt x="250" y="1126"/>
                    <a:pt x="563" y="1126"/>
                  </a:cubicBezTo>
                  <a:cubicBezTo>
                    <a:pt x="873" y="1126"/>
                    <a:pt x="1123" y="873"/>
                    <a:pt x="1123" y="563"/>
                  </a:cubicBezTo>
                  <a:cubicBezTo>
                    <a:pt x="1123" y="253"/>
                    <a:pt x="873" y="0"/>
                    <a:pt x="563"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grpSp>
      <p:grpSp>
        <p:nvGrpSpPr>
          <p:cNvPr id="63" name="Google Shape;836;p52"/>
          <p:cNvGrpSpPr/>
          <p:nvPr/>
        </p:nvGrpSpPr>
        <p:grpSpPr>
          <a:xfrm>
            <a:off x="4986876" y="1779038"/>
            <a:ext cx="494802" cy="174787"/>
            <a:chOff x="986725" y="2807325"/>
            <a:chExt cx="308000" cy="108800"/>
          </a:xfrm>
        </p:grpSpPr>
        <p:sp>
          <p:nvSpPr>
            <p:cNvPr id="64" name="Google Shape;837;p52"/>
            <p:cNvSpPr/>
            <p:nvPr/>
          </p:nvSpPr>
          <p:spPr>
            <a:xfrm>
              <a:off x="986725" y="2807325"/>
              <a:ext cx="308000" cy="108800"/>
            </a:xfrm>
            <a:custGeom>
              <a:avLst/>
              <a:gdLst/>
              <a:ahLst/>
              <a:cxnLst/>
              <a:rect l="l" t="t" r="r" b="b"/>
              <a:pathLst>
                <a:path w="12320" h="4352" extrusionOk="0">
                  <a:moveTo>
                    <a:pt x="6161" y="482"/>
                  </a:moveTo>
                  <a:cubicBezTo>
                    <a:pt x="6845" y="482"/>
                    <a:pt x="7462" y="894"/>
                    <a:pt x="7724" y="1527"/>
                  </a:cubicBezTo>
                  <a:cubicBezTo>
                    <a:pt x="7986" y="2159"/>
                    <a:pt x="7838" y="2888"/>
                    <a:pt x="7357" y="3370"/>
                  </a:cubicBezTo>
                  <a:cubicBezTo>
                    <a:pt x="7032" y="3694"/>
                    <a:pt x="6599" y="3866"/>
                    <a:pt x="6158" y="3866"/>
                  </a:cubicBezTo>
                  <a:cubicBezTo>
                    <a:pt x="5940" y="3866"/>
                    <a:pt x="5720" y="3824"/>
                    <a:pt x="5511" y="3737"/>
                  </a:cubicBezTo>
                  <a:cubicBezTo>
                    <a:pt x="4881" y="3475"/>
                    <a:pt x="4469" y="2858"/>
                    <a:pt x="4469" y="2174"/>
                  </a:cubicBezTo>
                  <a:cubicBezTo>
                    <a:pt x="4469" y="1241"/>
                    <a:pt x="5225" y="482"/>
                    <a:pt x="6161" y="482"/>
                  </a:cubicBezTo>
                  <a:close/>
                  <a:moveTo>
                    <a:pt x="1418" y="0"/>
                  </a:moveTo>
                  <a:cubicBezTo>
                    <a:pt x="1220" y="684"/>
                    <a:pt x="684" y="1220"/>
                    <a:pt x="0" y="1415"/>
                  </a:cubicBezTo>
                  <a:lnTo>
                    <a:pt x="0" y="2933"/>
                  </a:lnTo>
                  <a:cubicBezTo>
                    <a:pt x="684" y="3129"/>
                    <a:pt x="1220" y="3665"/>
                    <a:pt x="1418" y="4351"/>
                  </a:cubicBezTo>
                  <a:lnTo>
                    <a:pt x="10904" y="4351"/>
                  </a:lnTo>
                  <a:cubicBezTo>
                    <a:pt x="11100" y="3665"/>
                    <a:pt x="11636" y="3129"/>
                    <a:pt x="12319" y="2933"/>
                  </a:cubicBezTo>
                  <a:lnTo>
                    <a:pt x="12319" y="1415"/>
                  </a:lnTo>
                  <a:cubicBezTo>
                    <a:pt x="11636" y="1220"/>
                    <a:pt x="11100" y="684"/>
                    <a:pt x="10904"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sp>
          <p:nvSpPr>
            <p:cNvPr id="65" name="Google Shape;838;p52"/>
            <p:cNvSpPr/>
            <p:nvPr/>
          </p:nvSpPr>
          <p:spPr>
            <a:xfrm>
              <a:off x="1126675" y="2847600"/>
              <a:ext cx="28100" cy="28175"/>
            </a:xfrm>
            <a:custGeom>
              <a:avLst/>
              <a:gdLst/>
              <a:ahLst/>
              <a:cxnLst/>
              <a:rect l="l" t="t" r="r" b="b"/>
              <a:pathLst>
                <a:path w="1124" h="1127" extrusionOk="0">
                  <a:moveTo>
                    <a:pt x="563" y="0"/>
                  </a:moveTo>
                  <a:cubicBezTo>
                    <a:pt x="250" y="0"/>
                    <a:pt x="0" y="253"/>
                    <a:pt x="0" y="563"/>
                  </a:cubicBezTo>
                  <a:cubicBezTo>
                    <a:pt x="0" y="873"/>
                    <a:pt x="250" y="1126"/>
                    <a:pt x="563" y="1126"/>
                  </a:cubicBezTo>
                  <a:cubicBezTo>
                    <a:pt x="873" y="1126"/>
                    <a:pt x="1123" y="873"/>
                    <a:pt x="1123" y="563"/>
                  </a:cubicBezTo>
                  <a:cubicBezTo>
                    <a:pt x="1123" y="253"/>
                    <a:pt x="873" y="0"/>
                    <a:pt x="563"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grpSp>
      <p:grpSp>
        <p:nvGrpSpPr>
          <p:cNvPr id="66" name="Google Shape;836;p52"/>
          <p:cNvGrpSpPr/>
          <p:nvPr/>
        </p:nvGrpSpPr>
        <p:grpSpPr>
          <a:xfrm>
            <a:off x="4996776" y="2537063"/>
            <a:ext cx="494802" cy="174787"/>
            <a:chOff x="986725" y="2807325"/>
            <a:chExt cx="308000" cy="108800"/>
          </a:xfrm>
        </p:grpSpPr>
        <p:sp>
          <p:nvSpPr>
            <p:cNvPr id="67" name="Google Shape;837;p52"/>
            <p:cNvSpPr/>
            <p:nvPr/>
          </p:nvSpPr>
          <p:spPr>
            <a:xfrm>
              <a:off x="986725" y="2807325"/>
              <a:ext cx="308000" cy="108800"/>
            </a:xfrm>
            <a:custGeom>
              <a:avLst/>
              <a:gdLst/>
              <a:ahLst/>
              <a:cxnLst/>
              <a:rect l="l" t="t" r="r" b="b"/>
              <a:pathLst>
                <a:path w="12320" h="4352" extrusionOk="0">
                  <a:moveTo>
                    <a:pt x="6161" y="482"/>
                  </a:moveTo>
                  <a:cubicBezTo>
                    <a:pt x="6845" y="482"/>
                    <a:pt x="7462" y="894"/>
                    <a:pt x="7724" y="1527"/>
                  </a:cubicBezTo>
                  <a:cubicBezTo>
                    <a:pt x="7986" y="2159"/>
                    <a:pt x="7838" y="2888"/>
                    <a:pt x="7357" y="3370"/>
                  </a:cubicBezTo>
                  <a:cubicBezTo>
                    <a:pt x="7032" y="3694"/>
                    <a:pt x="6599" y="3866"/>
                    <a:pt x="6158" y="3866"/>
                  </a:cubicBezTo>
                  <a:cubicBezTo>
                    <a:pt x="5940" y="3866"/>
                    <a:pt x="5720" y="3824"/>
                    <a:pt x="5511" y="3737"/>
                  </a:cubicBezTo>
                  <a:cubicBezTo>
                    <a:pt x="4881" y="3475"/>
                    <a:pt x="4469" y="2858"/>
                    <a:pt x="4469" y="2174"/>
                  </a:cubicBezTo>
                  <a:cubicBezTo>
                    <a:pt x="4469" y="1241"/>
                    <a:pt x="5225" y="482"/>
                    <a:pt x="6161" y="482"/>
                  </a:cubicBezTo>
                  <a:close/>
                  <a:moveTo>
                    <a:pt x="1418" y="0"/>
                  </a:moveTo>
                  <a:cubicBezTo>
                    <a:pt x="1220" y="684"/>
                    <a:pt x="684" y="1220"/>
                    <a:pt x="0" y="1415"/>
                  </a:cubicBezTo>
                  <a:lnTo>
                    <a:pt x="0" y="2933"/>
                  </a:lnTo>
                  <a:cubicBezTo>
                    <a:pt x="684" y="3129"/>
                    <a:pt x="1220" y="3665"/>
                    <a:pt x="1418" y="4351"/>
                  </a:cubicBezTo>
                  <a:lnTo>
                    <a:pt x="10904" y="4351"/>
                  </a:lnTo>
                  <a:cubicBezTo>
                    <a:pt x="11100" y="3665"/>
                    <a:pt x="11636" y="3129"/>
                    <a:pt x="12319" y="2933"/>
                  </a:cubicBezTo>
                  <a:lnTo>
                    <a:pt x="12319" y="1415"/>
                  </a:lnTo>
                  <a:cubicBezTo>
                    <a:pt x="11636" y="1220"/>
                    <a:pt x="11100" y="684"/>
                    <a:pt x="10904"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sp>
          <p:nvSpPr>
            <p:cNvPr id="68" name="Google Shape;838;p52"/>
            <p:cNvSpPr/>
            <p:nvPr/>
          </p:nvSpPr>
          <p:spPr>
            <a:xfrm>
              <a:off x="1126675" y="2847600"/>
              <a:ext cx="28100" cy="28175"/>
            </a:xfrm>
            <a:custGeom>
              <a:avLst/>
              <a:gdLst/>
              <a:ahLst/>
              <a:cxnLst/>
              <a:rect l="l" t="t" r="r" b="b"/>
              <a:pathLst>
                <a:path w="1124" h="1127" extrusionOk="0">
                  <a:moveTo>
                    <a:pt x="563" y="0"/>
                  </a:moveTo>
                  <a:cubicBezTo>
                    <a:pt x="250" y="0"/>
                    <a:pt x="0" y="253"/>
                    <a:pt x="0" y="563"/>
                  </a:cubicBezTo>
                  <a:cubicBezTo>
                    <a:pt x="0" y="873"/>
                    <a:pt x="250" y="1126"/>
                    <a:pt x="563" y="1126"/>
                  </a:cubicBezTo>
                  <a:cubicBezTo>
                    <a:pt x="873" y="1126"/>
                    <a:pt x="1123" y="873"/>
                    <a:pt x="1123" y="563"/>
                  </a:cubicBezTo>
                  <a:cubicBezTo>
                    <a:pt x="1123" y="253"/>
                    <a:pt x="873" y="0"/>
                    <a:pt x="563"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grpSp>
      <p:grpSp>
        <p:nvGrpSpPr>
          <p:cNvPr id="69" name="Google Shape;836;p52"/>
          <p:cNvGrpSpPr/>
          <p:nvPr/>
        </p:nvGrpSpPr>
        <p:grpSpPr>
          <a:xfrm>
            <a:off x="4994801" y="3247588"/>
            <a:ext cx="494802" cy="174787"/>
            <a:chOff x="986725" y="2807325"/>
            <a:chExt cx="308000" cy="108800"/>
          </a:xfrm>
        </p:grpSpPr>
        <p:sp>
          <p:nvSpPr>
            <p:cNvPr id="70" name="Google Shape;837;p52"/>
            <p:cNvSpPr/>
            <p:nvPr/>
          </p:nvSpPr>
          <p:spPr>
            <a:xfrm>
              <a:off x="986725" y="2807325"/>
              <a:ext cx="308000" cy="108800"/>
            </a:xfrm>
            <a:custGeom>
              <a:avLst/>
              <a:gdLst/>
              <a:ahLst/>
              <a:cxnLst/>
              <a:rect l="l" t="t" r="r" b="b"/>
              <a:pathLst>
                <a:path w="12320" h="4352" extrusionOk="0">
                  <a:moveTo>
                    <a:pt x="6161" y="482"/>
                  </a:moveTo>
                  <a:cubicBezTo>
                    <a:pt x="6845" y="482"/>
                    <a:pt x="7462" y="894"/>
                    <a:pt x="7724" y="1527"/>
                  </a:cubicBezTo>
                  <a:cubicBezTo>
                    <a:pt x="7986" y="2159"/>
                    <a:pt x="7838" y="2888"/>
                    <a:pt x="7357" y="3370"/>
                  </a:cubicBezTo>
                  <a:cubicBezTo>
                    <a:pt x="7032" y="3694"/>
                    <a:pt x="6599" y="3866"/>
                    <a:pt x="6158" y="3866"/>
                  </a:cubicBezTo>
                  <a:cubicBezTo>
                    <a:pt x="5940" y="3866"/>
                    <a:pt x="5720" y="3824"/>
                    <a:pt x="5511" y="3737"/>
                  </a:cubicBezTo>
                  <a:cubicBezTo>
                    <a:pt x="4881" y="3475"/>
                    <a:pt x="4469" y="2858"/>
                    <a:pt x="4469" y="2174"/>
                  </a:cubicBezTo>
                  <a:cubicBezTo>
                    <a:pt x="4469" y="1241"/>
                    <a:pt x="5225" y="482"/>
                    <a:pt x="6161" y="482"/>
                  </a:cubicBezTo>
                  <a:close/>
                  <a:moveTo>
                    <a:pt x="1418" y="0"/>
                  </a:moveTo>
                  <a:cubicBezTo>
                    <a:pt x="1220" y="684"/>
                    <a:pt x="684" y="1220"/>
                    <a:pt x="0" y="1415"/>
                  </a:cubicBezTo>
                  <a:lnTo>
                    <a:pt x="0" y="2933"/>
                  </a:lnTo>
                  <a:cubicBezTo>
                    <a:pt x="684" y="3129"/>
                    <a:pt x="1220" y="3665"/>
                    <a:pt x="1418" y="4351"/>
                  </a:cubicBezTo>
                  <a:lnTo>
                    <a:pt x="10904" y="4351"/>
                  </a:lnTo>
                  <a:cubicBezTo>
                    <a:pt x="11100" y="3665"/>
                    <a:pt x="11636" y="3129"/>
                    <a:pt x="12319" y="2933"/>
                  </a:cubicBezTo>
                  <a:lnTo>
                    <a:pt x="12319" y="1415"/>
                  </a:lnTo>
                  <a:cubicBezTo>
                    <a:pt x="11636" y="1220"/>
                    <a:pt x="11100" y="684"/>
                    <a:pt x="10904"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sp>
          <p:nvSpPr>
            <p:cNvPr id="71" name="Google Shape;838;p52"/>
            <p:cNvSpPr/>
            <p:nvPr/>
          </p:nvSpPr>
          <p:spPr>
            <a:xfrm>
              <a:off x="1126675" y="2847600"/>
              <a:ext cx="28100" cy="28175"/>
            </a:xfrm>
            <a:custGeom>
              <a:avLst/>
              <a:gdLst/>
              <a:ahLst/>
              <a:cxnLst/>
              <a:rect l="l" t="t" r="r" b="b"/>
              <a:pathLst>
                <a:path w="1124" h="1127" extrusionOk="0">
                  <a:moveTo>
                    <a:pt x="563" y="0"/>
                  </a:moveTo>
                  <a:cubicBezTo>
                    <a:pt x="250" y="0"/>
                    <a:pt x="0" y="253"/>
                    <a:pt x="0" y="563"/>
                  </a:cubicBezTo>
                  <a:cubicBezTo>
                    <a:pt x="0" y="873"/>
                    <a:pt x="250" y="1126"/>
                    <a:pt x="563" y="1126"/>
                  </a:cubicBezTo>
                  <a:cubicBezTo>
                    <a:pt x="873" y="1126"/>
                    <a:pt x="1123" y="873"/>
                    <a:pt x="1123" y="563"/>
                  </a:cubicBezTo>
                  <a:cubicBezTo>
                    <a:pt x="1123" y="253"/>
                    <a:pt x="873" y="0"/>
                    <a:pt x="563" y="0"/>
                  </a:cubicBezTo>
                  <a:close/>
                </a:path>
              </a:pathLst>
            </a:custGeom>
            <a:ln>
              <a:solidFill>
                <a:schemeClr val="accent4"/>
              </a:solidFill>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endParaRPr>
                <a:solidFill>
                  <a:srgbClr val="435D74"/>
                </a:solidFill>
              </a:endParaRPr>
            </a:p>
          </p:txBody>
        </p:sp>
      </p:grpSp>
      <p:sp>
        <p:nvSpPr>
          <p:cNvPr id="29" name="Action Button: Forward or Next 28">
            <a:hlinkClick r:id="rId6" action="ppaction://hlinksldjump" highlightClick="1"/>
          </p:cNvPr>
          <p:cNvSpPr/>
          <p:nvPr/>
        </p:nvSpPr>
        <p:spPr>
          <a:xfrm>
            <a:off x="7737170" y="4156368"/>
            <a:ext cx="599846" cy="669584"/>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30" name="Action Button: Back or Previous 29">
            <a:hlinkClick r:id="rId7" action="ppaction://hlinksldjump" highlightClick="1"/>
          </p:cNvPr>
          <p:cNvSpPr/>
          <p:nvPr/>
        </p:nvSpPr>
        <p:spPr>
          <a:xfrm>
            <a:off x="5677746" y="4175547"/>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31" name="Action Button: Home 6">
            <a:hlinkClick r:id="rId8" action="ppaction://hlinksldjump" highlightClick="1"/>
            <a:extLst>
              <a:ext uri="{FF2B5EF4-FFF2-40B4-BE49-F238E27FC236}">
                <a16:creationId xmlns:a16="http://schemas.microsoft.com/office/drawing/2014/main" id="{E2CFCD29-5215-41B4-830D-B5E5B8515685}"/>
              </a:ext>
            </a:extLst>
          </p:cNvPr>
          <p:cNvSpPr/>
          <p:nvPr/>
        </p:nvSpPr>
        <p:spPr>
          <a:xfrm>
            <a:off x="6707458" y="4175547"/>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2000" advClick="0">
        <p14:ferris dir="l"/>
      </p:transition>
    </mc:Choice>
    <mc:Fallback xmlns="">
      <p:transition spd="slow" advClick="0">
        <p:fade/>
      </p:transition>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3" name="Picture 52">
            <a:extLst>
              <a:ext uri="{FF2B5EF4-FFF2-40B4-BE49-F238E27FC236}">
                <a16:creationId xmlns:a16="http://schemas.microsoft.com/office/drawing/2014/main" id="{2D676294-D282-4ED8-A37B-064A17431095}"/>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11" name="Google Shape;818;p52"/>
          <p:cNvSpPr txBox="1">
            <a:spLocks noGrp="1"/>
          </p:cNvSpPr>
          <p:nvPr>
            <p:ph type="title"/>
          </p:nvPr>
        </p:nvSpPr>
        <p:spPr>
          <a:xfrm>
            <a:off x="3230515" y="1117987"/>
            <a:ext cx="2621400" cy="501306"/>
          </a:xfrm>
          <a:prstGeom prst="roundRect">
            <a:avLst/>
          </a:prstGeom>
          <a:solidFill>
            <a:schemeClr val="accent1"/>
          </a:solidFill>
          <a:ln>
            <a:solidFill>
              <a:schemeClr val="tx2"/>
            </a:solidFill>
          </a:ln>
        </p:spPr>
        <p:txBody>
          <a:bodyPr spcFirstLastPara="1" wrap="square" lIns="91425" tIns="91425" rIns="91425" bIns="91425" anchor="ctr" anchorCtr="0">
            <a:noAutofit/>
          </a:bodyPr>
          <a:lstStyle/>
          <a:p>
            <a:pPr lvl="0" algn="ctr"/>
            <a:r>
              <a:rPr lang="id-ID" sz="2200" dirty="0">
                <a:solidFill>
                  <a:schemeClr val="bg1"/>
                </a:solidFill>
              </a:rPr>
              <a:t>Bidang Sosial</a:t>
            </a:r>
            <a:endParaRPr sz="2200" dirty="0">
              <a:solidFill>
                <a:schemeClr val="bg1"/>
              </a:solidFill>
            </a:endParaRPr>
          </a:p>
        </p:txBody>
      </p:sp>
      <p:sp>
        <p:nvSpPr>
          <p:cNvPr id="12" name="Google Shape;826;p52"/>
          <p:cNvSpPr txBox="1">
            <a:spLocks noGrp="1"/>
          </p:cNvSpPr>
          <p:nvPr>
            <p:ph type="title" idx="8"/>
          </p:nvPr>
        </p:nvSpPr>
        <p:spPr>
          <a:xfrm>
            <a:off x="720000" y="534999"/>
            <a:ext cx="7704000" cy="545591"/>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lvl="0"/>
            <a:r>
              <a:rPr lang="id-ID" dirty="0"/>
              <a:t>Akibat Revolusi Industri</a:t>
            </a:r>
          </a:p>
        </p:txBody>
      </p:sp>
      <p:sp>
        <p:nvSpPr>
          <p:cNvPr id="13" name="Google Shape;969;p66"/>
          <p:cNvSpPr txBox="1">
            <a:spLocks/>
          </p:cNvSpPr>
          <p:nvPr/>
        </p:nvSpPr>
        <p:spPr>
          <a:xfrm>
            <a:off x="1353796" y="1715369"/>
            <a:ext cx="3301340" cy="446163"/>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Berkembangnya urbanisasi</a:t>
            </a:r>
            <a:endParaRPr lang="sv-SE" sz="1200" dirty="0">
              <a:latin typeface="Montserrat" charset="0"/>
            </a:endParaRPr>
          </a:p>
        </p:txBody>
      </p:sp>
      <p:sp>
        <p:nvSpPr>
          <p:cNvPr id="14" name="Google Shape;969;p66"/>
          <p:cNvSpPr txBox="1">
            <a:spLocks/>
          </p:cNvSpPr>
          <p:nvPr/>
        </p:nvSpPr>
        <p:spPr>
          <a:xfrm>
            <a:off x="1351821" y="2485269"/>
            <a:ext cx="3301340" cy="446163"/>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Upah buruh rendah</a:t>
            </a:r>
            <a:endParaRPr lang="sv-SE" sz="1200" dirty="0">
              <a:latin typeface="Montserrat" charset="0"/>
            </a:endParaRPr>
          </a:p>
        </p:txBody>
      </p:sp>
      <p:sp>
        <p:nvSpPr>
          <p:cNvPr id="15" name="Google Shape;969;p66"/>
          <p:cNvSpPr txBox="1">
            <a:spLocks/>
          </p:cNvSpPr>
          <p:nvPr/>
        </p:nvSpPr>
        <p:spPr>
          <a:xfrm>
            <a:off x="1361721" y="3088919"/>
            <a:ext cx="3301340" cy="628056"/>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Munculnya golongan pengusaha dan golongan buruh</a:t>
            </a:r>
            <a:endParaRPr lang="sv-SE" sz="1200" dirty="0">
              <a:latin typeface="Montserrat" charset="0"/>
            </a:endParaRPr>
          </a:p>
        </p:txBody>
      </p:sp>
      <p:sp>
        <p:nvSpPr>
          <p:cNvPr id="16" name="Google Shape;969;p66"/>
          <p:cNvSpPr txBox="1">
            <a:spLocks/>
          </p:cNvSpPr>
          <p:nvPr/>
        </p:nvSpPr>
        <p:spPr>
          <a:xfrm>
            <a:off x="5318973" y="1910312"/>
            <a:ext cx="3663508" cy="652725"/>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Adanya kesenjangan antara majikan dan buruh</a:t>
            </a:r>
            <a:endParaRPr lang="sv-SE" sz="1200" dirty="0">
              <a:latin typeface="Montserrat" charset="0"/>
            </a:endParaRPr>
          </a:p>
        </p:txBody>
      </p:sp>
      <p:sp>
        <p:nvSpPr>
          <p:cNvPr id="17" name="Google Shape;969;p66"/>
          <p:cNvSpPr txBox="1">
            <a:spLocks/>
          </p:cNvSpPr>
          <p:nvPr/>
        </p:nvSpPr>
        <p:spPr>
          <a:xfrm>
            <a:off x="5503703" y="2775378"/>
            <a:ext cx="3301340" cy="496205"/>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r>
              <a:rPr lang="id-ID" sz="1200" dirty="0">
                <a:latin typeface="Montserrat" charset="0"/>
              </a:rPr>
              <a:t>Munculnya revolusi sosial</a:t>
            </a:r>
            <a:endParaRPr lang="sv-SE" sz="1200" dirty="0">
              <a:latin typeface="Montserrat" charset="0"/>
            </a:endParaRPr>
          </a:p>
        </p:txBody>
      </p:sp>
      <p:grpSp>
        <p:nvGrpSpPr>
          <p:cNvPr id="18" name="Google Shape;7327;p130"/>
          <p:cNvGrpSpPr/>
          <p:nvPr/>
        </p:nvGrpSpPr>
        <p:grpSpPr>
          <a:xfrm>
            <a:off x="918617" y="1747214"/>
            <a:ext cx="350079" cy="350079"/>
            <a:chOff x="2037825" y="3254050"/>
            <a:chExt cx="296175" cy="296175"/>
          </a:xfrm>
          <a:solidFill>
            <a:schemeClr val="accent3"/>
          </a:solidFill>
        </p:grpSpPr>
        <p:sp>
          <p:nvSpPr>
            <p:cNvPr id="19" name="Google Shape;7328;p130"/>
            <p:cNvSpPr/>
            <p:nvPr/>
          </p:nvSpPr>
          <p:spPr>
            <a:xfrm>
              <a:off x="2063825" y="3254050"/>
              <a:ext cx="86675" cy="86675"/>
            </a:xfrm>
            <a:custGeom>
              <a:avLst/>
              <a:gdLst/>
              <a:ahLst/>
              <a:cxnLst/>
              <a:rect l="l" t="t" r="r" b="b"/>
              <a:pathLst>
                <a:path w="3467" h="3467" extrusionOk="0">
                  <a:moveTo>
                    <a:pt x="1733" y="1"/>
                  </a:moveTo>
                  <a:cubicBezTo>
                    <a:pt x="788" y="1"/>
                    <a:pt x="1" y="788"/>
                    <a:pt x="1" y="1733"/>
                  </a:cubicBezTo>
                  <a:cubicBezTo>
                    <a:pt x="1" y="2679"/>
                    <a:pt x="788" y="3466"/>
                    <a:pt x="1733" y="3466"/>
                  </a:cubicBezTo>
                  <a:cubicBezTo>
                    <a:pt x="2678" y="3466"/>
                    <a:pt x="3466" y="2679"/>
                    <a:pt x="3466" y="1733"/>
                  </a:cubicBezTo>
                  <a:cubicBezTo>
                    <a:pt x="3466" y="788"/>
                    <a:pt x="2678" y="1"/>
                    <a:pt x="1733"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0" name="Google Shape;7329;p130"/>
            <p:cNvSpPr/>
            <p:nvPr/>
          </p:nvSpPr>
          <p:spPr>
            <a:xfrm>
              <a:off x="2178025" y="3289500"/>
              <a:ext cx="104000" cy="67950"/>
            </a:xfrm>
            <a:custGeom>
              <a:avLst/>
              <a:gdLst/>
              <a:ahLst/>
              <a:cxnLst/>
              <a:rect l="l" t="t" r="r" b="b"/>
              <a:pathLst>
                <a:path w="4160" h="2718" extrusionOk="0">
                  <a:moveTo>
                    <a:pt x="347" y="0"/>
                  </a:moveTo>
                  <a:cubicBezTo>
                    <a:pt x="158" y="0"/>
                    <a:pt x="1" y="158"/>
                    <a:pt x="1" y="347"/>
                  </a:cubicBezTo>
                  <a:cubicBezTo>
                    <a:pt x="1" y="536"/>
                    <a:pt x="95" y="662"/>
                    <a:pt x="316" y="662"/>
                  </a:cubicBezTo>
                  <a:lnTo>
                    <a:pt x="2395" y="662"/>
                  </a:lnTo>
                  <a:cubicBezTo>
                    <a:pt x="2584" y="662"/>
                    <a:pt x="2742" y="820"/>
                    <a:pt x="2742" y="1009"/>
                  </a:cubicBezTo>
                  <a:lnTo>
                    <a:pt x="2742" y="1576"/>
                  </a:lnTo>
                  <a:lnTo>
                    <a:pt x="2616" y="1450"/>
                  </a:lnTo>
                  <a:cubicBezTo>
                    <a:pt x="2568" y="1387"/>
                    <a:pt x="2482" y="1355"/>
                    <a:pt x="2391" y="1355"/>
                  </a:cubicBezTo>
                  <a:cubicBezTo>
                    <a:pt x="2301" y="1355"/>
                    <a:pt x="2206" y="1387"/>
                    <a:pt x="2143" y="1450"/>
                  </a:cubicBezTo>
                  <a:cubicBezTo>
                    <a:pt x="2049" y="1576"/>
                    <a:pt x="2049" y="1796"/>
                    <a:pt x="2143" y="1922"/>
                  </a:cubicBezTo>
                  <a:lnTo>
                    <a:pt x="2868" y="2647"/>
                  </a:lnTo>
                  <a:cubicBezTo>
                    <a:pt x="2931" y="2694"/>
                    <a:pt x="3017" y="2718"/>
                    <a:pt x="3104" y="2718"/>
                  </a:cubicBezTo>
                  <a:cubicBezTo>
                    <a:pt x="3191" y="2718"/>
                    <a:pt x="3277" y="2694"/>
                    <a:pt x="3340" y="2647"/>
                  </a:cubicBezTo>
                  <a:lnTo>
                    <a:pt x="4033" y="1922"/>
                  </a:lnTo>
                  <a:cubicBezTo>
                    <a:pt x="4159" y="1796"/>
                    <a:pt x="4159" y="1576"/>
                    <a:pt x="4033" y="1450"/>
                  </a:cubicBezTo>
                  <a:cubicBezTo>
                    <a:pt x="3986" y="1387"/>
                    <a:pt x="3899" y="1355"/>
                    <a:pt x="3809" y="1355"/>
                  </a:cubicBezTo>
                  <a:cubicBezTo>
                    <a:pt x="3718" y="1355"/>
                    <a:pt x="3624" y="1387"/>
                    <a:pt x="3561" y="1450"/>
                  </a:cubicBezTo>
                  <a:lnTo>
                    <a:pt x="3466" y="1576"/>
                  </a:lnTo>
                  <a:lnTo>
                    <a:pt x="3466" y="1009"/>
                  </a:lnTo>
                  <a:cubicBezTo>
                    <a:pt x="3466" y="441"/>
                    <a:pt x="2994" y="0"/>
                    <a:pt x="2427"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1" name="Google Shape;7330;p130"/>
            <p:cNvSpPr/>
            <p:nvPr/>
          </p:nvSpPr>
          <p:spPr>
            <a:xfrm>
              <a:off x="2070125" y="3444225"/>
              <a:ext cx="106350" cy="69075"/>
            </a:xfrm>
            <a:custGeom>
              <a:avLst/>
              <a:gdLst/>
              <a:ahLst/>
              <a:cxnLst/>
              <a:rect l="l" t="t" r="r" b="b"/>
              <a:pathLst>
                <a:path w="4254" h="2763" extrusionOk="0">
                  <a:moveTo>
                    <a:pt x="1095" y="0"/>
                  </a:moveTo>
                  <a:cubicBezTo>
                    <a:pt x="1002" y="0"/>
                    <a:pt x="904" y="28"/>
                    <a:pt x="820" y="112"/>
                  </a:cubicBezTo>
                  <a:lnTo>
                    <a:pt x="127" y="805"/>
                  </a:lnTo>
                  <a:cubicBezTo>
                    <a:pt x="1" y="931"/>
                    <a:pt x="1" y="1184"/>
                    <a:pt x="127" y="1278"/>
                  </a:cubicBezTo>
                  <a:cubicBezTo>
                    <a:pt x="190" y="1341"/>
                    <a:pt x="276" y="1373"/>
                    <a:pt x="363" y="1373"/>
                  </a:cubicBezTo>
                  <a:cubicBezTo>
                    <a:pt x="449" y="1373"/>
                    <a:pt x="536" y="1341"/>
                    <a:pt x="599" y="1278"/>
                  </a:cubicBezTo>
                  <a:lnTo>
                    <a:pt x="725" y="1184"/>
                  </a:lnTo>
                  <a:lnTo>
                    <a:pt x="725" y="1719"/>
                  </a:lnTo>
                  <a:cubicBezTo>
                    <a:pt x="725" y="2318"/>
                    <a:pt x="1198" y="2759"/>
                    <a:pt x="1733" y="2759"/>
                  </a:cubicBezTo>
                  <a:lnTo>
                    <a:pt x="3813" y="2759"/>
                  </a:lnTo>
                  <a:cubicBezTo>
                    <a:pt x="3837" y="2761"/>
                    <a:pt x="3861" y="2763"/>
                    <a:pt x="3883" y="2763"/>
                  </a:cubicBezTo>
                  <a:cubicBezTo>
                    <a:pt x="4122" y="2763"/>
                    <a:pt x="4254" y="2616"/>
                    <a:pt x="4254" y="2444"/>
                  </a:cubicBezTo>
                  <a:cubicBezTo>
                    <a:pt x="4254" y="2223"/>
                    <a:pt x="4096" y="2066"/>
                    <a:pt x="3907" y="2066"/>
                  </a:cubicBezTo>
                  <a:lnTo>
                    <a:pt x="1828" y="2066"/>
                  </a:lnTo>
                  <a:cubicBezTo>
                    <a:pt x="1639" y="2066"/>
                    <a:pt x="1481" y="1908"/>
                    <a:pt x="1481" y="1719"/>
                  </a:cubicBezTo>
                  <a:lnTo>
                    <a:pt x="1481" y="1184"/>
                  </a:lnTo>
                  <a:lnTo>
                    <a:pt x="1576" y="1278"/>
                  </a:lnTo>
                  <a:cubicBezTo>
                    <a:pt x="1639" y="1341"/>
                    <a:pt x="1733" y="1373"/>
                    <a:pt x="1824" y="1373"/>
                  </a:cubicBezTo>
                  <a:cubicBezTo>
                    <a:pt x="1914" y="1373"/>
                    <a:pt x="2001" y="1341"/>
                    <a:pt x="2048" y="1278"/>
                  </a:cubicBezTo>
                  <a:cubicBezTo>
                    <a:pt x="2174" y="1184"/>
                    <a:pt x="2174" y="931"/>
                    <a:pt x="2048" y="805"/>
                  </a:cubicBezTo>
                  <a:lnTo>
                    <a:pt x="1355" y="112"/>
                  </a:lnTo>
                  <a:cubicBezTo>
                    <a:pt x="1292" y="81"/>
                    <a:pt x="1261" y="81"/>
                    <a:pt x="1229" y="18"/>
                  </a:cubicBezTo>
                  <a:cubicBezTo>
                    <a:pt x="1187" y="7"/>
                    <a:pt x="1142" y="0"/>
                    <a:pt x="1095"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2" name="Google Shape;7331;p130"/>
            <p:cNvSpPr/>
            <p:nvPr/>
          </p:nvSpPr>
          <p:spPr>
            <a:xfrm>
              <a:off x="2219775" y="3375350"/>
              <a:ext cx="89025" cy="85875"/>
            </a:xfrm>
            <a:custGeom>
              <a:avLst/>
              <a:gdLst/>
              <a:ahLst/>
              <a:cxnLst/>
              <a:rect l="l" t="t" r="r" b="b"/>
              <a:pathLst>
                <a:path w="3561" h="3435" extrusionOk="0">
                  <a:moveTo>
                    <a:pt x="1796" y="0"/>
                  </a:moveTo>
                  <a:cubicBezTo>
                    <a:pt x="788" y="0"/>
                    <a:pt x="0" y="788"/>
                    <a:pt x="0" y="1733"/>
                  </a:cubicBezTo>
                  <a:cubicBezTo>
                    <a:pt x="0" y="2647"/>
                    <a:pt x="788" y="3434"/>
                    <a:pt x="1796" y="3434"/>
                  </a:cubicBezTo>
                  <a:cubicBezTo>
                    <a:pt x="2741" y="3434"/>
                    <a:pt x="3561" y="2647"/>
                    <a:pt x="3561" y="1733"/>
                  </a:cubicBezTo>
                  <a:cubicBezTo>
                    <a:pt x="3561" y="788"/>
                    <a:pt x="2773" y="0"/>
                    <a:pt x="1796"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3" name="Google Shape;7332;p130"/>
            <p:cNvSpPr/>
            <p:nvPr/>
          </p:nvSpPr>
          <p:spPr>
            <a:xfrm>
              <a:off x="2037825" y="3339125"/>
              <a:ext cx="138650" cy="88225"/>
            </a:xfrm>
            <a:custGeom>
              <a:avLst/>
              <a:gdLst/>
              <a:ahLst/>
              <a:cxnLst/>
              <a:rect l="l" t="t" r="r" b="b"/>
              <a:pathLst>
                <a:path w="5546" h="3529" extrusionOk="0">
                  <a:moveTo>
                    <a:pt x="1072" y="0"/>
                  </a:moveTo>
                  <a:cubicBezTo>
                    <a:pt x="442" y="536"/>
                    <a:pt x="32" y="1292"/>
                    <a:pt x="32" y="2143"/>
                  </a:cubicBezTo>
                  <a:lnTo>
                    <a:pt x="32" y="3182"/>
                  </a:lnTo>
                  <a:cubicBezTo>
                    <a:pt x="1" y="3371"/>
                    <a:pt x="158" y="3529"/>
                    <a:pt x="347" y="3529"/>
                  </a:cubicBezTo>
                  <a:lnTo>
                    <a:pt x="5199" y="3529"/>
                  </a:lnTo>
                  <a:cubicBezTo>
                    <a:pt x="5388" y="3529"/>
                    <a:pt x="5546" y="3371"/>
                    <a:pt x="5546" y="3182"/>
                  </a:cubicBezTo>
                  <a:lnTo>
                    <a:pt x="5546" y="2143"/>
                  </a:lnTo>
                  <a:cubicBezTo>
                    <a:pt x="5546" y="1292"/>
                    <a:pt x="5168" y="536"/>
                    <a:pt x="4538" y="0"/>
                  </a:cubicBezTo>
                  <a:cubicBezTo>
                    <a:pt x="4096" y="473"/>
                    <a:pt x="3466" y="756"/>
                    <a:pt x="2805" y="756"/>
                  </a:cubicBezTo>
                  <a:cubicBezTo>
                    <a:pt x="2143" y="756"/>
                    <a:pt x="1513" y="504"/>
                    <a:pt x="1072"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4" name="Google Shape;7333;p130"/>
            <p:cNvSpPr/>
            <p:nvPr/>
          </p:nvSpPr>
          <p:spPr>
            <a:xfrm>
              <a:off x="2193775" y="3460400"/>
              <a:ext cx="140225" cy="89825"/>
            </a:xfrm>
            <a:custGeom>
              <a:avLst/>
              <a:gdLst/>
              <a:ahLst/>
              <a:cxnLst/>
              <a:rect l="l" t="t" r="r" b="b"/>
              <a:pathLst>
                <a:path w="5609" h="3593" extrusionOk="0">
                  <a:moveTo>
                    <a:pt x="1009" y="1"/>
                  </a:moveTo>
                  <a:cubicBezTo>
                    <a:pt x="379" y="537"/>
                    <a:pt x="1" y="1261"/>
                    <a:pt x="1" y="2143"/>
                  </a:cubicBezTo>
                  <a:lnTo>
                    <a:pt x="1" y="3246"/>
                  </a:lnTo>
                  <a:cubicBezTo>
                    <a:pt x="1" y="3435"/>
                    <a:pt x="158" y="3592"/>
                    <a:pt x="347" y="3592"/>
                  </a:cubicBezTo>
                  <a:lnTo>
                    <a:pt x="5262" y="3592"/>
                  </a:lnTo>
                  <a:cubicBezTo>
                    <a:pt x="5451" y="3592"/>
                    <a:pt x="5609" y="3435"/>
                    <a:pt x="5609" y="3246"/>
                  </a:cubicBezTo>
                  <a:lnTo>
                    <a:pt x="5609" y="2143"/>
                  </a:lnTo>
                  <a:cubicBezTo>
                    <a:pt x="5577" y="1261"/>
                    <a:pt x="5199" y="537"/>
                    <a:pt x="4569" y="1"/>
                  </a:cubicBezTo>
                  <a:cubicBezTo>
                    <a:pt x="4128" y="474"/>
                    <a:pt x="3498" y="757"/>
                    <a:pt x="2773" y="757"/>
                  </a:cubicBezTo>
                  <a:cubicBezTo>
                    <a:pt x="2080" y="757"/>
                    <a:pt x="1450" y="474"/>
                    <a:pt x="1009"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32" name="Google Shape;7327;p130"/>
          <p:cNvGrpSpPr/>
          <p:nvPr/>
        </p:nvGrpSpPr>
        <p:grpSpPr>
          <a:xfrm>
            <a:off x="902792" y="3239514"/>
            <a:ext cx="350079" cy="350079"/>
            <a:chOff x="2037825" y="3254050"/>
            <a:chExt cx="296175" cy="296175"/>
          </a:xfrm>
          <a:solidFill>
            <a:schemeClr val="accent1"/>
          </a:solidFill>
        </p:grpSpPr>
        <p:sp>
          <p:nvSpPr>
            <p:cNvPr id="33" name="Google Shape;7328;p130"/>
            <p:cNvSpPr/>
            <p:nvPr/>
          </p:nvSpPr>
          <p:spPr>
            <a:xfrm>
              <a:off x="2063825" y="3254050"/>
              <a:ext cx="86675" cy="86675"/>
            </a:xfrm>
            <a:custGeom>
              <a:avLst/>
              <a:gdLst/>
              <a:ahLst/>
              <a:cxnLst/>
              <a:rect l="l" t="t" r="r" b="b"/>
              <a:pathLst>
                <a:path w="3467" h="3467" extrusionOk="0">
                  <a:moveTo>
                    <a:pt x="1733" y="1"/>
                  </a:moveTo>
                  <a:cubicBezTo>
                    <a:pt x="788" y="1"/>
                    <a:pt x="1" y="788"/>
                    <a:pt x="1" y="1733"/>
                  </a:cubicBezTo>
                  <a:cubicBezTo>
                    <a:pt x="1" y="2679"/>
                    <a:pt x="788" y="3466"/>
                    <a:pt x="1733" y="3466"/>
                  </a:cubicBezTo>
                  <a:cubicBezTo>
                    <a:pt x="2678" y="3466"/>
                    <a:pt x="3466" y="2679"/>
                    <a:pt x="3466" y="1733"/>
                  </a:cubicBezTo>
                  <a:cubicBezTo>
                    <a:pt x="3466" y="788"/>
                    <a:pt x="2678" y="1"/>
                    <a:pt x="1733" y="1"/>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 name="Google Shape;7329;p130"/>
            <p:cNvSpPr/>
            <p:nvPr/>
          </p:nvSpPr>
          <p:spPr>
            <a:xfrm>
              <a:off x="2178025" y="3289500"/>
              <a:ext cx="104000" cy="67950"/>
            </a:xfrm>
            <a:custGeom>
              <a:avLst/>
              <a:gdLst/>
              <a:ahLst/>
              <a:cxnLst/>
              <a:rect l="l" t="t" r="r" b="b"/>
              <a:pathLst>
                <a:path w="4160" h="2718" extrusionOk="0">
                  <a:moveTo>
                    <a:pt x="347" y="0"/>
                  </a:moveTo>
                  <a:cubicBezTo>
                    <a:pt x="158" y="0"/>
                    <a:pt x="1" y="158"/>
                    <a:pt x="1" y="347"/>
                  </a:cubicBezTo>
                  <a:cubicBezTo>
                    <a:pt x="1" y="536"/>
                    <a:pt x="95" y="662"/>
                    <a:pt x="316" y="662"/>
                  </a:cubicBezTo>
                  <a:lnTo>
                    <a:pt x="2395" y="662"/>
                  </a:lnTo>
                  <a:cubicBezTo>
                    <a:pt x="2584" y="662"/>
                    <a:pt x="2742" y="820"/>
                    <a:pt x="2742" y="1009"/>
                  </a:cubicBezTo>
                  <a:lnTo>
                    <a:pt x="2742" y="1576"/>
                  </a:lnTo>
                  <a:lnTo>
                    <a:pt x="2616" y="1450"/>
                  </a:lnTo>
                  <a:cubicBezTo>
                    <a:pt x="2568" y="1387"/>
                    <a:pt x="2482" y="1355"/>
                    <a:pt x="2391" y="1355"/>
                  </a:cubicBezTo>
                  <a:cubicBezTo>
                    <a:pt x="2301" y="1355"/>
                    <a:pt x="2206" y="1387"/>
                    <a:pt x="2143" y="1450"/>
                  </a:cubicBezTo>
                  <a:cubicBezTo>
                    <a:pt x="2049" y="1576"/>
                    <a:pt x="2049" y="1796"/>
                    <a:pt x="2143" y="1922"/>
                  </a:cubicBezTo>
                  <a:lnTo>
                    <a:pt x="2868" y="2647"/>
                  </a:lnTo>
                  <a:cubicBezTo>
                    <a:pt x="2931" y="2694"/>
                    <a:pt x="3017" y="2718"/>
                    <a:pt x="3104" y="2718"/>
                  </a:cubicBezTo>
                  <a:cubicBezTo>
                    <a:pt x="3191" y="2718"/>
                    <a:pt x="3277" y="2694"/>
                    <a:pt x="3340" y="2647"/>
                  </a:cubicBezTo>
                  <a:lnTo>
                    <a:pt x="4033" y="1922"/>
                  </a:lnTo>
                  <a:cubicBezTo>
                    <a:pt x="4159" y="1796"/>
                    <a:pt x="4159" y="1576"/>
                    <a:pt x="4033" y="1450"/>
                  </a:cubicBezTo>
                  <a:cubicBezTo>
                    <a:pt x="3986" y="1387"/>
                    <a:pt x="3899" y="1355"/>
                    <a:pt x="3809" y="1355"/>
                  </a:cubicBezTo>
                  <a:cubicBezTo>
                    <a:pt x="3718" y="1355"/>
                    <a:pt x="3624" y="1387"/>
                    <a:pt x="3561" y="1450"/>
                  </a:cubicBezTo>
                  <a:lnTo>
                    <a:pt x="3466" y="1576"/>
                  </a:lnTo>
                  <a:lnTo>
                    <a:pt x="3466" y="1009"/>
                  </a:lnTo>
                  <a:cubicBezTo>
                    <a:pt x="3466" y="441"/>
                    <a:pt x="2994" y="0"/>
                    <a:pt x="2427"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 name="Google Shape;7330;p130"/>
            <p:cNvSpPr/>
            <p:nvPr/>
          </p:nvSpPr>
          <p:spPr>
            <a:xfrm>
              <a:off x="2070125" y="3444225"/>
              <a:ext cx="106350" cy="69075"/>
            </a:xfrm>
            <a:custGeom>
              <a:avLst/>
              <a:gdLst/>
              <a:ahLst/>
              <a:cxnLst/>
              <a:rect l="l" t="t" r="r" b="b"/>
              <a:pathLst>
                <a:path w="4254" h="2763" extrusionOk="0">
                  <a:moveTo>
                    <a:pt x="1095" y="0"/>
                  </a:moveTo>
                  <a:cubicBezTo>
                    <a:pt x="1002" y="0"/>
                    <a:pt x="904" y="28"/>
                    <a:pt x="820" y="112"/>
                  </a:cubicBezTo>
                  <a:lnTo>
                    <a:pt x="127" y="805"/>
                  </a:lnTo>
                  <a:cubicBezTo>
                    <a:pt x="1" y="931"/>
                    <a:pt x="1" y="1184"/>
                    <a:pt x="127" y="1278"/>
                  </a:cubicBezTo>
                  <a:cubicBezTo>
                    <a:pt x="190" y="1341"/>
                    <a:pt x="276" y="1373"/>
                    <a:pt x="363" y="1373"/>
                  </a:cubicBezTo>
                  <a:cubicBezTo>
                    <a:pt x="449" y="1373"/>
                    <a:pt x="536" y="1341"/>
                    <a:pt x="599" y="1278"/>
                  </a:cubicBezTo>
                  <a:lnTo>
                    <a:pt x="725" y="1184"/>
                  </a:lnTo>
                  <a:lnTo>
                    <a:pt x="725" y="1719"/>
                  </a:lnTo>
                  <a:cubicBezTo>
                    <a:pt x="725" y="2318"/>
                    <a:pt x="1198" y="2759"/>
                    <a:pt x="1733" y="2759"/>
                  </a:cubicBezTo>
                  <a:lnTo>
                    <a:pt x="3813" y="2759"/>
                  </a:lnTo>
                  <a:cubicBezTo>
                    <a:pt x="3837" y="2761"/>
                    <a:pt x="3861" y="2763"/>
                    <a:pt x="3883" y="2763"/>
                  </a:cubicBezTo>
                  <a:cubicBezTo>
                    <a:pt x="4122" y="2763"/>
                    <a:pt x="4254" y="2616"/>
                    <a:pt x="4254" y="2444"/>
                  </a:cubicBezTo>
                  <a:cubicBezTo>
                    <a:pt x="4254" y="2223"/>
                    <a:pt x="4096" y="2066"/>
                    <a:pt x="3907" y="2066"/>
                  </a:cubicBezTo>
                  <a:lnTo>
                    <a:pt x="1828" y="2066"/>
                  </a:lnTo>
                  <a:cubicBezTo>
                    <a:pt x="1639" y="2066"/>
                    <a:pt x="1481" y="1908"/>
                    <a:pt x="1481" y="1719"/>
                  </a:cubicBezTo>
                  <a:lnTo>
                    <a:pt x="1481" y="1184"/>
                  </a:lnTo>
                  <a:lnTo>
                    <a:pt x="1576" y="1278"/>
                  </a:lnTo>
                  <a:cubicBezTo>
                    <a:pt x="1639" y="1341"/>
                    <a:pt x="1733" y="1373"/>
                    <a:pt x="1824" y="1373"/>
                  </a:cubicBezTo>
                  <a:cubicBezTo>
                    <a:pt x="1914" y="1373"/>
                    <a:pt x="2001" y="1341"/>
                    <a:pt x="2048" y="1278"/>
                  </a:cubicBezTo>
                  <a:cubicBezTo>
                    <a:pt x="2174" y="1184"/>
                    <a:pt x="2174" y="931"/>
                    <a:pt x="2048" y="805"/>
                  </a:cubicBezTo>
                  <a:lnTo>
                    <a:pt x="1355" y="112"/>
                  </a:lnTo>
                  <a:cubicBezTo>
                    <a:pt x="1292" y="81"/>
                    <a:pt x="1261" y="81"/>
                    <a:pt x="1229" y="18"/>
                  </a:cubicBezTo>
                  <a:cubicBezTo>
                    <a:pt x="1187" y="7"/>
                    <a:pt x="1142" y="0"/>
                    <a:pt x="1095"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6" name="Google Shape;7331;p130"/>
            <p:cNvSpPr/>
            <p:nvPr/>
          </p:nvSpPr>
          <p:spPr>
            <a:xfrm>
              <a:off x="2219775" y="3375350"/>
              <a:ext cx="89025" cy="85875"/>
            </a:xfrm>
            <a:custGeom>
              <a:avLst/>
              <a:gdLst/>
              <a:ahLst/>
              <a:cxnLst/>
              <a:rect l="l" t="t" r="r" b="b"/>
              <a:pathLst>
                <a:path w="3561" h="3435" extrusionOk="0">
                  <a:moveTo>
                    <a:pt x="1796" y="0"/>
                  </a:moveTo>
                  <a:cubicBezTo>
                    <a:pt x="788" y="0"/>
                    <a:pt x="0" y="788"/>
                    <a:pt x="0" y="1733"/>
                  </a:cubicBezTo>
                  <a:cubicBezTo>
                    <a:pt x="0" y="2647"/>
                    <a:pt x="788" y="3434"/>
                    <a:pt x="1796" y="3434"/>
                  </a:cubicBezTo>
                  <a:cubicBezTo>
                    <a:pt x="2741" y="3434"/>
                    <a:pt x="3561" y="2647"/>
                    <a:pt x="3561" y="1733"/>
                  </a:cubicBezTo>
                  <a:cubicBezTo>
                    <a:pt x="3561" y="788"/>
                    <a:pt x="2773" y="0"/>
                    <a:pt x="1796"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7" name="Google Shape;7332;p130"/>
            <p:cNvSpPr/>
            <p:nvPr/>
          </p:nvSpPr>
          <p:spPr>
            <a:xfrm>
              <a:off x="2037825" y="3339125"/>
              <a:ext cx="138650" cy="88225"/>
            </a:xfrm>
            <a:custGeom>
              <a:avLst/>
              <a:gdLst/>
              <a:ahLst/>
              <a:cxnLst/>
              <a:rect l="l" t="t" r="r" b="b"/>
              <a:pathLst>
                <a:path w="5546" h="3529" extrusionOk="0">
                  <a:moveTo>
                    <a:pt x="1072" y="0"/>
                  </a:moveTo>
                  <a:cubicBezTo>
                    <a:pt x="442" y="536"/>
                    <a:pt x="32" y="1292"/>
                    <a:pt x="32" y="2143"/>
                  </a:cubicBezTo>
                  <a:lnTo>
                    <a:pt x="32" y="3182"/>
                  </a:lnTo>
                  <a:cubicBezTo>
                    <a:pt x="1" y="3371"/>
                    <a:pt x="158" y="3529"/>
                    <a:pt x="347" y="3529"/>
                  </a:cubicBezTo>
                  <a:lnTo>
                    <a:pt x="5199" y="3529"/>
                  </a:lnTo>
                  <a:cubicBezTo>
                    <a:pt x="5388" y="3529"/>
                    <a:pt x="5546" y="3371"/>
                    <a:pt x="5546" y="3182"/>
                  </a:cubicBezTo>
                  <a:lnTo>
                    <a:pt x="5546" y="2143"/>
                  </a:lnTo>
                  <a:cubicBezTo>
                    <a:pt x="5546" y="1292"/>
                    <a:pt x="5168" y="536"/>
                    <a:pt x="4538" y="0"/>
                  </a:cubicBezTo>
                  <a:cubicBezTo>
                    <a:pt x="4096" y="473"/>
                    <a:pt x="3466" y="756"/>
                    <a:pt x="2805" y="756"/>
                  </a:cubicBezTo>
                  <a:cubicBezTo>
                    <a:pt x="2143" y="756"/>
                    <a:pt x="1513" y="504"/>
                    <a:pt x="1072"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8" name="Google Shape;7333;p130"/>
            <p:cNvSpPr/>
            <p:nvPr/>
          </p:nvSpPr>
          <p:spPr>
            <a:xfrm>
              <a:off x="2193775" y="3460400"/>
              <a:ext cx="140225" cy="89825"/>
            </a:xfrm>
            <a:custGeom>
              <a:avLst/>
              <a:gdLst/>
              <a:ahLst/>
              <a:cxnLst/>
              <a:rect l="l" t="t" r="r" b="b"/>
              <a:pathLst>
                <a:path w="5609" h="3593" extrusionOk="0">
                  <a:moveTo>
                    <a:pt x="1009" y="1"/>
                  </a:moveTo>
                  <a:cubicBezTo>
                    <a:pt x="379" y="537"/>
                    <a:pt x="1" y="1261"/>
                    <a:pt x="1" y="2143"/>
                  </a:cubicBezTo>
                  <a:lnTo>
                    <a:pt x="1" y="3246"/>
                  </a:lnTo>
                  <a:cubicBezTo>
                    <a:pt x="1" y="3435"/>
                    <a:pt x="158" y="3592"/>
                    <a:pt x="347" y="3592"/>
                  </a:cubicBezTo>
                  <a:lnTo>
                    <a:pt x="5262" y="3592"/>
                  </a:lnTo>
                  <a:cubicBezTo>
                    <a:pt x="5451" y="3592"/>
                    <a:pt x="5609" y="3435"/>
                    <a:pt x="5609" y="3246"/>
                  </a:cubicBezTo>
                  <a:lnTo>
                    <a:pt x="5609" y="2143"/>
                  </a:lnTo>
                  <a:cubicBezTo>
                    <a:pt x="5577" y="1261"/>
                    <a:pt x="5199" y="537"/>
                    <a:pt x="4569" y="1"/>
                  </a:cubicBezTo>
                  <a:cubicBezTo>
                    <a:pt x="4128" y="474"/>
                    <a:pt x="3498" y="757"/>
                    <a:pt x="2773" y="757"/>
                  </a:cubicBezTo>
                  <a:cubicBezTo>
                    <a:pt x="2080" y="757"/>
                    <a:pt x="1450" y="474"/>
                    <a:pt x="1009" y="1"/>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39" name="Google Shape;7327;p130"/>
          <p:cNvGrpSpPr/>
          <p:nvPr/>
        </p:nvGrpSpPr>
        <p:grpSpPr>
          <a:xfrm>
            <a:off x="890917" y="2515139"/>
            <a:ext cx="350079" cy="350079"/>
            <a:chOff x="2037825" y="3254050"/>
            <a:chExt cx="296175" cy="296175"/>
          </a:xfrm>
          <a:solidFill>
            <a:schemeClr val="accent1"/>
          </a:solidFill>
        </p:grpSpPr>
        <p:sp>
          <p:nvSpPr>
            <p:cNvPr id="40" name="Google Shape;7328;p130"/>
            <p:cNvSpPr/>
            <p:nvPr/>
          </p:nvSpPr>
          <p:spPr>
            <a:xfrm>
              <a:off x="2063825" y="3254050"/>
              <a:ext cx="86675" cy="86675"/>
            </a:xfrm>
            <a:custGeom>
              <a:avLst/>
              <a:gdLst/>
              <a:ahLst/>
              <a:cxnLst/>
              <a:rect l="l" t="t" r="r" b="b"/>
              <a:pathLst>
                <a:path w="3467" h="3467" extrusionOk="0">
                  <a:moveTo>
                    <a:pt x="1733" y="1"/>
                  </a:moveTo>
                  <a:cubicBezTo>
                    <a:pt x="788" y="1"/>
                    <a:pt x="1" y="788"/>
                    <a:pt x="1" y="1733"/>
                  </a:cubicBezTo>
                  <a:cubicBezTo>
                    <a:pt x="1" y="2679"/>
                    <a:pt x="788" y="3466"/>
                    <a:pt x="1733" y="3466"/>
                  </a:cubicBezTo>
                  <a:cubicBezTo>
                    <a:pt x="2678" y="3466"/>
                    <a:pt x="3466" y="2679"/>
                    <a:pt x="3466" y="1733"/>
                  </a:cubicBezTo>
                  <a:cubicBezTo>
                    <a:pt x="3466" y="788"/>
                    <a:pt x="2678" y="1"/>
                    <a:pt x="1733" y="1"/>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1" name="Google Shape;7329;p130"/>
            <p:cNvSpPr/>
            <p:nvPr/>
          </p:nvSpPr>
          <p:spPr>
            <a:xfrm>
              <a:off x="2178025" y="3289500"/>
              <a:ext cx="104000" cy="67950"/>
            </a:xfrm>
            <a:custGeom>
              <a:avLst/>
              <a:gdLst/>
              <a:ahLst/>
              <a:cxnLst/>
              <a:rect l="l" t="t" r="r" b="b"/>
              <a:pathLst>
                <a:path w="4160" h="2718" extrusionOk="0">
                  <a:moveTo>
                    <a:pt x="347" y="0"/>
                  </a:moveTo>
                  <a:cubicBezTo>
                    <a:pt x="158" y="0"/>
                    <a:pt x="1" y="158"/>
                    <a:pt x="1" y="347"/>
                  </a:cubicBezTo>
                  <a:cubicBezTo>
                    <a:pt x="1" y="536"/>
                    <a:pt x="95" y="662"/>
                    <a:pt x="316" y="662"/>
                  </a:cubicBezTo>
                  <a:lnTo>
                    <a:pt x="2395" y="662"/>
                  </a:lnTo>
                  <a:cubicBezTo>
                    <a:pt x="2584" y="662"/>
                    <a:pt x="2742" y="820"/>
                    <a:pt x="2742" y="1009"/>
                  </a:cubicBezTo>
                  <a:lnTo>
                    <a:pt x="2742" y="1576"/>
                  </a:lnTo>
                  <a:lnTo>
                    <a:pt x="2616" y="1450"/>
                  </a:lnTo>
                  <a:cubicBezTo>
                    <a:pt x="2568" y="1387"/>
                    <a:pt x="2482" y="1355"/>
                    <a:pt x="2391" y="1355"/>
                  </a:cubicBezTo>
                  <a:cubicBezTo>
                    <a:pt x="2301" y="1355"/>
                    <a:pt x="2206" y="1387"/>
                    <a:pt x="2143" y="1450"/>
                  </a:cubicBezTo>
                  <a:cubicBezTo>
                    <a:pt x="2049" y="1576"/>
                    <a:pt x="2049" y="1796"/>
                    <a:pt x="2143" y="1922"/>
                  </a:cubicBezTo>
                  <a:lnTo>
                    <a:pt x="2868" y="2647"/>
                  </a:lnTo>
                  <a:cubicBezTo>
                    <a:pt x="2931" y="2694"/>
                    <a:pt x="3017" y="2718"/>
                    <a:pt x="3104" y="2718"/>
                  </a:cubicBezTo>
                  <a:cubicBezTo>
                    <a:pt x="3191" y="2718"/>
                    <a:pt x="3277" y="2694"/>
                    <a:pt x="3340" y="2647"/>
                  </a:cubicBezTo>
                  <a:lnTo>
                    <a:pt x="4033" y="1922"/>
                  </a:lnTo>
                  <a:cubicBezTo>
                    <a:pt x="4159" y="1796"/>
                    <a:pt x="4159" y="1576"/>
                    <a:pt x="4033" y="1450"/>
                  </a:cubicBezTo>
                  <a:cubicBezTo>
                    <a:pt x="3986" y="1387"/>
                    <a:pt x="3899" y="1355"/>
                    <a:pt x="3809" y="1355"/>
                  </a:cubicBezTo>
                  <a:cubicBezTo>
                    <a:pt x="3718" y="1355"/>
                    <a:pt x="3624" y="1387"/>
                    <a:pt x="3561" y="1450"/>
                  </a:cubicBezTo>
                  <a:lnTo>
                    <a:pt x="3466" y="1576"/>
                  </a:lnTo>
                  <a:lnTo>
                    <a:pt x="3466" y="1009"/>
                  </a:lnTo>
                  <a:cubicBezTo>
                    <a:pt x="3466" y="441"/>
                    <a:pt x="2994" y="0"/>
                    <a:pt x="2427"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2" name="Google Shape;7330;p130"/>
            <p:cNvSpPr/>
            <p:nvPr/>
          </p:nvSpPr>
          <p:spPr>
            <a:xfrm>
              <a:off x="2070125" y="3444225"/>
              <a:ext cx="106350" cy="69075"/>
            </a:xfrm>
            <a:custGeom>
              <a:avLst/>
              <a:gdLst/>
              <a:ahLst/>
              <a:cxnLst/>
              <a:rect l="l" t="t" r="r" b="b"/>
              <a:pathLst>
                <a:path w="4254" h="2763" extrusionOk="0">
                  <a:moveTo>
                    <a:pt x="1095" y="0"/>
                  </a:moveTo>
                  <a:cubicBezTo>
                    <a:pt x="1002" y="0"/>
                    <a:pt x="904" y="28"/>
                    <a:pt x="820" y="112"/>
                  </a:cubicBezTo>
                  <a:lnTo>
                    <a:pt x="127" y="805"/>
                  </a:lnTo>
                  <a:cubicBezTo>
                    <a:pt x="1" y="931"/>
                    <a:pt x="1" y="1184"/>
                    <a:pt x="127" y="1278"/>
                  </a:cubicBezTo>
                  <a:cubicBezTo>
                    <a:pt x="190" y="1341"/>
                    <a:pt x="276" y="1373"/>
                    <a:pt x="363" y="1373"/>
                  </a:cubicBezTo>
                  <a:cubicBezTo>
                    <a:pt x="449" y="1373"/>
                    <a:pt x="536" y="1341"/>
                    <a:pt x="599" y="1278"/>
                  </a:cubicBezTo>
                  <a:lnTo>
                    <a:pt x="725" y="1184"/>
                  </a:lnTo>
                  <a:lnTo>
                    <a:pt x="725" y="1719"/>
                  </a:lnTo>
                  <a:cubicBezTo>
                    <a:pt x="725" y="2318"/>
                    <a:pt x="1198" y="2759"/>
                    <a:pt x="1733" y="2759"/>
                  </a:cubicBezTo>
                  <a:lnTo>
                    <a:pt x="3813" y="2759"/>
                  </a:lnTo>
                  <a:cubicBezTo>
                    <a:pt x="3837" y="2761"/>
                    <a:pt x="3861" y="2763"/>
                    <a:pt x="3883" y="2763"/>
                  </a:cubicBezTo>
                  <a:cubicBezTo>
                    <a:pt x="4122" y="2763"/>
                    <a:pt x="4254" y="2616"/>
                    <a:pt x="4254" y="2444"/>
                  </a:cubicBezTo>
                  <a:cubicBezTo>
                    <a:pt x="4254" y="2223"/>
                    <a:pt x="4096" y="2066"/>
                    <a:pt x="3907" y="2066"/>
                  </a:cubicBezTo>
                  <a:lnTo>
                    <a:pt x="1828" y="2066"/>
                  </a:lnTo>
                  <a:cubicBezTo>
                    <a:pt x="1639" y="2066"/>
                    <a:pt x="1481" y="1908"/>
                    <a:pt x="1481" y="1719"/>
                  </a:cubicBezTo>
                  <a:lnTo>
                    <a:pt x="1481" y="1184"/>
                  </a:lnTo>
                  <a:lnTo>
                    <a:pt x="1576" y="1278"/>
                  </a:lnTo>
                  <a:cubicBezTo>
                    <a:pt x="1639" y="1341"/>
                    <a:pt x="1733" y="1373"/>
                    <a:pt x="1824" y="1373"/>
                  </a:cubicBezTo>
                  <a:cubicBezTo>
                    <a:pt x="1914" y="1373"/>
                    <a:pt x="2001" y="1341"/>
                    <a:pt x="2048" y="1278"/>
                  </a:cubicBezTo>
                  <a:cubicBezTo>
                    <a:pt x="2174" y="1184"/>
                    <a:pt x="2174" y="931"/>
                    <a:pt x="2048" y="805"/>
                  </a:cubicBezTo>
                  <a:lnTo>
                    <a:pt x="1355" y="112"/>
                  </a:lnTo>
                  <a:cubicBezTo>
                    <a:pt x="1292" y="81"/>
                    <a:pt x="1261" y="81"/>
                    <a:pt x="1229" y="18"/>
                  </a:cubicBezTo>
                  <a:cubicBezTo>
                    <a:pt x="1187" y="7"/>
                    <a:pt x="1142" y="0"/>
                    <a:pt x="1095"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3" name="Google Shape;7331;p130"/>
            <p:cNvSpPr/>
            <p:nvPr/>
          </p:nvSpPr>
          <p:spPr>
            <a:xfrm>
              <a:off x="2219775" y="3375350"/>
              <a:ext cx="89025" cy="85875"/>
            </a:xfrm>
            <a:custGeom>
              <a:avLst/>
              <a:gdLst/>
              <a:ahLst/>
              <a:cxnLst/>
              <a:rect l="l" t="t" r="r" b="b"/>
              <a:pathLst>
                <a:path w="3561" h="3435" extrusionOk="0">
                  <a:moveTo>
                    <a:pt x="1796" y="0"/>
                  </a:moveTo>
                  <a:cubicBezTo>
                    <a:pt x="788" y="0"/>
                    <a:pt x="0" y="788"/>
                    <a:pt x="0" y="1733"/>
                  </a:cubicBezTo>
                  <a:cubicBezTo>
                    <a:pt x="0" y="2647"/>
                    <a:pt x="788" y="3434"/>
                    <a:pt x="1796" y="3434"/>
                  </a:cubicBezTo>
                  <a:cubicBezTo>
                    <a:pt x="2741" y="3434"/>
                    <a:pt x="3561" y="2647"/>
                    <a:pt x="3561" y="1733"/>
                  </a:cubicBezTo>
                  <a:cubicBezTo>
                    <a:pt x="3561" y="788"/>
                    <a:pt x="2773" y="0"/>
                    <a:pt x="1796"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4" name="Google Shape;7332;p130"/>
            <p:cNvSpPr/>
            <p:nvPr/>
          </p:nvSpPr>
          <p:spPr>
            <a:xfrm>
              <a:off x="2037825" y="3339125"/>
              <a:ext cx="138650" cy="88225"/>
            </a:xfrm>
            <a:custGeom>
              <a:avLst/>
              <a:gdLst/>
              <a:ahLst/>
              <a:cxnLst/>
              <a:rect l="l" t="t" r="r" b="b"/>
              <a:pathLst>
                <a:path w="5546" h="3529" extrusionOk="0">
                  <a:moveTo>
                    <a:pt x="1072" y="0"/>
                  </a:moveTo>
                  <a:cubicBezTo>
                    <a:pt x="442" y="536"/>
                    <a:pt x="32" y="1292"/>
                    <a:pt x="32" y="2143"/>
                  </a:cubicBezTo>
                  <a:lnTo>
                    <a:pt x="32" y="3182"/>
                  </a:lnTo>
                  <a:cubicBezTo>
                    <a:pt x="1" y="3371"/>
                    <a:pt x="158" y="3529"/>
                    <a:pt x="347" y="3529"/>
                  </a:cubicBezTo>
                  <a:lnTo>
                    <a:pt x="5199" y="3529"/>
                  </a:lnTo>
                  <a:cubicBezTo>
                    <a:pt x="5388" y="3529"/>
                    <a:pt x="5546" y="3371"/>
                    <a:pt x="5546" y="3182"/>
                  </a:cubicBezTo>
                  <a:lnTo>
                    <a:pt x="5546" y="2143"/>
                  </a:lnTo>
                  <a:cubicBezTo>
                    <a:pt x="5546" y="1292"/>
                    <a:pt x="5168" y="536"/>
                    <a:pt x="4538" y="0"/>
                  </a:cubicBezTo>
                  <a:cubicBezTo>
                    <a:pt x="4096" y="473"/>
                    <a:pt x="3466" y="756"/>
                    <a:pt x="2805" y="756"/>
                  </a:cubicBezTo>
                  <a:cubicBezTo>
                    <a:pt x="2143" y="756"/>
                    <a:pt x="1513" y="504"/>
                    <a:pt x="1072" y="0"/>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5" name="Google Shape;7333;p130"/>
            <p:cNvSpPr/>
            <p:nvPr/>
          </p:nvSpPr>
          <p:spPr>
            <a:xfrm>
              <a:off x="2193775" y="3460400"/>
              <a:ext cx="140225" cy="89825"/>
            </a:xfrm>
            <a:custGeom>
              <a:avLst/>
              <a:gdLst/>
              <a:ahLst/>
              <a:cxnLst/>
              <a:rect l="l" t="t" r="r" b="b"/>
              <a:pathLst>
                <a:path w="5609" h="3593" extrusionOk="0">
                  <a:moveTo>
                    <a:pt x="1009" y="1"/>
                  </a:moveTo>
                  <a:cubicBezTo>
                    <a:pt x="379" y="537"/>
                    <a:pt x="1" y="1261"/>
                    <a:pt x="1" y="2143"/>
                  </a:cubicBezTo>
                  <a:lnTo>
                    <a:pt x="1" y="3246"/>
                  </a:lnTo>
                  <a:cubicBezTo>
                    <a:pt x="1" y="3435"/>
                    <a:pt x="158" y="3592"/>
                    <a:pt x="347" y="3592"/>
                  </a:cubicBezTo>
                  <a:lnTo>
                    <a:pt x="5262" y="3592"/>
                  </a:lnTo>
                  <a:cubicBezTo>
                    <a:pt x="5451" y="3592"/>
                    <a:pt x="5609" y="3435"/>
                    <a:pt x="5609" y="3246"/>
                  </a:cubicBezTo>
                  <a:lnTo>
                    <a:pt x="5609" y="2143"/>
                  </a:lnTo>
                  <a:cubicBezTo>
                    <a:pt x="5577" y="1261"/>
                    <a:pt x="5199" y="537"/>
                    <a:pt x="4569" y="1"/>
                  </a:cubicBezTo>
                  <a:cubicBezTo>
                    <a:pt x="4128" y="474"/>
                    <a:pt x="3498" y="757"/>
                    <a:pt x="2773" y="757"/>
                  </a:cubicBezTo>
                  <a:cubicBezTo>
                    <a:pt x="2080" y="757"/>
                    <a:pt x="1450" y="474"/>
                    <a:pt x="1009" y="1"/>
                  </a:cubicBez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54" name="Action Button: Forward or Next 53">
            <a:hlinkClick r:id="rId6" action="ppaction://hlinksldjump" highlightClick="1"/>
          </p:cNvPr>
          <p:cNvSpPr/>
          <p:nvPr/>
        </p:nvSpPr>
        <p:spPr>
          <a:xfrm>
            <a:off x="7713799" y="4175547"/>
            <a:ext cx="599847" cy="66958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55" name="Action Button: Back or Previous 54">
            <a:hlinkClick r:id="rId7" action="ppaction://hlinksldjump" highlightClick="1"/>
          </p:cNvPr>
          <p:cNvSpPr/>
          <p:nvPr/>
        </p:nvSpPr>
        <p:spPr>
          <a:xfrm>
            <a:off x="5701117" y="4164094"/>
            <a:ext cx="599847" cy="66958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56" name="Action Button: Home 6">
            <a:hlinkClick r:id="rId8" action="ppaction://hlinksldjump" highlightClick="1"/>
            <a:extLst>
              <a:ext uri="{FF2B5EF4-FFF2-40B4-BE49-F238E27FC236}">
                <a16:creationId xmlns:a16="http://schemas.microsoft.com/office/drawing/2014/main" id="{EDD08A87-1097-4E1D-95B1-BFCE5F0E99BB}"/>
              </a:ext>
            </a:extLst>
          </p:cNvPr>
          <p:cNvSpPr/>
          <p:nvPr/>
        </p:nvSpPr>
        <p:spPr>
          <a:xfrm>
            <a:off x="6707458" y="4175547"/>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grpSp>
        <p:nvGrpSpPr>
          <p:cNvPr id="57" name="Google Shape;7327;p130">
            <a:extLst>
              <a:ext uri="{FF2B5EF4-FFF2-40B4-BE49-F238E27FC236}">
                <a16:creationId xmlns:a16="http://schemas.microsoft.com/office/drawing/2014/main" id="{D01130C8-9BE2-4555-865C-28B6B19019C8}"/>
              </a:ext>
            </a:extLst>
          </p:cNvPr>
          <p:cNvGrpSpPr/>
          <p:nvPr/>
        </p:nvGrpSpPr>
        <p:grpSpPr>
          <a:xfrm>
            <a:off x="888831" y="2509768"/>
            <a:ext cx="350079" cy="350079"/>
            <a:chOff x="2037825" y="3254050"/>
            <a:chExt cx="296175" cy="296175"/>
          </a:xfrm>
          <a:solidFill>
            <a:schemeClr val="accent3"/>
          </a:solidFill>
        </p:grpSpPr>
        <p:sp>
          <p:nvSpPr>
            <p:cNvPr id="58" name="Google Shape;7328;p130">
              <a:extLst>
                <a:ext uri="{FF2B5EF4-FFF2-40B4-BE49-F238E27FC236}">
                  <a16:creationId xmlns:a16="http://schemas.microsoft.com/office/drawing/2014/main" id="{A9EAE757-6F7C-4CFF-AB30-2C5A45EE1B05}"/>
                </a:ext>
              </a:extLst>
            </p:cNvPr>
            <p:cNvSpPr/>
            <p:nvPr/>
          </p:nvSpPr>
          <p:spPr>
            <a:xfrm>
              <a:off x="2063825" y="3254050"/>
              <a:ext cx="86675" cy="86675"/>
            </a:xfrm>
            <a:custGeom>
              <a:avLst/>
              <a:gdLst/>
              <a:ahLst/>
              <a:cxnLst/>
              <a:rect l="l" t="t" r="r" b="b"/>
              <a:pathLst>
                <a:path w="3467" h="3467" extrusionOk="0">
                  <a:moveTo>
                    <a:pt x="1733" y="1"/>
                  </a:moveTo>
                  <a:cubicBezTo>
                    <a:pt x="788" y="1"/>
                    <a:pt x="1" y="788"/>
                    <a:pt x="1" y="1733"/>
                  </a:cubicBezTo>
                  <a:cubicBezTo>
                    <a:pt x="1" y="2679"/>
                    <a:pt x="788" y="3466"/>
                    <a:pt x="1733" y="3466"/>
                  </a:cubicBezTo>
                  <a:cubicBezTo>
                    <a:pt x="2678" y="3466"/>
                    <a:pt x="3466" y="2679"/>
                    <a:pt x="3466" y="1733"/>
                  </a:cubicBezTo>
                  <a:cubicBezTo>
                    <a:pt x="3466" y="788"/>
                    <a:pt x="2678" y="1"/>
                    <a:pt x="1733"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9" name="Google Shape;7329;p130">
              <a:extLst>
                <a:ext uri="{FF2B5EF4-FFF2-40B4-BE49-F238E27FC236}">
                  <a16:creationId xmlns:a16="http://schemas.microsoft.com/office/drawing/2014/main" id="{BE012E55-460A-4920-902A-C9AF680DA5EE}"/>
                </a:ext>
              </a:extLst>
            </p:cNvPr>
            <p:cNvSpPr/>
            <p:nvPr/>
          </p:nvSpPr>
          <p:spPr>
            <a:xfrm>
              <a:off x="2178025" y="3289500"/>
              <a:ext cx="104000" cy="67950"/>
            </a:xfrm>
            <a:custGeom>
              <a:avLst/>
              <a:gdLst/>
              <a:ahLst/>
              <a:cxnLst/>
              <a:rect l="l" t="t" r="r" b="b"/>
              <a:pathLst>
                <a:path w="4160" h="2718" extrusionOk="0">
                  <a:moveTo>
                    <a:pt x="347" y="0"/>
                  </a:moveTo>
                  <a:cubicBezTo>
                    <a:pt x="158" y="0"/>
                    <a:pt x="1" y="158"/>
                    <a:pt x="1" y="347"/>
                  </a:cubicBezTo>
                  <a:cubicBezTo>
                    <a:pt x="1" y="536"/>
                    <a:pt x="95" y="662"/>
                    <a:pt x="316" y="662"/>
                  </a:cubicBezTo>
                  <a:lnTo>
                    <a:pt x="2395" y="662"/>
                  </a:lnTo>
                  <a:cubicBezTo>
                    <a:pt x="2584" y="662"/>
                    <a:pt x="2742" y="820"/>
                    <a:pt x="2742" y="1009"/>
                  </a:cubicBezTo>
                  <a:lnTo>
                    <a:pt x="2742" y="1576"/>
                  </a:lnTo>
                  <a:lnTo>
                    <a:pt x="2616" y="1450"/>
                  </a:lnTo>
                  <a:cubicBezTo>
                    <a:pt x="2568" y="1387"/>
                    <a:pt x="2482" y="1355"/>
                    <a:pt x="2391" y="1355"/>
                  </a:cubicBezTo>
                  <a:cubicBezTo>
                    <a:pt x="2301" y="1355"/>
                    <a:pt x="2206" y="1387"/>
                    <a:pt x="2143" y="1450"/>
                  </a:cubicBezTo>
                  <a:cubicBezTo>
                    <a:pt x="2049" y="1576"/>
                    <a:pt x="2049" y="1796"/>
                    <a:pt x="2143" y="1922"/>
                  </a:cubicBezTo>
                  <a:lnTo>
                    <a:pt x="2868" y="2647"/>
                  </a:lnTo>
                  <a:cubicBezTo>
                    <a:pt x="2931" y="2694"/>
                    <a:pt x="3017" y="2718"/>
                    <a:pt x="3104" y="2718"/>
                  </a:cubicBezTo>
                  <a:cubicBezTo>
                    <a:pt x="3191" y="2718"/>
                    <a:pt x="3277" y="2694"/>
                    <a:pt x="3340" y="2647"/>
                  </a:cubicBezTo>
                  <a:lnTo>
                    <a:pt x="4033" y="1922"/>
                  </a:lnTo>
                  <a:cubicBezTo>
                    <a:pt x="4159" y="1796"/>
                    <a:pt x="4159" y="1576"/>
                    <a:pt x="4033" y="1450"/>
                  </a:cubicBezTo>
                  <a:cubicBezTo>
                    <a:pt x="3986" y="1387"/>
                    <a:pt x="3899" y="1355"/>
                    <a:pt x="3809" y="1355"/>
                  </a:cubicBezTo>
                  <a:cubicBezTo>
                    <a:pt x="3718" y="1355"/>
                    <a:pt x="3624" y="1387"/>
                    <a:pt x="3561" y="1450"/>
                  </a:cubicBezTo>
                  <a:lnTo>
                    <a:pt x="3466" y="1576"/>
                  </a:lnTo>
                  <a:lnTo>
                    <a:pt x="3466" y="1009"/>
                  </a:lnTo>
                  <a:cubicBezTo>
                    <a:pt x="3466" y="441"/>
                    <a:pt x="2994" y="0"/>
                    <a:pt x="2427"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0" name="Google Shape;7330;p130">
              <a:extLst>
                <a:ext uri="{FF2B5EF4-FFF2-40B4-BE49-F238E27FC236}">
                  <a16:creationId xmlns:a16="http://schemas.microsoft.com/office/drawing/2014/main" id="{AE179D4D-493B-4343-BCF0-3786499A5EBA}"/>
                </a:ext>
              </a:extLst>
            </p:cNvPr>
            <p:cNvSpPr/>
            <p:nvPr/>
          </p:nvSpPr>
          <p:spPr>
            <a:xfrm>
              <a:off x="2070125" y="3444225"/>
              <a:ext cx="106350" cy="69075"/>
            </a:xfrm>
            <a:custGeom>
              <a:avLst/>
              <a:gdLst/>
              <a:ahLst/>
              <a:cxnLst/>
              <a:rect l="l" t="t" r="r" b="b"/>
              <a:pathLst>
                <a:path w="4254" h="2763" extrusionOk="0">
                  <a:moveTo>
                    <a:pt x="1095" y="0"/>
                  </a:moveTo>
                  <a:cubicBezTo>
                    <a:pt x="1002" y="0"/>
                    <a:pt x="904" y="28"/>
                    <a:pt x="820" y="112"/>
                  </a:cubicBezTo>
                  <a:lnTo>
                    <a:pt x="127" y="805"/>
                  </a:lnTo>
                  <a:cubicBezTo>
                    <a:pt x="1" y="931"/>
                    <a:pt x="1" y="1184"/>
                    <a:pt x="127" y="1278"/>
                  </a:cubicBezTo>
                  <a:cubicBezTo>
                    <a:pt x="190" y="1341"/>
                    <a:pt x="276" y="1373"/>
                    <a:pt x="363" y="1373"/>
                  </a:cubicBezTo>
                  <a:cubicBezTo>
                    <a:pt x="449" y="1373"/>
                    <a:pt x="536" y="1341"/>
                    <a:pt x="599" y="1278"/>
                  </a:cubicBezTo>
                  <a:lnTo>
                    <a:pt x="725" y="1184"/>
                  </a:lnTo>
                  <a:lnTo>
                    <a:pt x="725" y="1719"/>
                  </a:lnTo>
                  <a:cubicBezTo>
                    <a:pt x="725" y="2318"/>
                    <a:pt x="1198" y="2759"/>
                    <a:pt x="1733" y="2759"/>
                  </a:cubicBezTo>
                  <a:lnTo>
                    <a:pt x="3813" y="2759"/>
                  </a:lnTo>
                  <a:cubicBezTo>
                    <a:pt x="3837" y="2761"/>
                    <a:pt x="3861" y="2763"/>
                    <a:pt x="3883" y="2763"/>
                  </a:cubicBezTo>
                  <a:cubicBezTo>
                    <a:pt x="4122" y="2763"/>
                    <a:pt x="4254" y="2616"/>
                    <a:pt x="4254" y="2444"/>
                  </a:cubicBezTo>
                  <a:cubicBezTo>
                    <a:pt x="4254" y="2223"/>
                    <a:pt x="4096" y="2066"/>
                    <a:pt x="3907" y="2066"/>
                  </a:cubicBezTo>
                  <a:lnTo>
                    <a:pt x="1828" y="2066"/>
                  </a:lnTo>
                  <a:cubicBezTo>
                    <a:pt x="1639" y="2066"/>
                    <a:pt x="1481" y="1908"/>
                    <a:pt x="1481" y="1719"/>
                  </a:cubicBezTo>
                  <a:lnTo>
                    <a:pt x="1481" y="1184"/>
                  </a:lnTo>
                  <a:lnTo>
                    <a:pt x="1576" y="1278"/>
                  </a:lnTo>
                  <a:cubicBezTo>
                    <a:pt x="1639" y="1341"/>
                    <a:pt x="1733" y="1373"/>
                    <a:pt x="1824" y="1373"/>
                  </a:cubicBezTo>
                  <a:cubicBezTo>
                    <a:pt x="1914" y="1373"/>
                    <a:pt x="2001" y="1341"/>
                    <a:pt x="2048" y="1278"/>
                  </a:cubicBezTo>
                  <a:cubicBezTo>
                    <a:pt x="2174" y="1184"/>
                    <a:pt x="2174" y="931"/>
                    <a:pt x="2048" y="805"/>
                  </a:cubicBezTo>
                  <a:lnTo>
                    <a:pt x="1355" y="112"/>
                  </a:lnTo>
                  <a:cubicBezTo>
                    <a:pt x="1292" y="81"/>
                    <a:pt x="1261" y="81"/>
                    <a:pt x="1229" y="18"/>
                  </a:cubicBezTo>
                  <a:cubicBezTo>
                    <a:pt x="1187" y="7"/>
                    <a:pt x="1142" y="0"/>
                    <a:pt x="1095"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1" name="Google Shape;7331;p130">
              <a:extLst>
                <a:ext uri="{FF2B5EF4-FFF2-40B4-BE49-F238E27FC236}">
                  <a16:creationId xmlns:a16="http://schemas.microsoft.com/office/drawing/2014/main" id="{A3543FFA-CD70-4A87-AC9E-3DA281DB4648}"/>
                </a:ext>
              </a:extLst>
            </p:cNvPr>
            <p:cNvSpPr/>
            <p:nvPr/>
          </p:nvSpPr>
          <p:spPr>
            <a:xfrm>
              <a:off x="2219775" y="3375350"/>
              <a:ext cx="89025" cy="85875"/>
            </a:xfrm>
            <a:custGeom>
              <a:avLst/>
              <a:gdLst/>
              <a:ahLst/>
              <a:cxnLst/>
              <a:rect l="l" t="t" r="r" b="b"/>
              <a:pathLst>
                <a:path w="3561" h="3435" extrusionOk="0">
                  <a:moveTo>
                    <a:pt x="1796" y="0"/>
                  </a:moveTo>
                  <a:cubicBezTo>
                    <a:pt x="788" y="0"/>
                    <a:pt x="0" y="788"/>
                    <a:pt x="0" y="1733"/>
                  </a:cubicBezTo>
                  <a:cubicBezTo>
                    <a:pt x="0" y="2647"/>
                    <a:pt x="788" y="3434"/>
                    <a:pt x="1796" y="3434"/>
                  </a:cubicBezTo>
                  <a:cubicBezTo>
                    <a:pt x="2741" y="3434"/>
                    <a:pt x="3561" y="2647"/>
                    <a:pt x="3561" y="1733"/>
                  </a:cubicBezTo>
                  <a:cubicBezTo>
                    <a:pt x="3561" y="788"/>
                    <a:pt x="2773" y="0"/>
                    <a:pt x="1796"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2" name="Google Shape;7332;p130">
              <a:extLst>
                <a:ext uri="{FF2B5EF4-FFF2-40B4-BE49-F238E27FC236}">
                  <a16:creationId xmlns:a16="http://schemas.microsoft.com/office/drawing/2014/main" id="{08285A0D-DC74-4489-8DB6-C4DB61FA6848}"/>
                </a:ext>
              </a:extLst>
            </p:cNvPr>
            <p:cNvSpPr/>
            <p:nvPr/>
          </p:nvSpPr>
          <p:spPr>
            <a:xfrm>
              <a:off x="2037825" y="3339125"/>
              <a:ext cx="138650" cy="88225"/>
            </a:xfrm>
            <a:custGeom>
              <a:avLst/>
              <a:gdLst/>
              <a:ahLst/>
              <a:cxnLst/>
              <a:rect l="l" t="t" r="r" b="b"/>
              <a:pathLst>
                <a:path w="5546" h="3529" extrusionOk="0">
                  <a:moveTo>
                    <a:pt x="1072" y="0"/>
                  </a:moveTo>
                  <a:cubicBezTo>
                    <a:pt x="442" y="536"/>
                    <a:pt x="32" y="1292"/>
                    <a:pt x="32" y="2143"/>
                  </a:cubicBezTo>
                  <a:lnTo>
                    <a:pt x="32" y="3182"/>
                  </a:lnTo>
                  <a:cubicBezTo>
                    <a:pt x="1" y="3371"/>
                    <a:pt x="158" y="3529"/>
                    <a:pt x="347" y="3529"/>
                  </a:cubicBezTo>
                  <a:lnTo>
                    <a:pt x="5199" y="3529"/>
                  </a:lnTo>
                  <a:cubicBezTo>
                    <a:pt x="5388" y="3529"/>
                    <a:pt x="5546" y="3371"/>
                    <a:pt x="5546" y="3182"/>
                  </a:cubicBezTo>
                  <a:lnTo>
                    <a:pt x="5546" y="2143"/>
                  </a:lnTo>
                  <a:cubicBezTo>
                    <a:pt x="5546" y="1292"/>
                    <a:pt x="5168" y="536"/>
                    <a:pt x="4538" y="0"/>
                  </a:cubicBezTo>
                  <a:cubicBezTo>
                    <a:pt x="4096" y="473"/>
                    <a:pt x="3466" y="756"/>
                    <a:pt x="2805" y="756"/>
                  </a:cubicBezTo>
                  <a:cubicBezTo>
                    <a:pt x="2143" y="756"/>
                    <a:pt x="1513" y="504"/>
                    <a:pt x="1072"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3" name="Google Shape;7333;p130">
              <a:extLst>
                <a:ext uri="{FF2B5EF4-FFF2-40B4-BE49-F238E27FC236}">
                  <a16:creationId xmlns:a16="http://schemas.microsoft.com/office/drawing/2014/main" id="{CF74AB7E-2BF4-442C-8947-2CCB84EFC76D}"/>
                </a:ext>
              </a:extLst>
            </p:cNvPr>
            <p:cNvSpPr/>
            <p:nvPr/>
          </p:nvSpPr>
          <p:spPr>
            <a:xfrm>
              <a:off x="2193775" y="3460400"/>
              <a:ext cx="140225" cy="89825"/>
            </a:xfrm>
            <a:custGeom>
              <a:avLst/>
              <a:gdLst/>
              <a:ahLst/>
              <a:cxnLst/>
              <a:rect l="l" t="t" r="r" b="b"/>
              <a:pathLst>
                <a:path w="5609" h="3593" extrusionOk="0">
                  <a:moveTo>
                    <a:pt x="1009" y="1"/>
                  </a:moveTo>
                  <a:cubicBezTo>
                    <a:pt x="379" y="537"/>
                    <a:pt x="1" y="1261"/>
                    <a:pt x="1" y="2143"/>
                  </a:cubicBezTo>
                  <a:lnTo>
                    <a:pt x="1" y="3246"/>
                  </a:lnTo>
                  <a:cubicBezTo>
                    <a:pt x="1" y="3435"/>
                    <a:pt x="158" y="3592"/>
                    <a:pt x="347" y="3592"/>
                  </a:cubicBezTo>
                  <a:lnTo>
                    <a:pt x="5262" y="3592"/>
                  </a:lnTo>
                  <a:cubicBezTo>
                    <a:pt x="5451" y="3592"/>
                    <a:pt x="5609" y="3435"/>
                    <a:pt x="5609" y="3246"/>
                  </a:cubicBezTo>
                  <a:lnTo>
                    <a:pt x="5609" y="2143"/>
                  </a:lnTo>
                  <a:cubicBezTo>
                    <a:pt x="5577" y="1261"/>
                    <a:pt x="5199" y="537"/>
                    <a:pt x="4569" y="1"/>
                  </a:cubicBezTo>
                  <a:cubicBezTo>
                    <a:pt x="4128" y="474"/>
                    <a:pt x="3498" y="757"/>
                    <a:pt x="2773" y="757"/>
                  </a:cubicBezTo>
                  <a:cubicBezTo>
                    <a:pt x="2080" y="757"/>
                    <a:pt x="1450" y="474"/>
                    <a:pt x="1009"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64" name="Google Shape;7327;p130">
            <a:extLst>
              <a:ext uri="{FF2B5EF4-FFF2-40B4-BE49-F238E27FC236}">
                <a16:creationId xmlns:a16="http://schemas.microsoft.com/office/drawing/2014/main" id="{3B888249-2287-4892-A083-6E912C217E4E}"/>
              </a:ext>
            </a:extLst>
          </p:cNvPr>
          <p:cNvGrpSpPr/>
          <p:nvPr/>
        </p:nvGrpSpPr>
        <p:grpSpPr>
          <a:xfrm>
            <a:off x="894954" y="3236166"/>
            <a:ext cx="350079" cy="350079"/>
            <a:chOff x="2037825" y="3254050"/>
            <a:chExt cx="296175" cy="296175"/>
          </a:xfrm>
          <a:solidFill>
            <a:schemeClr val="accent3"/>
          </a:solidFill>
        </p:grpSpPr>
        <p:sp>
          <p:nvSpPr>
            <p:cNvPr id="65" name="Google Shape;7328;p130">
              <a:extLst>
                <a:ext uri="{FF2B5EF4-FFF2-40B4-BE49-F238E27FC236}">
                  <a16:creationId xmlns:a16="http://schemas.microsoft.com/office/drawing/2014/main" id="{C2DC24EB-2891-48CC-AF1D-7C41978052BB}"/>
                </a:ext>
              </a:extLst>
            </p:cNvPr>
            <p:cNvSpPr/>
            <p:nvPr/>
          </p:nvSpPr>
          <p:spPr>
            <a:xfrm>
              <a:off x="2063825" y="3254050"/>
              <a:ext cx="86675" cy="86675"/>
            </a:xfrm>
            <a:custGeom>
              <a:avLst/>
              <a:gdLst/>
              <a:ahLst/>
              <a:cxnLst/>
              <a:rect l="l" t="t" r="r" b="b"/>
              <a:pathLst>
                <a:path w="3467" h="3467" extrusionOk="0">
                  <a:moveTo>
                    <a:pt x="1733" y="1"/>
                  </a:moveTo>
                  <a:cubicBezTo>
                    <a:pt x="788" y="1"/>
                    <a:pt x="1" y="788"/>
                    <a:pt x="1" y="1733"/>
                  </a:cubicBezTo>
                  <a:cubicBezTo>
                    <a:pt x="1" y="2679"/>
                    <a:pt x="788" y="3466"/>
                    <a:pt x="1733" y="3466"/>
                  </a:cubicBezTo>
                  <a:cubicBezTo>
                    <a:pt x="2678" y="3466"/>
                    <a:pt x="3466" y="2679"/>
                    <a:pt x="3466" y="1733"/>
                  </a:cubicBezTo>
                  <a:cubicBezTo>
                    <a:pt x="3466" y="788"/>
                    <a:pt x="2678" y="1"/>
                    <a:pt x="1733"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6" name="Google Shape;7329;p130">
              <a:extLst>
                <a:ext uri="{FF2B5EF4-FFF2-40B4-BE49-F238E27FC236}">
                  <a16:creationId xmlns:a16="http://schemas.microsoft.com/office/drawing/2014/main" id="{09BC70CF-5DCC-4251-9E4D-5ADEED7458E3}"/>
                </a:ext>
              </a:extLst>
            </p:cNvPr>
            <p:cNvSpPr/>
            <p:nvPr/>
          </p:nvSpPr>
          <p:spPr>
            <a:xfrm>
              <a:off x="2178025" y="3289500"/>
              <a:ext cx="104000" cy="67950"/>
            </a:xfrm>
            <a:custGeom>
              <a:avLst/>
              <a:gdLst/>
              <a:ahLst/>
              <a:cxnLst/>
              <a:rect l="l" t="t" r="r" b="b"/>
              <a:pathLst>
                <a:path w="4160" h="2718" extrusionOk="0">
                  <a:moveTo>
                    <a:pt x="347" y="0"/>
                  </a:moveTo>
                  <a:cubicBezTo>
                    <a:pt x="158" y="0"/>
                    <a:pt x="1" y="158"/>
                    <a:pt x="1" y="347"/>
                  </a:cubicBezTo>
                  <a:cubicBezTo>
                    <a:pt x="1" y="536"/>
                    <a:pt x="95" y="662"/>
                    <a:pt x="316" y="662"/>
                  </a:cubicBezTo>
                  <a:lnTo>
                    <a:pt x="2395" y="662"/>
                  </a:lnTo>
                  <a:cubicBezTo>
                    <a:pt x="2584" y="662"/>
                    <a:pt x="2742" y="820"/>
                    <a:pt x="2742" y="1009"/>
                  </a:cubicBezTo>
                  <a:lnTo>
                    <a:pt x="2742" y="1576"/>
                  </a:lnTo>
                  <a:lnTo>
                    <a:pt x="2616" y="1450"/>
                  </a:lnTo>
                  <a:cubicBezTo>
                    <a:pt x="2568" y="1387"/>
                    <a:pt x="2482" y="1355"/>
                    <a:pt x="2391" y="1355"/>
                  </a:cubicBezTo>
                  <a:cubicBezTo>
                    <a:pt x="2301" y="1355"/>
                    <a:pt x="2206" y="1387"/>
                    <a:pt x="2143" y="1450"/>
                  </a:cubicBezTo>
                  <a:cubicBezTo>
                    <a:pt x="2049" y="1576"/>
                    <a:pt x="2049" y="1796"/>
                    <a:pt x="2143" y="1922"/>
                  </a:cubicBezTo>
                  <a:lnTo>
                    <a:pt x="2868" y="2647"/>
                  </a:lnTo>
                  <a:cubicBezTo>
                    <a:pt x="2931" y="2694"/>
                    <a:pt x="3017" y="2718"/>
                    <a:pt x="3104" y="2718"/>
                  </a:cubicBezTo>
                  <a:cubicBezTo>
                    <a:pt x="3191" y="2718"/>
                    <a:pt x="3277" y="2694"/>
                    <a:pt x="3340" y="2647"/>
                  </a:cubicBezTo>
                  <a:lnTo>
                    <a:pt x="4033" y="1922"/>
                  </a:lnTo>
                  <a:cubicBezTo>
                    <a:pt x="4159" y="1796"/>
                    <a:pt x="4159" y="1576"/>
                    <a:pt x="4033" y="1450"/>
                  </a:cubicBezTo>
                  <a:cubicBezTo>
                    <a:pt x="3986" y="1387"/>
                    <a:pt x="3899" y="1355"/>
                    <a:pt x="3809" y="1355"/>
                  </a:cubicBezTo>
                  <a:cubicBezTo>
                    <a:pt x="3718" y="1355"/>
                    <a:pt x="3624" y="1387"/>
                    <a:pt x="3561" y="1450"/>
                  </a:cubicBezTo>
                  <a:lnTo>
                    <a:pt x="3466" y="1576"/>
                  </a:lnTo>
                  <a:lnTo>
                    <a:pt x="3466" y="1009"/>
                  </a:lnTo>
                  <a:cubicBezTo>
                    <a:pt x="3466" y="441"/>
                    <a:pt x="2994" y="0"/>
                    <a:pt x="2427"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 name="Google Shape;7330;p130">
              <a:extLst>
                <a:ext uri="{FF2B5EF4-FFF2-40B4-BE49-F238E27FC236}">
                  <a16:creationId xmlns:a16="http://schemas.microsoft.com/office/drawing/2014/main" id="{D7FDC28D-542C-4113-BAB9-6A6ADA5D0356}"/>
                </a:ext>
              </a:extLst>
            </p:cNvPr>
            <p:cNvSpPr/>
            <p:nvPr/>
          </p:nvSpPr>
          <p:spPr>
            <a:xfrm>
              <a:off x="2070125" y="3444225"/>
              <a:ext cx="106350" cy="69075"/>
            </a:xfrm>
            <a:custGeom>
              <a:avLst/>
              <a:gdLst/>
              <a:ahLst/>
              <a:cxnLst/>
              <a:rect l="l" t="t" r="r" b="b"/>
              <a:pathLst>
                <a:path w="4254" h="2763" extrusionOk="0">
                  <a:moveTo>
                    <a:pt x="1095" y="0"/>
                  </a:moveTo>
                  <a:cubicBezTo>
                    <a:pt x="1002" y="0"/>
                    <a:pt x="904" y="28"/>
                    <a:pt x="820" y="112"/>
                  </a:cubicBezTo>
                  <a:lnTo>
                    <a:pt x="127" y="805"/>
                  </a:lnTo>
                  <a:cubicBezTo>
                    <a:pt x="1" y="931"/>
                    <a:pt x="1" y="1184"/>
                    <a:pt x="127" y="1278"/>
                  </a:cubicBezTo>
                  <a:cubicBezTo>
                    <a:pt x="190" y="1341"/>
                    <a:pt x="276" y="1373"/>
                    <a:pt x="363" y="1373"/>
                  </a:cubicBezTo>
                  <a:cubicBezTo>
                    <a:pt x="449" y="1373"/>
                    <a:pt x="536" y="1341"/>
                    <a:pt x="599" y="1278"/>
                  </a:cubicBezTo>
                  <a:lnTo>
                    <a:pt x="725" y="1184"/>
                  </a:lnTo>
                  <a:lnTo>
                    <a:pt x="725" y="1719"/>
                  </a:lnTo>
                  <a:cubicBezTo>
                    <a:pt x="725" y="2318"/>
                    <a:pt x="1198" y="2759"/>
                    <a:pt x="1733" y="2759"/>
                  </a:cubicBezTo>
                  <a:lnTo>
                    <a:pt x="3813" y="2759"/>
                  </a:lnTo>
                  <a:cubicBezTo>
                    <a:pt x="3837" y="2761"/>
                    <a:pt x="3861" y="2763"/>
                    <a:pt x="3883" y="2763"/>
                  </a:cubicBezTo>
                  <a:cubicBezTo>
                    <a:pt x="4122" y="2763"/>
                    <a:pt x="4254" y="2616"/>
                    <a:pt x="4254" y="2444"/>
                  </a:cubicBezTo>
                  <a:cubicBezTo>
                    <a:pt x="4254" y="2223"/>
                    <a:pt x="4096" y="2066"/>
                    <a:pt x="3907" y="2066"/>
                  </a:cubicBezTo>
                  <a:lnTo>
                    <a:pt x="1828" y="2066"/>
                  </a:lnTo>
                  <a:cubicBezTo>
                    <a:pt x="1639" y="2066"/>
                    <a:pt x="1481" y="1908"/>
                    <a:pt x="1481" y="1719"/>
                  </a:cubicBezTo>
                  <a:lnTo>
                    <a:pt x="1481" y="1184"/>
                  </a:lnTo>
                  <a:lnTo>
                    <a:pt x="1576" y="1278"/>
                  </a:lnTo>
                  <a:cubicBezTo>
                    <a:pt x="1639" y="1341"/>
                    <a:pt x="1733" y="1373"/>
                    <a:pt x="1824" y="1373"/>
                  </a:cubicBezTo>
                  <a:cubicBezTo>
                    <a:pt x="1914" y="1373"/>
                    <a:pt x="2001" y="1341"/>
                    <a:pt x="2048" y="1278"/>
                  </a:cubicBezTo>
                  <a:cubicBezTo>
                    <a:pt x="2174" y="1184"/>
                    <a:pt x="2174" y="931"/>
                    <a:pt x="2048" y="805"/>
                  </a:cubicBezTo>
                  <a:lnTo>
                    <a:pt x="1355" y="112"/>
                  </a:lnTo>
                  <a:cubicBezTo>
                    <a:pt x="1292" y="81"/>
                    <a:pt x="1261" y="81"/>
                    <a:pt x="1229" y="18"/>
                  </a:cubicBezTo>
                  <a:cubicBezTo>
                    <a:pt x="1187" y="7"/>
                    <a:pt x="1142" y="0"/>
                    <a:pt x="1095"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 name="Google Shape;7331;p130">
              <a:extLst>
                <a:ext uri="{FF2B5EF4-FFF2-40B4-BE49-F238E27FC236}">
                  <a16:creationId xmlns:a16="http://schemas.microsoft.com/office/drawing/2014/main" id="{785CA58A-C856-40CC-B51F-9C74909EFDB3}"/>
                </a:ext>
              </a:extLst>
            </p:cNvPr>
            <p:cNvSpPr/>
            <p:nvPr/>
          </p:nvSpPr>
          <p:spPr>
            <a:xfrm>
              <a:off x="2219775" y="3375350"/>
              <a:ext cx="89025" cy="85875"/>
            </a:xfrm>
            <a:custGeom>
              <a:avLst/>
              <a:gdLst/>
              <a:ahLst/>
              <a:cxnLst/>
              <a:rect l="l" t="t" r="r" b="b"/>
              <a:pathLst>
                <a:path w="3561" h="3435" extrusionOk="0">
                  <a:moveTo>
                    <a:pt x="1796" y="0"/>
                  </a:moveTo>
                  <a:cubicBezTo>
                    <a:pt x="788" y="0"/>
                    <a:pt x="0" y="788"/>
                    <a:pt x="0" y="1733"/>
                  </a:cubicBezTo>
                  <a:cubicBezTo>
                    <a:pt x="0" y="2647"/>
                    <a:pt x="788" y="3434"/>
                    <a:pt x="1796" y="3434"/>
                  </a:cubicBezTo>
                  <a:cubicBezTo>
                    <a:pt x="2741" y="3434"/>
                    <a:pt x="3561" y="2647"/>
                    <a:pt x="3561" y="1733"/>
                  </a:cubicBezTo>
                  <a:cubicBezTo>
                    <a:pt x="3561" y="788"/>
                    <a:pt x="2773" y="0"/>
                    <a:pt x="1796"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9" name="Google Shape;7332;p130">
              <a:extLst>
                <a:ext uri="{FF2B5EF4-FFF2-40B4-BE49-F238E27FC236}">
                  <a16:creationId xmlns:a16="http://schemas.microsoft.com/office/drawing/2014/main" id="{16BF7628-B7B2-47AC-85FD-2A3E514D55C5}"/>
                </a:ext>
              </a:extLst>
            </p:cNvPr>
            <p:cNvSpPr/>
            <p:nvPr/>
          </p:nvSpPr>
          <p:spPr>
            <a:xfrm>
              <a:off x="2037825" y="3339125"/>
              <a:ext cx="138650" cy="88225"/>
            </a:xfrm>
            <a:custGeom>
              <a:avLst/>
              <a:gdLst/>
              <a:ahLst/>
              <a:cxnLst/>
              <a:rect l="l" t="t" r="r" b="b"/>
              <a:pathLst>
                <a:path w="5546" h="3529" extrusionOk="0">
                  <a:moveTo>
                    <a:pt x="1072" y="0"/>
                  </a:moveTo>
                  <a:cubicBezTo>
                    <a:pt x="442" y="536"/>
                    <a:pt x="32" y="1292"/>
                    <a:pt x="32" y="2143"/>
                  </a:cubicBezTo>
                  <a:lnTo>
                    <a:pt x="32" y="3182"/>
                  </a:lnTo>
                  <a:cubicBezTo>
                    <a:pt x="1" y="3371"/>
                    <a:pt x="158" y="3529"/>
                    <a:pt x="347" y="3529"/>
                  </a:cubicBezTo>
                  <a:lnTo>
                    <a:pt x="5199" y="3529"/>
                  </a:lnTo>
                  <a:cubicBezTo>
                    <a:pt x="5388" y="3529"/>
                    <a:pt x="5546" y="3371"/>
                    <a:pt x="5546" y="3182"/>
                  </a:cubicBezTo>
                  <a:lnTo>
                    <a:pt x="5546" y="2143"/>
                  </a:lnTo>
                  <a:cubicBezTo>
                    <a:pt x="5546" y="1292"/>
                    <a:pt x="5168" y="536"/>
                    <a:pt x="4538" y="0"/>
                  </a:cubicBezTo>
                  <a:cubicBezTo>
                    <a:pt x="4096" y="473"/>
                    <a:pt x="3466" y="756"/>
                    <a:pt x="2805" y="756"/>
                  </a:cubicBezTo>
                  <a:cubicBezTo>
                    <a:pt x="2143" y="756"/>
                    <a:pt x="1513" y="504"/>
                    <a:pt x="1072"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 name="Google Shape;7333;p130">
              <a:extLst>
                <a:ext uri="{FF2B5EF4-FFF2-40B4-BE49-F238E27FC236}">
                  <a16:creationId xmlns:a16="http://schemas.microsoft.com/office/drawing/2014/main" id="{35C4F81D-649E-49C7-82BB-837E7904AEF3}"/>
                </a:ext>
              </a:extLst>
            </p:cNvPr>
            <p:cNvSpPr/>
            <p:nvPr/>
          </p:nvSpPr>
          <p:spPr>
            <a:xfrm>
              <a:off x="2193775" y="3460400"/>
              <a:ext cx="140225" cy="89825"/>
            </a:xfrm>
            <a:custGeom>
              <a:avLst/>
              <a:gdLst/>
              <a:ahLst/>
              <a:cxnLst/>
              <a:rect l="l" t="t" r="r" b="b"/>
              <a:pathLst>
                <a:path w="5609" h="3593" extrusionOk="0">
                  <a:moveTo>
                    <a:pt x="1009" y="1"/>
                  </a:moveTo>
                  <a:cubicBezTo>
                    <a:pt x="379" y="537"/>
                    <a:pt x="1" y="1261"/>
                    <a:pt x="1" y="2143"/>
                  </a:cubicBezTo>
                  <a:lnTo>
                    <a:pt x="1" y="3246"/>
                  </a:lnTo>
                  <a:cubicBezTo>
                    <a:pt x="1" y="3435"/>
                    <a:pt x="158" y="3592"/>
                    <a:pt x="347" y="3592"/>
                  </a:cubicBezTo>
                  <a:lnTo>
                    <a:pt x="5262" y="3592"/>
                  </a:lnTo>
                  <a:cubicBezTo>
                    <a:pt x="5451" y="3592"/>
                    <a:pt x="5609" y="3435"/>
                    <a:pt x="5609" y="3246"/>
                  </a:cubicBezTo>
                  <a:lnTo>
                    <a:pt x="5609" y="2143"/>
                  </a:lnTo>
                  <a:cubicBezTo>
                    <a:pt x="5577" y="1261"/>
                    <a:pt x="5199" y="537"/>
                    <a:pt x="4569" y="1"/>
                  </a:cubicBezTo>
                  <a:cubicBezTo>
                    <a:pt x="4128" y="474"/>
                    <a:pt x="3498" y="757"/>
                    <a:pt x="2773" y="757"/>
                  </a:cubicBezTo>
                  <a:cubicBezTo>
                    <a:pt x="2080" y="757"/>
                    <a:pt x="1450" y="474"/>
                    <a:pt x="1009"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71" name="Google Shape;7327;p130">
            <a:extLst>
              <a:ext uri="{FF2B5EF4-FFF2-40B4-BE49-F238E27FC236}">
                <a16:creationId xmlns:a16="http://schemas.microsoft.com/office/drawing/2014/main" id="{60296F1F-363B-4305-869E-880F6C67504A}"/>
              </a:ext>
            </a:extLst>
          </p:cNvPr>
          <p:cNvGrpSpPr/>
          <p:nvPr/>
        </p:nvGrpSpPr>
        <p:grpSpPr>
          <a:xfrm>
            <a:off x="4836284" y="2095728"/>
            <a:ext cx="350079" cy="350079"/>
            <a:chOff x="2037825" y="3254050"/>
            <a:chExt cx="296175" cy="296175"/>
          </a:xfrm>
          <a:solidFill>
            <a:schemeClr val="accent3"/>
          </a:solidFill>
        </p:grpSpPr>
        <p:sp>
          <p:nvSpPr>
            <p:cNvPr id="72" name="Google Shape;7328;p130">
              <a:extLst>
                <a:ext uri="{FF2B5EF4-FFF2-40B4-BE49-F238E27FC236}">
                  <a16:creationId xmlns:a16="http://schemas.microsoft.com/office/drawing/2014/main" id="{C603BD2B-2EA4-46EE-B98B-DEB133D91F8A}"/>
                </a:ext>
              </a:extLst>
            </p:cNvPr>
            <p:cNvSpPr/>
            <p:nvPr/>
          </p:nvSpPr>
          <p:spPr>
            <a:xfrm>
              <a:off x="2063825" y="3254050"/>
              <a:ext cx="86675" cy="86675"/>
            </a:xfrm>
            <a:custGeom>
              <a:avLst/>
              <a:gdLst/>
              <a:ahLst/>
              <a:cxnLst/>
              <a:rect l="l" t="t" r="r" b="b"/>
              <a:pathLst>
                <a:path w="3467" h="3467" extrusionOk="0">
                  <a:moveTo>
                    <a:pt x="1733" y="1"/>
                  </a:moveTo>
                  <a:cubicBezTo>
                    <a:pt x="788" y="1"/>
                    <a:pt x="1" y="788"/>
                    <a:pt x="1" y="1733"/>
                  </a:cubicBezTo>
                  <a:cubicBezTo>
                    <a:pt x="1" y="2679"/>
                    <a:pt x="788" y="3466"/>
                    <a:pt x="1733" y="3466"/>
                  </a:cubicBezTo>
                  <a:cubicBezTo>
                    <a:pt x="2678" y="3466"/>
                    <a:pt x="3466" y="2679"/>
                    <a:pt x="3466" y="1733"/>
                  </a:cubicBezTo>
                  <a:cubicBezTo>
                    <a:pt x="3466" y="788"/>
                    <a:pt x="2678" y="1"/>
                    <a:pt x="1733"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3" name="Google Shape;7329;p130">
              <a:extLst>
                <a:ext uri="{FF2B5EF4-FFF2-40B4-BE49-F238E27FC236}">
                  <a16:creationId xmlns:a16="http://schemas.microsoft.com/office/drawing/2014/main" id="{532AC049-35AB-453A-A160-DDF3A3E21A15}"/>
                </a:ext>
              </a:extLst>
            </p:cNvPr>
            <p:cNvSpPr/>
            <p:nvPr/>
          </p:nvSpPr>
          <p:spPr>
            <a:xfrm>
              <a:off x="2178025" y="3289500"/>
              <a:ext cx="104000" cy="67950"/>
            </a:xfrm>
            <a:custGeom>
              <a:avLst/>
              <a:gdLst/>
              <a:ahLst/>
              <a:cxnLst/>
              <a:rect l="l" t="t" r="r" b="b"/>
              <a:pathLst>
                <a:path w="4160" h="2718" extrusionOk="0">
                  <a:moveTo>
                    <a:pt x="347" y="0"/>
                  </a:moveTo>
                  <a:cubicBezTo>
                    <a:pt x="158" y="0"/>
                    <a:pt x="1" y="158"/>
                    <a:pt x="1" y="347"/>
                  </a:cubicBezTo>
                  <a:cubicBezTo>
                    <a:pt x="1" y="536"/>
                    <a:pt x="95" y="662"/>
                    <a:pt x="316" y="662"/>
                  </a:cubicBezTo>
                  <a:lnTo>
                    <a:pt x="2395" y="662"/>
                  </a:lnTo>
                  <a:cubicBezTo>
                    <a:pt x="2584" y="662"/>
                    <a:pt x="2742" y="820"/>
                    <a:pt x="2742" y="1009"/>
                  </a:cubicBezTo>
                  <a:lnTo>
                    <a:pt x="2742" y="1576"/>
                  </a:lnTo>
                  <a:lnTo>
                    <a:pt x="2616" y="1450"/>
                  </a:lnTo>
                  <a:cubicBezTo>
                    <a:pt x="2568" y="1387"/>
                    <a:pt x="2482" y="1355"/>
                    <a:pt x="2391" y="1355"/>
                  </a:cubicBezTo>
                  <a:cubicBezTo>
                    <a:pt x="2301" y="1355"/>
                    <a:pt x="2206" y="1387"/>
                    <a:pt x="2143" y="1450"/>
                  </a:cubicBezTo>
                  <a:cubicBezTo>
                    <a:pt x="2049" y="1576"/>
                    <a:pt x="2049" y="1796"/>
                    <a:pt x="2143" y="1922"/>
                  </a:cubicBezTo>
                  <a:lnTo>
                    <a:pt x="2868" y="2647"/>
                  </a:lnTo>
                  <a:cubicBezTo>
                    <a:pt x="2931" y="2694"/>
                    <a:pt x="3017" y="2718"/>
                    <a:pt x="3104" y="2718"/>
                  </a:cubicBezTo>
                  <a:cubicBezTo>
                    <a:pt x="3191" y="2718"/>
                    <a:pt x="3277" y="2694"/>
                    <a:pt x="3340" y="2647"/>
                  </a:cubicBezTo>
                  <a:lnTo>
                    <a:pt x="4033" y="1922"/>
                  </a:lnTo>
                  <a:cubicBezTo>
                    <a:pt x="4159" y="1796"/>
                    <a:pt x="4159" y="1576"/>
                    <a:pt x="4033" y="1450"/>
                  </a:cubicBezTo>
                  <a:cubicBezTo>
                    <a:pt x="3986" y="1387"/>
                    <a:pt x="3899" y="1355"/>
                    <a:pt x="3809" y="1355"/>
                  </a:cubicBezTo>
                  <a:cubicBezTo>
                    <a:pt x="3718" y="1355"/>
                    <a:pt x="3624" y="1387"/>
                    <a:pt x="3561" y="1450"/>
                  </a:cubicBezTo>
                  <a:lnTo>
                    <a:pt x="3466" y="1576"/>
                  </a:lnTo>
                  <a:lnTo>
                    <a:pt x="3466" y="1009"/>
                  </a:lnTo>
                  <a:cubicBezTo>
                    <a:pt x="3466" y="441"/>
                    <a:pt x="2994" y="0"/>
                    <a:pt x="2427"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 name="Google Shape;7330;p130">
              <a:extLst>
                <a:ext uri="{FF2B5EF4-FFF2-40B4-BE49-F238E27FC236}">
                  <a16:creationId xmlns:a16="http://schemas.microsoft.com/office/drawing/2014/main" id="{A16EC0B7-0709-4CEA-87F5-655A764F02EA}"/>
                </a:ext>
              </a:extLst>
            </p:cNvPr>
            <p:cNvSpPr/>
            <p:nvPr/>
          </p:nvSpPr>
          <p:spPr>
            <a:xfrm>
              <a:off x="2070125" y="3444225"/>
              <a:ext cx="106350" cy="69075"/>
            </a:xfrm>
            <a:custGeom>
              <a:avLst/>
              <a:gdLst/>
              <a:ahLst/>
              <a:cxnLst/>
              <a:rect l="l" t="t" r="r" b="b"/>
              <a:pathLst>
                <a:path w="4254" h="2763" extrusionOk="0">
                  <a:moveTo>
                    <a:pt x="1095" y="0"/>
                  </a:moveTo>
                  <a:cubicBezTo>
                    <a:pt x="1002" y="0"/>
                    <a:pt x="904" y="28"/>
                    <a:pt x="820" y="112"/>
                  </a:cubicBezTo>
                  <a:lnTo>
                    <a:pt x="127" y="805"/>
                  </a:lnTo>
                  <a:cubicBezTo>
                    <a:pt x="1" y="931"/>
                    <a:pt x="1" y="1184"/>
                    <a:pt x="127" y="1278"/>
                  </a:cubicBezTo>
                  <a:cubicBezTo>
                    <a:pt x="190" y="1341"/>
                    <a:pt x="276" y="1373"/>
                    <a:pt x="363" y="1373"/>
                  </a:cubicBezTo>
                  <a:cubicBezTo>
                    <a:pt x="449" y="1373"/>
                    <a:pt x="536" y="1341"/>
                    <a:pt x="599" y="1278"/>
                  </a:cubicBezTo>
                  <a:lnTo>
                    <a:pt x="725" y="1184"/>
                  </a:lnTo>
                  <a:lnTo>
                    <a:pt x="725" y="1719"/>
                  </a:lnTo>
                  <a:cubicBezTo>
                    <a:pt x="725" y="2318"/>
                    <a:pt x="1198" y="2759"/>
                    <a:pt x="1733" y="2759"/>
                  </a:cubicBezTo>
                  <a:lnTo>
                    <a:pt x="3813" y="2759"/>
                  </a:lnTo>
                  <a:cubicBezTo>
                    <a:pt x="3837" y="2761"/>
                    <a:pt x="3861" y="2763"/>
                    <a:pt x="3883" y="2763"/>
                  </a:cubicBezTo>
                  <a:cubicBezTo>
                    <a:pt x="4122" y="2763"/>
                    <a:pt x="4254" y="2616"/>
                    <a:pt x="4254" y="2444"/>
                  </a:cubicBezTo>
                  <a:cubicBezTo>
                    <a:pt x="4254" y="2223"/>
                    <a:pt x="4096" y="2066"/>
                    <a:pt x="3907" y="2066"/>
                  </a:cubicBezTo>
                  <a:lnTo>
                    <a:pt x="1828" y="2066"/>
                  </a:lnTo>
                  <a:cubicBezTo>
                    <a:pt x="1639" y="2066"/>
                    <a:pt x="1481" y="1908"/>
                    <a:pt x="1481" y="1719"/>
                  </a:cubicBezTo>
                  <a:lnTo>
                    <a:pt x="1481" y="1184"/>
                  </a:lnTo>
                  <a:lnTo>
                    <a:pt x="1576" y="1278"/>
                  </a:lnTo>
                  <a:cubicBezTo>
                    <a:pt x="1639" y="1341"/>
                    <a:pt x="1733" y="1373"/>
                    <a:pt x="1824" y="1373"/>
                  </a:cubicBezTo>
                  <a:cubicBezTo>
                    <a:pt x="1914" y="1373"/>
                    <a:pt x="2001" y="1341"/>
                    <a:pt x="2048" y="1278"/>
                  </a:cubicBezTo>
                  <a:cubicBezTo>
                    <a:pt x="2174" y="1184"/>
                    <a:pt x="2174" y="931"/>
                    <a:pt x="2048" y="805"/>
                  </a:cubicBezTo>
                  <a:lnTo>
                    <a:pt x="1355" y="112"/>
                  </a:lnTo>
                  <a:cubicBezTo>
                    <a:pt x="1292" y="81"/>
                    <a:pt x="1261" y="81"/>
                    <a:pt x="1229" y="18"/>
                  </a:cubicBezTo>
                  <a:cubicBezTo>
                    <a:pt x="1187" y="7"/>
                    <a:pt x="1142" y="0"/>
                    <a:pt x="1095"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 name="Google Shape;7331;p130">
              <a:extLst>
                <a:ext uri="{FF2B5EF4-FFF2-40B4-BE49-F238E27FC236}">
                  <a16:creationId xmlns:a16="http://schemas.microsoft.com/office/drawing/2014/main" id="{055D51A0-5952-4830-8E8A-E16B23B652E0}"/>
                </a:ext>
              </a:extLst>
            </p:cNvPr>
            <p:cNvSpPr/>
            <p:nvPr/>
          </p:nvSpPr>
          <p:spPr>
            <a:xfrm>
              <a:off x="2219775" y="3375350"/>
              <a:ext cx="89025" cy="85875"/>
            </a:xfrm>
            <a:custGeom>
              <a:avLst/>
              <a:gdLst/>
              <a:ahLst/>
              <a:cxnLst/>
              <a:rect l="l" t="t" r="r" b="b"/>
              <a:pathLst>
                <a:path w="3561" h="3435" extrusionOk="0">
                  <a:moveTo>
                    <a:pt x="1796" y="0"/>
                  </a:moveTo>
                  <a:cubicBezTo>
                    <a:pt x="788" y="0"/>
                    <a:pt x="0" y="788"/>
                    <a:pt x="0" y="1733"/>
                  </a:cubicBezTo>
                  <a:cubicBezTo>
                    <a:pt x="0" y="2647"/>
                    <a:pt x="788" y="3434"/>
                    <a:pt x="1796" y="3434"/>
                  </a:cubicBezTo>
                  <a:cubicBezTo>
                    <a:pt x="2741" y="3434"/>
                    <a:pt x="3561" y="2647"/>
                    <a:pt x="3561" y="1733"/>
                  </a:cubicBezTo>
                  <a:cubicBezTo>
                    <a:pt x="3561" y="788"/>
                    <a:pt x="2773" y="0"/>
                    <a:pt x="1796"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 name="Google Shape;7332;p130">
              <a:extLst>
                <a:ext uri="{FF2B5EF4-FFF2-40B4-BE49-F238E27FC236}">
                  <a16:creationId xmlns:a16="http://schemas.microsoft.com/office/drawing/2014/main" id="{ED947260-CD24-41AD-A3E9-118939CC4F7E}"/>
                </a:ext>
              </a:extLst>
            </p:cNvPr>
            <p:cNvSpPr/>
            <p:nvPr/>
          </p:nvSpPr>
          <p:spPr>
            <a:xfrm>
              <a:off x="2037825" y="3339125"/>
              <a:ext cx="138650" cy="88225"/>
            </a:xfrm>
            <a:custGeom>
              <a:avLst/>
              <a:gdLst/>
              <a:ahLst/>
              <a:cxnLst/>
              <a:rect l="l" t="t" r="r" b="b"/>
              <a:pathLst>
                <a:path w="5546" h="3529" extrusionOk="0">
                  <a:moveTo>
                    <a:pt x="1072" y="0"/>
                  </a:moveTo>
                  <a:cubicBezTo>
                    <a:pt x="442" y="536"/>
                    <a:pt x="32" y="1292"/>
                    <a:pt x="32" y="2143"/>
                  </a:cubicBezTo>
                  <a:lnTo>
                    <a:pt x="32" y="3182"/>
                  </a:lnTo>
                  <a:cubicBezTo>
                    <a:pt x="1" y="3371"/>
                    <a:pt x="158" y="3529"/>
                    <a:pt x="347" y="3529"/>
                  </a:cubicBezTo>
                  <a:lnTo>
                    <a:pt x="5199" y="3529"/>
                  </a:lnTo>
                  <a:cubicBezTo>
                    <a:pt x="5388" y="3529"/>
                    <a:pt x="5546" y="3371"/>
                    <a:pt x="5546" y="3182"/>
                  </a:cubicBezTo>
                  <a:lnTo>
                    <a:pt x="5546" y="2143"/>
                  </a:lnTo>
                  <a:cubicBezTo>
                    <a:pt x="5546" y="1292"/>
                    <a:pt x="5168" y="536"/>
                    <a:pt x="4538" y="0"/>
                  </a:cubicBezTo>
                  <a:cubicBezTo>
                    <a:pt x="4096" y="473"/>
                    <a:pt x="3466" y="756"/>
                    <a:pt x="2805" y="756"/>
                  </a:cubicBezTo>
                  <a:cubicBezTo>
                    <a:pt x="2143" y="756"/>
                    <a:pt x="1513" y="504"/>
                    <a:pt x="1072"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7" name="Google Shape;7333;p130">
              <a:extLst>
                <a:ext uri="{FF2B5EF4-FFF2-40B4-BE49-F238E27FC236}">
                  <a16:creationId xmlns:a16="http://schemas.microsoft.com/office/drawing/2014/main" id="{91B6C360-9B6C-4D18-B3FC-AFCA63D1E997}"/>
                </a:ext>
              </a:extLst>
            </p:cNvPr>
            <p:cNvSpPr/>
            <p:nvPr/>
          </p:nvSpPr>
          <p:spPr>
            <a:xfrm>
              <a:off x="2193775" y="3460400"/>
              <a:ext cx="140225" cy="89825"/>
            </a:xfrm>
            <a:custGeom>
              <a:avLst/>
              <a:gdLst/>
              <a:ahLst/>
              <a:cxnLst/>
              <a:rect l="l" t="t" r="r" b="b"/>
              <a:pathLst>
                <a:path w="5609" h="3593" extrusionOk="0">
                  <a:moveTo>
                    <a:pt x="1009" y="1"/>
                  </a:moveTo>
                  <a:cubicBezTo>
                    <a:pt x="379" y="537"/>
                    <a:pt x="1" y="1261"/>
                    <a:pt x="1" y="2143"/>
                  </a:cubicBezTo>
                  <a:lnTo>
                    <a:pt x="1" y="3246"/>
                  </a:lnTo>
                  <a:cubicBezTo>
                    <a:pt x="1" y="3435"/>
                    <a:pt x="158" y="3592"/>
                    <a:pt x="347" y="3592"/>
                  </a:cubicBezTo>
                  <a:lnTo>
                    <a:pt x="5262" y="3592"/>
                  </a:lnTo>
                  <a:cubicBezTo>
                    <a:pt x="5451" y="3592"/>
                    <a:pt x="5609" y="3435"/>
                    <a:pt x="5609" y="3246"/>
                  </a:cubicBezTo>
                  <a:lnTo>
                    <a:pt x="5609" y="2143"/>
                  </a:lnTo>
                  <a:cubicBezTo>
                    <a:pt x="5577" y="1261"/>
                    <a:pt x="5199" y="537"/>
                    <a:pt x="4569" y="1"/>
                  </a:cubicBezTo>
                  <a:cubicBezTo>
                    <a:pt x="4128" y="474"/>
                    <a:pt x="3498" y="757"/>
                    <a:pt x="2773" y="757"/>
                  </a:cubicBezTo>
                  <a:cubicBezTo>
                    <a:pt x="2080" y="757"/>
                    <a:pt x="1450" y="474"/>
                    <a:pt x="1009"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78" name="Google Shape;7327;p130">
            <a:extLst>
              <a:ext uri="{FF2B5EF4-FFF2-40B4-BE49-F238E27FC236}">
                <a16:creationId xmlns:a16="http://schemas.microsoft.com/office/drawing/2014/main" id="{5B12DEF6-8BF1-496D-853B-9D63508C6621}"/>
              </a:ext>
            </a:extLst>
          </p:cNvPr>
          <p:cNvGrpSpPr/>
          <p:nvPr/>
        </p:nvGrpSpPr>
        <p:grpSpPr>
          <a:xfrm>
            <a:off x="4862340" y="2821573"/>
            <a:ext cx="350079" cy="350079"/>
            <a:chOff x="2037825" y="3254050"/>
            <a:chExt cx="296175" cy="296175"/>
          </a:xfrm>
          <a:solidFill>
            <a:schemeClr val="accent3"/>
          </a:solidFill>
        </p:grpSpPr>
        <p:sp>
          <p:nvSpPr>
            <p:cNvPr id="79" name="Google Shape;7328;p130">
              <a:extLst>
                <a:ext uri="{FF2B5EF4-FFF2-40B4-BE49-F238E27FC236}">
                  <a16:creationId xmlns:a16="http://schemas.microsoft.com/office/drawing/2014/main" id="{B955DD59-5C49-442C-B940-E5CAE7740913}"/>
                </a:ext>
              </a:extLst>
            </p:cNvPr>
            <p:cNvSpPr/>
            <p:nvPr/>
          </p:nvSpPr>
          <p:spPr>
            <a:xfrm>
              <a:off x="2063825" y="3254050"/>
              <a:ext cx="86675" cy="86675"/>
            </a:xfrm>
            <a:custGeom>
              <a:avLst/>
              <a:gdLst/>
              <a:ahLst/>
              <a:cxnLst/>
              <a:rect l="l" t="t" r="r" b="b"/>
              <a:pathLst>
                <a:path w="3467" h="3467" extrusionOk="0">
                  <a:moveTo>
                    <a:pt x="1733" y="1"/>
                  </a:moveTo>
                  <a:cubicBezTo>
                    <a:pt x="788" y="1"/>
                    <a:pt x="1" y="788"/>
                    <a:pt x="1" y="1733"/>
                  </a:cubicBezTo>
                  <a:cubicBezTo>
                    <a:pt x="1" y="2679"/>
                    <a:pt x="788" y="3466"/>
                    <a:pt x="1733" y="3466"/>
                  </a:cubicBezTo>
                  <a:cubicBezTo>
                    <a:pt x="2678" y="3466"/>
                    <a:pt x="3466" y="2679"/>
                    <a:pt x="3466" y="1733"/>
                  </a:cubicBezTo>
                  <a:cubicBezTo>
                    <a:pt x="3466" y="788"/>
                    <a:pt x="2678" y="1"/>
                    <a:pt x="1733"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0" name="Google Shape;7329;p130">
              <a:extLst>
                <a:ext uri="{FF2B5EF4-FFF2-40B4-BE49-F238E27FC236}">
                  <a16:creationId xmlns:a16="http://schemas.microsoft.com/office/drawing/2014/main" id="{8167FE13-83DB-4C46-B54D-A74DC3F46176}"/>
                </a:ext>
              </a:extLst>
            </p:cNvPr>
            <p:cNvSpPr/>
            <p:nvPr/>
          </p:nvSpPr>
          <p:spPr>
            <a:xfrm>
              <a:off x="2178025" y="3289500"/>
              <a:ext cx="104000" cy="67950"/>
            </a:xfrm>
            <a:custGeom>
              <a:avLst/>
              <a:gdLst/>
              <a:ahLst/>
              <a:cxnLst/>
              <a:rect l="l" t="t" r="r" b="b"/>
              <a:pathLst>
                <a:path w="4160" h="2718" extrusionOk="0">
                  <a:moveTo>
                    <a:pt x="347" y="0"/>
                  </a:moveTo>
                  <a:cubicBezTo>
                    <a:pt x="158" y="0"/>
                    <a:pt x="1" y="158"/>
                    <a:pt x="1" y="347"/>
                  </a:cubicBezTo>
                  <a:cubicBezTo>
                    <a:pt x="1" y="536"/>
                    <a:pt x="95" y="662"/>
                    <a:pt x="316" y="662"/>
                  </a:cubicBezTo>
                  <a:lnTo>
                    <a:pt x="2395" y="662"/>
                  </a:lnTo>
                  <a:cubicBezTo>
                    <a:pt x="2584" y="662"/>
                    <a:pt x="2742" y="820"/>
                    <a:pt x="2742" y="1009"/>
                  </a:cubicBezTo>
                  <a:lnTo>
                    <a:pt x="2742" y="1576"/>
                  </a:lnTo>
                  <a:lnTo>
                    <a:pt x="2616" y="1450"/>
                  </a:lnTo>
                  <a:cubicBezTo>
                    <a:pt x="2568" y="1387"/>
                    <a:pt x="2482" y="1355"/>
                    <a:pt x="2391" y="1355"/>
                  </a:cubicBezTo>
                  <a:cubicBezTo>
                    <a:pt x="2301" y="1355"/>
                    <a:pt x="2206" y="1387"/>
                    <a:pt x="2143" y="1450"/>
                  </a:cubicBezTo>
                  <a:cubicBezTo>
                    <a:pt x="2049" y="1576"/>
                    <a:pt x="2049" y="1796"/>
                    <a:pt x="2143" y="1922"/>
                  </a:cubicBezTo>
                  <a:lnTo>
                    <a:pt x="2868" y="2647"/>
                  </a:lnTo>
                  <a:cubicBezTo>
                    <a:pt x="2931" y="2694"/>
                    <a:pt x="3017" y="2718"/>
                    <a:pt x="3104" y="2718"/>
                  </a:cubicBezTo>
                  <a:cubicBezTo>
                    <a:pt x="3191" y="2718"/>
                    <a:pt x="3277" y="2694"/>
                    <a:pt x="3340" y="2647"/>
                  </a:cubicBezTo>
                  <a:lnTo>
                    <a:pt x="4033" y="1922"/>
                  </a:lnTo>
                  <a:cubicBezTo>
                    <a:pt x="4159" y="1796"/>
                    <a:pt x="4159" y="1576"/>
                    <a:pt x="4033" y="1450"/>
                  </a:cubicBezTo>
                  <a:cubicBezTo>
                    <a:pt x="3986" y="1387"/>
                    <a:pt x="3899" y="1355"/>
                    <a:pt x="3809" y="1355"/>
                  </a:cubicBezTo>
                  <a:cubicBezTo>
                    <a:pt x="3718" y="1355"/>
                    <a:pt x="3624" y="1387"/>
                    <a:pt x="3561" y="1450"/>
                  </a:cubicBezTo>
                  <a:lnTo>
                    <a:pt x="3466" y="1576"/>
                  </a:lnTo>
                  <a:lnTo>
                    <a:pt x="3466" y="1009"/>
                  </a:lnTo>
                  <a:cubicBezTo>
                    <a:pt x="3466" y="441"/>
                    <a:pt x="2994" y="0"/>
                    <a:pt x="2427"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 name="Google Shape;7330;p130">
              <a:extLst>
                <a:ext uri="{FF2B5EF4-FFF2-40B4-BE49-F238E27FC236}">
                  <a16:creationId xmlns:a16="http://schemas.microsoft.com/office/drawing/2014/main" id="{E0278650-55A0-47D8-83D6-67CD1701EE8F}"/>
                </a:ext>
              </a:extLst>
            </p:cNvPr>
            <p:cNvSpPr/>
            <p:nvPr/>
          </p:nvSpPr>
          <p:spPr>
            <a:xfrm>
              <a:off x="2070125" y="3444225"/>
              <a:ext cx="106350" cy="69075"/>
            </a:xfrm>
            <a:custGeom>
              <a:avLst/>
              <a:gdLst/>
              <a:ahLst/>
              <a:cxnLst/>
              <a:rect l="l" t="t" r="r" b="b"/>
              <a:pathLst>
                <a:path w="4254" h="2763" extrusionOk="0">
                  <a:moveTo>
                    <a:pt x="1095" y="0"/>
                  </a:moveTo>
                  <a:cubicBezTo>
                    <a:pt x="1002" y="0"/>
                    <a:pt x="904" y="28"/>
                    <a:pt x="820" y="112"/>
                  </a:cubicBezTo>
                  <a:lnTo>
                    <a:pt x="127" y="805"/>
                  </a:lnTo>
                  <a:cubicBezTo>
                    <a:pt x="1" y="931"/>
                    <a:pt x="1" y="1184"/>
                    <a:pt x="127" y="1278"/>
                  </a:cubicBezTo>
                  <a:cubicBezTo>
                    <a:pt x="190" y="1341"/>
                    <a:pt x="276" y="1373"/>
                    <a:pt x="363" y="1373"/>
                  </a:cubicBezTo>
                  <a:cubicBezTo>
                    <a:pt x="449" y="1373"/>
                    <a:pt x="536" y="1341"/>
                    <a:pt x="599" y="1278"/>
                  </a:cubicBezTo>
                  <a:lnTo>
                    <a:pt x="725" y="1184"/>
                  </a:lnTo>
                  <a:lnTo>
                    <a:pt x="725" y="1719"/>
                  </a:lnTo>
                  <a:cubicBezTo>
                    <a:pt x="725" y="2318"/>
                    <a:pt x="1198" y="2759"/>
                    <a:pt x="1733" y="2759"/>
                  </a:cubicBezTo>
                  <a:lnTo>
                    <a:pt x="3813" y="2759"/>
                  </a:lnTo>
                  <a:cubicBezTo>
                    <a:pt x="3837" y="2761"/>
                    <a:pt x="3861" y="2763"/>
                    <a:pt x="3883" y="2763"/>
                  </a:cubicBezTo>
                  <a:cubicBezTo>
                    <a:pt x="4122" y="2763"/>
                    <a:pt x="4254" y="2616"/>
                    <a:pt x="4254" y="2444"/>
                  </a:cubicBezTo>
                  <a:cubicBezTo>
                    <a:pt x="4254" y="2223"/>
                    <a:pt x="4096" y="2066"/>
                    <a:pt x="3907" y="2066"/>
                  </a:cubicBezTo>
                  <a:lnTo>
                    <a:pt x="1828" y="2066"/>
                  </a:lnTo>
                  <a:cubicBezTo>
                    <a:pt x="1639" y="2066"/>
                    <a:pt x="1481" y="1908"/>
                    <a:pt x="1481" y="1719"/>
                  </a:cubicBezTo>
                  <a:lnTo>
                    <a:pt x="1481" y="1184"/>
                  </a:lnTo>
                  <a:lnTo>
                    <a:pt x="1576" y="1278"/>
                  </a:lnTo>
                  <a:cubicBezTo>
                    <a:pt x="1639" y="1341"/>
                    <a:pt x="1733" y="1373"/>
                    <a:pt x="1824" y="1373"/>
                  </a:cubicBezTo>
                  <a:cubicBezTo>
                    <a:pt x="1914" y="1373"/>
                    <a:pt x="2001" y="1341"/>
                    <a:pt x="2048" y="1278"/>
                  </a:cubicBezTo>
                  <a:cubicBezTo>
                    <a:pt x="2174" y="1184"/>
                    <a:pt x="2174" y="931"/>
                    <a:pt x="2048" y="805"/>
                  </a:cubicBezTo>
                  <a:lnTo>
                    <a:pt x="1355" y="112"/>
                  </a:lnTo>
                  <a:cubicBezTo>
                    <a:pt x="1292" y="81"/>
                    <a:pt x="1261" y="81"/>
                    <a:pt x="1229" y="18"/>
                  </a:cubicBezTo>
                  <a:cubicBezTo>
                    <a:pt x="1187" y="7"/>
                    <a:pt x="1142" y="0"/>
                    <a:pt x="1095"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 name="Google Shape;7331;p130">
              <a:extLst>
                <a:ext uri="{FF2B5EF4-FFF2-40B4-BE49-F238E27FC236}">
                  <a16:creationId xmlns:a16="http://schemas.microsoft.com/office/drawing/2014/main" id="{007735F0-BA1F-4A58-93E4-22ECBB04EFB0}"/>
                </a:ext>
              </a:extLst>
            </p:cNvPr>
            <p:cNvSpPr/>
            <p:nvPr/>
          </p:nvSpPr>
          <p:spPr>
            <a:xfrm>
              <a:off x="2219775" y="3375350"/>
              <a:ext cx="89025" cy="85875"/>
            </a:xfrm>
            <a:custGeom>
              <a:avLst/>
              <a:gdLst/>
              <a:ahLst/>
              <a:cxnLst/>
              <a:rect l="l" t="t" r="r" b="b"/>
              <a:pathLst>
                <a:path w="3561" h="3435" extrusionOk="0">
                  <a:moveTo>
                    <a:pt x="1796" y="0"/>
                  </a:moveTo>
                  <a:cubicBezTo>
                    <a:pt x="788" y="0"/>
                    <a:pt x="0" y="788"/>
                    <a:pt x="0" y="1733"/>
                  </a:cubicBezTo>
                  <a:cubicBezTo>
                    <a:pt x="0" y="2647"/>
                    <a:pt x="788" y="3434"/>
                    <a:pt x="1796" y="3434"/>
                  </a:cubicBezTo>
                  <a:cubicBezTo>
                    <a:pt x="2741" y="3434"/>
                    <a:pt x="3561" y="2647"/>
                    <a:pt x="3561" y="1733"/>
                  </a:cubicBezTo>
                  <a:cubicBezTo>
                    <a:pt x="3561" y="788"/>
                    <a:pt x="2773" y="0"/>
                    <a:pt x="1796"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 name="Google Shape;7332;p130">
              <a:extLst>
                <a:ext uri="{FF2B5EF4-FFF2-40B4-BE49-F238E27FC236}">
                  <a16:creationId xmlns:a16="http://schemas.microsoft.com/office/drawing/2014/main" id="{271B5A13-6CCC-489F-8E50-20B5EA8C6948}"/>
                </a:ext>
              </a:extLst>
            </p:cNvPr>
            <p:cNvSpPr/>
            <p:nvPr/>
          </p:nvSpPr>
          <p:spPr>
            <a:xfrm>
              <a:off x="2037825" y="3339125"/>
              <a:ext cx="138650" cy="88225"/>
            </a:xfrm>
            <a:custGeom>
              <a:avLst/>
              <a:gdLst/>
              <a:ahLst/>
              <a:cxnLst/>
              <a:rect l="l" t="t" r="r" b="b"/>
              <a:pathLst>
                <a:path w="5546" h="3529" extrusionOk="0">
                  <a:moveTo>
                    <a:pt x="1072" y="0"/>
                  </a:moveTo>
                  <a:cubicBezTo>
                    <a:pt x="442" y="536"/>
                    <a:pt x="32" y="1292"/>
                    <a:pt x="32" y="2143"/>
                  </a:cubicBezTo>
                  <a:lnTo>
                    <a:pt x="32" y="3182"/>
                  </a:lnTo>
                  <a:cubicBezTo>
                    <a:pt x="1" y="3371"/>
                    <a:pt x="158" y="3529"/>
                    <a:pt x="347" y="3529"/>
                  </a:cubicBezTo>
                  <a:lnTo>
                    <a:pt x="5199" y="3529"/>
                  </a:lnTo>
                  <a:cubicBezTo>
                    <a:pt x="5388" y="3529"/>
                    <a:pt x="5546" y="3371"/>
                    <a:pt x="5546" y="3182"/>
                  </a:cubicBezTo>
                  <a:lnTo>
                    <a:pt x="5546" y="2143"/>
                  </a:lnTo>
                  <a:cubicBezTo>
                    <a:pt x="5546" y="1292"/>
                    <a:pt x="5168" y="536"/>
                    <a:pt x="4538" y="0"/>
                  </a:cubicBezTo>
                  <a:cubicBezTo>
                    <a:pt x="4096" y="473"/>
                    <a:pt x="3466" y="756"/>
                    <a:pt x="2805" y="756"/>
                  </a:cubicBezTo>
                  <a:cubicBezTo>
                    <a:pt x="2143" y="756"/>
                    <a:pt x="1513" y="504"/>
                    <a:pt x="1072" y="0"/>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4" name="Google Shape;7333;p130">
              <a:extLst>
                <a:ext uri="{FF2B5EF4-FFF2-40B4-BE49-F238E27FC236}">
                  <a16:creationId xmlns:a16="http://schemas.microsoft.com/office/drawing/2014/main" id="{E3526499-9C85-4D71-9650-E270DABFFD33}"/>
                </a:ext>
              </a:extLst>
            </p:cNvPr>
            <p:cNvSpPr/>
            <p:nvPr/>
          </p:nvSpPr>
          <p:spPr>
            <a:xfrm>
              <a:off x="2193775" y="3460400"/>
              <a:ext cx="140225" cy="89825"/>
            </a:xfrm>
            <a:custGeom>
              <a:avLst/>
              <a:gdLst/>
              <a:ahLst/>
              <a:cxnLst/>
              <a:rect l="l" t="t" r="r" b="b"/>
              <a:pathLst>
                <a:path w="5609" h="3593" extrusionOk="0">
                  <a:moveTo>
                    <a:pt x="1009" y="1"/>
                  </a:moveTo>
                  <a:cubicBezTo>
                    <a:pt x="379" y="537"/>
                    <a:pt x="1" y="1261"/>
                    <a:pt x="1" y="2143"/>
                  </a:cubicBezTo>
                  <a:lnTo>
                    <a:pt x="1" y="3246"/>
                  </a:lnTo>
                  <a:cubicBezTo>
                    <a:pt x="1" y="3435"/>
                    <a:pt x="158" y="3592"/>
                    <a:pt x="347" y="3592"/>
                  </a:cubicBezTo>
                  <a:lnTo>
                    <a:pt x="5262" y="3592"/>
                  </a:lnTo>
                  <a:cubicBezTo>
                    <a:pt x="5451" y="3592"/>
                    <a:pt x="5609" y="3435"/>
                    <a:pt x="5609" y="3246"/>
                  </a:cubicBezTo>
                  <a:lnTo>
                    <a:pt x="5609" y="2143"/>
                  </a:lnTo>
                  <a:cubicBezTo>
                    <a:pt x="5577" y="1261"/>
                    <a:pt x="5199" y="537"/>
                    <a:pt x="4569" y="1"/>
                  </a:cubicBezTo>
                  <a:cubicBezTo>
                    <a:pt x="4128" y="474"/>
                    <a:pt x="3498" y="757"/>
                    <a:pt x="2773" y="757"/>
                  </a:cubicBezTo>
                  <a:cubicBezTo>
                    <a:pt x="2080" y="757"/>
                    <a:pt x="1450" y="474"/>
                    <a:pt x="1009" y="1"/>
                  </a:cubicBezTo>
                  <a:close/>
                </a:path>
              </a:pathLst>
            </a:custGeom>
            <a:grpFill/>
            <a:ln>
              <a:solidFill>
                <a:schemeClr val="tx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Tree>
    <p:custDataLst>
      <p:tags r:id="rId1"/>
    </p:custDataLst>
    <p:extLst>
      <p:ext uri="{BB962C8B-B14F-4D97-AF65-F5344CB8AC3E}">
        <p14:creationId xmlns:p14="http://schemas.microsoft.com/office/powerpoint/2010/main" val="3170361404"/>
      </p:ext>
    </p:extLst>
  </p:cSld>
  <p:clrMapOvr>
    <a:masterClrMapping/>
  </p:clrMapOvr>
  <mc:AlternateContent xmlns:mc="http://schemas.openxmlformats.org/markup-compatibility/2006" xmlns:p14="http://schemas.microsoft.com/office/powerpoint/2010/main">
    <mc:Choice Requires="p14">
      <p:transition spd="slow" p14:dur="2000" advClick="0">
        <p14:ferris dir="r"/>
      </p:transition>
    </mc:Choice>
    <mc:Fallback xmlns="">
      <p:transition spd="slow" advClick="0">
        <p:fade/>
      </p:transition>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6" name="Picture 15">
            <a:extLst>
              <a:ext uri="{FF2B5EF4-FFF2-40B4-BE49-F238E27FC236}">
                <a16:creationId xmlns:a16="http://schemas.microsoft.com/office/drawing/2014/main" id="{41703F98-FFE5-4AC3-9BC1-5EE1C2963E87}"/>
              </a:ext>
            </a:extLst>
          </p:cNvPr>
          <p:cNvPicPr>
            <a:picLocks noChangeAspect="1"/>
          </p:cNvPicPr>
          <p:nvPr/>
        </p:nvPicPr>
        <p:blipFill>
          <a:blip r:embed="rId4">
            <a:extLst>
              <a:ext uri="{BEBA8EAE-BF5A-486C-A8C5-ECC9F3942E4B}">
                <a14:imgProps xmlns:a14="http://schemas.microsoft.com/office/drawing/2010/main">
                  <a14:imgLayer r:embed="rId5">
                    <a14:imgEffect>
                      <a14:artisticBlur radius="3"/>
                    </a14:imgEffect>
                  </a14:imgLayer>
                </a14:imgProps>
              </a:ext>
            </a:extLst>
          </a:blip>
          <a:stretch>
            <a:fillRect/>
          </a:stretch>
        </p:blipFill>
        <p:spPr>
          <a:xfrm>
            <a:off x="-1" y="0"/>
            <a:ext cx="9464597" cy="5143500"/>
          </a:xfrm>
          <a:prstGeom prst="rect">
            <a:avLst/>
          </a:prstGeom>
        </p:spPr>
      </p:pic>
      <p:sp>
        <p:nvSpPr>
          <p:cNvPr id="11" name="Google Shape;818;p52"/>
          <p:cNvSpPr txBox="1">
            <a:spLocks noGrp="1"/>
          </p:cNvSpPr>
          <p:nvPr>
            <p:ph type="title"/>
          </p:nvPr>
        </p:nvSpPr>
        <p:spPr>
          <a:xfrm>
            <a:off x="3469122" y="1110837"/>
            <a:ext cx="2621400" cy="527700"/>
          </a:xfrm>
          <a:prstGeom prst="rect">
            <a:avLst/>
          </a:prstGeom>
          <a:solidFill>
            <a:schemeClr val="accent1"/>
          </a:solidFill>
          <a:ln>
            <a:solidFill>
              <a:schemeClr val="bg1"/>
            </a:solidFill>
          </a:ln>
        </p:spPr>
        <p:txBody>
          <a:bodyPr spcFirstLastPara="1" wrap="square" lIns="91425" tIns="91425" rIns="91425" bIns="91425" anchor="ctr" anchorCtr="0">
            <a:noAutofit/>
          </a:bodyPr>
          <a:lstStyle/>
          <a:p>
            <a:pPr lvl="0" algn="ctr"/>
            <a:r>
              <a:rPr lang="id-ID" sz="2200" dirty="0">
                <a:solidFill>
                  <a:schemeClr val="bg1"/>
                </a:solidFill>
              </a:rPr>
              <a:t>Bidang Politik</a:t>
            </a:r>
            <a:endParaRPr sz="2200" dirty="0">
              <a:solidFill>
                <a:schemeClr val="bg1"/>
              </a:solidFill>
            </a:endParaRPr>
          </a:p>
        </p:txBody>
      </p:sp>
      <p:sp>
        <p:nvSpPr>
          <p:cNvPr id="12" name="Google Shape;826;p52"/>
          <p:cNvSpPr txBox="1">
            <a:spLocks noGrp="1"/>
          </p:cNvSpPr>
          <p:nvPr>
            <p:ph type="title" idx="8"/>
          </p:nvPr>
        </p:nvSpPr>
        <p:spPr>
          <a:xfrm>
            <a:off x="2046604" y="482457"/>
            <a:ext cx="5727692" cy="482700"/>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lvl="0"/>
            <a:r>
              <a:rPr lang="id-ID" dirty="0"/>
              <a:t>Akibat Revolusi Industri</a:t>
            </a:r>
          </a:p>
        </p:txBody>
      </p:sp>
      <p:sp>
        <p:nvSpPr>
          <p:cNvPr id="13" name="Google Shape;969;p66"/>
          <p:cNvSpPr txBox="1">
            <a:spLocks/>
          </p:cNvSpPr>
          <p:nvPr/>
        </p:nvSpPr>
        <p:spPr>
          <a:xfrm>
            <a:off x="1353796" y="1737325"/>
            <a:ext cx="7391619" cy="1158458"/>
          </a:xfrm>
          <a:prstGeom prst="roundRect">
            <a:avLst/>
          </a:prstGeom>
          <a:ln/>
        </p:spPr>
        <p:style>
          <a:lnRef idx="2">
            <a:schemeClr val="accent1"/>
          </a:lnRef>
          <a:fillRef idx="1">
            <a:schemeClr val="lt1"/>
          </a:fillRef>
          <a:effectRef idx="0">
            <a:schemeClr val="accent1"/>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lgn="just">
              <a:lnSpc>
                <a:spcPct val="150000"/>
              </a:lnSpc>
            </a:pPr>
            <a:r>
              <a:rPr lang="id-ID" sz="1200" dirty="0">
                <a:latin typeface="Montserrat" charset="0"/>
              </a:rPr>
              <a:t>Berkembangnya </a:t>
            </a:r>
            <a:r>
              <a:rPr lang="id-ID" sz="1200" b="1" dirty="0">
                <a:latin typeface="Montserrat" charset="0"/>
              </a:rPr>
              <a:t>imperialisme</a:t>
            </a:r>
            <a:r>
              <a:rPr lang="id-ID" sz="1200" dirty="0">
                <a:latin typeface="Montserrat" charset="0"/>
              </a:rPr>
              <a:t> modern yaitu perluasan daerah-daerah sebagai tempat pemasaran  hasil industri, mencari bahan mentah, penanaman modal yang surplus, dan tempat mendapatkan tenaga buruh murah</a:t>
            </a:r>
            <a:endParaRPr lang="sv-SE" sz="1200" dirty="0">
              <a:latin typeface="Montserrat" charset="0"/>
            </a:endParaRPr>
          </a:p>
        </p:txBody>
      </p:sp>
      <p:sp>
        <p:nvSpPr>
          <p:cNvPr id="14" name="Google Shape;969;p66"/>
          <p:cNvSpPr txBox="1">
            <a:spLocks/>
          </p:cNvSpPr>
          <p:nvPr/>
        </p:nvSpPr>
        <p:spPr>
          <a:xfrm>
            <a:off x="1353796" y="2970267"/>
            <a:ext cx="7391619" cy="846492"/>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lnSpc>
                <a:spcPct val="150000"/>
              </a:lnSpc>
            </a:pPr>
            <a:r>
              <a:rPr lang="id-ID" sz="1200" dirty="0">
                <a:latin typeface="Montserrat" charset="0"/>
              </a:rPr>
              <a:t>Berkembangnya </a:t>
            </a:r>
            <a:r>
              <a:rPr lang="id-ID" sz="1200" b="1" dirty="0">
                <a:latin typeface="Montserrat" charset="0"/>
              </a:rPr>
              <a:t>liberalisme</a:t>
            </a:r>
            <a:r>
              <a:rPr lang="id-ID" sz="1200" dirty="0">
                <a:latin typeface="Montserrat" charset="0"/>
              </a:rPr>
              <a:t> dimana banyak partai-partai liberal yang memengaruhi negara Eropa dalam menentukan kebijakan politik dan ekonomi.</a:t>
            </a:r>
            <a:endParaRPr lang="sv-SE" sz="1200" dirty="0">
              <a:latin typeface="Montserrat" charset="0"/>
            </a:endParaRPr>
          </a:p>
        </p:txBody>
      </p:sp>
      <p:sp>
        <p:nvSpPr>
          <p:cNvPr id="38" name="Google Shape;890;p58"/>
          <p:cNvSpPr/>
          <p:nvPr/>
        </p:nvSpPr>
        <p:spPr>
          <a:xfrm flipH="1">
            <a:off x="857982" y="2169229"/>
            <a:ext cx="362100" cy="362100"/>
          </a:xfrm>
          <a:prstGeom prst="ellipse">
            <a:avLst/>
          </a:prstGeom>
          <a:solidFill>
            <a:schemeClr val="accent1"/>
          </a:solidFill>
          <a:ln>
            <a:noFill/>
          </a:ln>
        </p:spPr>
        <p:txBody>
          <a:bodyPr spcFirstLastPara="1" wrap="square" lIns="91425" tIns="91425" rIns="91425" bIns="91425" anchor="ctr" anchorCtr="0">
            <a:noAutofit/>
          </a:bodyPr>
          <a:lstStyle/>
          <a:p>
            <a:pPr marL="0" lvl="0" indent="0" algn="r" rtl="0">
              <a:spcBef>
                <a:spcPts val="0"/>
              </a:spcBef>
              <a:spcAft>
                <a:spcPts val="0"/>
              </a:spcAft>
              <a:buNone/>
            </a:pPr>
            <a:endParaRPr/>
          </a:p>
        </p:txBody>
      </p:sp>
      <p:sp>
        <p:nvSpPr>
          <p:cNvPr id="39" name="Google Shape;891;p58"/>
          <p:cNvSpPr/>
          <p:nvPr/>
        </p:nvSpPr>
        <p:spPr>
          <a:xfrm flipH="1">
            <a:off x="857982" y="3166628"/>
            <a:ext cx="362100" cy="362100"/>
          </a:xfrm>
          <a:prstGeom prst="ellipse">
            <a:avLst/>
          </a:prstGeom>
          <a:solidFill>
            <a:schemeClr val="accent5"/>
          </a:solidFill>
          <a:ln>
            <a:noFill/>
          </a:ln>
        </p:spPr>
        <p:txBody>
          <a:bodyPr spcFirstLastPara="1" wrap="square" lIns="91425" tIns="91425" rIns="91425" bIns="91425" anchor="ctr" anchorCtr="0">
            <a:noAutofit/>
          </a:bodyPr>
          <a:lstStyle/>
          <a:p>
            <a:pPr marL="0" lvl="0" indent="0" algn="r" rtl="0">
              <a:spcBef>
                <a:spcPts val="0"/>
              </a:spcBef>
              <a:spcAft>
                <a:spcPts val="0"/>
              </a:spcAft>
              <a:buNone/>
            </a:pPr>
            <a:endParaRPr/>
          </a:p>
        </p:txBody>
      </p:sp>
      <p:sp>
        <p:nvSpPr>
          <p:cNvPr id="9" name="Action Button: Forward or Next 8">
            <a:hlinkClick r:id="rId6" action="ppaction://hlinksldjump" highlightClick="1"/>
          </p:cNvPr>
          <p:cNvSpPr/>
          <p:nvPr/>
        </p:nvSpPr>
        <p:spPr>
          <a:xfrm>
            <a:off x="7681788" y="4134307"/>
            <a:ext cx="599846" cy="69164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0" name="Action Button: Back or Previous 9">
            <a:hlinkClick r:id="rId7" action="ppaction://hlinksldjump" highlightClick="1"/>
          </p:cNvPr>
          <p:cNvSpPr/>
          <p:nvPr/>
        </p:nvSpPr>
        <p:spPr>
          <a:xfrm>
            <a:off x="5732823" y="4175949"/>
            <a:ext cx="599847" cy="650404"/>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5" name="Action Button: Home 6">
            <a:hlinkClick r:id="rId8" action="ppaction://hlinksldjump" highlightClick="1"/>
            <a:extLst>
              <a:ext uri="{FF2B5EF4-FFF2-40B4-BE49-F238E27FC236}">
                <a16:creationId xmlns:a16="http://schemas.microsoft.com/office/drawing/2014/main" id="{9A488940-2F27-4789-BF36-EAF0E7AF1B8E}"/>
              </a:ext>
            </a:extLst>
          </p:cNvPr>
          <p:cNvSpPr/>
          <p:nvPr/>
        </p:nvSpPr>
        <p:spPr>
          <a:xfrm>
            <a:off x="6707458" y="4175547"/>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extLst>
      <p:ext uri="{BB962C8B-B14F-4D97-AF65-F5344CB8AC3E}">
        <p14:creationId xmlns:p14="http://schemas.microsoft.com/office/powerpoint/2010/main" val="2031820440"/>
      </p:ext>
    </p:extLst>
  </p:cSld>
  <p:clrMapOvr>
    <a:masterClrMapping/>
  </p:clrMapOvr>
  <mc:AlternateContent xmlns:mc="http://schemas.openxmlformats.org/markup-compatibility/2006" xmlns:p14="http://schemas.microsoft.com/office/powerpoint/2010/main">
    <mc:Choice Requires="p14">
      <p:transition spd="slow" p14:dur="2000" advClick="0">
        <p14:ferris dir="l"/>
      </p:transition>
    </mc:Choice>
    <mc:Fallback xmlns="">
      <p:transition spd="slow" advClick="0">
        <p:fade/>
      </p:transition>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859"/>
        <p:cNvGrpSpPr/>
        <p:nvPr/>
      </p:nvGrpSpPr>
      <p:grpSpPr>
        <a:xfrm>
          <a:off x="0" y="0"/>
          <a:ext cx="0" cy="0"/>
          <a:chOff x="0" y="0"/>
          <a:chExt cx="0" cy="0"/>
        </a:xfrm>
      </p:grpSpPr>
      <p:pic>
        <p:nvPicPr>
          <p:cNvPr id="7" name="Picture 6">
            <a:extLst>
              <a:ext uri="{FF2B5EF4-FFF2-40B4-BE49-F238E27FC236}">
                <a16:creationId xmlns:a16="http://schemas.microsoft.com/office/drawing/2014/main" id="{2F3E6C3F-3200-4B37-A284-3307163F6F15}"/>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860" name="Google Shape;860;p54"/>
          <p:cNvSpPr txBox="1">
            <a:spLocks noGrp="1"/>
          </p:cNvSpPr>
          <p:nvPr>
            <p:ph type="title"/>
          </p:nvPr>
        </p:nvSpPr>
        <p:spPr>
          <a:xfrm>
            <a:off x="1425029" y="1499856"/>
            <a:ext cx="6569696" cy="1765858"/>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marL="0" lvl="0" indent="0" algn="ctr" rtl="0">
              <a:spcBef>
                <a:spcPts val="0"/>
              </a:spcBef>
              <a:spcAft>
                <a:spcPts val="0"/>
              </a:spcAft>
              <a:buNone/>
            </a:pPr>
            <a:r>
              <a:rPr lang="id-ID" sz="3600" dirty="0"/>
              <a:t>Pengaruh Revolusi Industri </a:t>
            </a:r>
            <a:br>
              <a:rPr lang="id-ID" sz="3600" dirty="0"/>
            </a:br>
            <a:r>
              <a:rPr lang="id-ID" sz="3600" dirty="0"/>
              <a:t>bagi Masyarakat Dunia</a:t>
            </a:r>
            <a:endParaRPr sz="3600" dirty="0"/>
          </a:p>
        </p:txBody>
      </p:sp>
      <p:sp>
        <p:nvSpPr>
          <p:cNvPr id="4" name="Action Button: Forward or Next 3">
            <a:hlinkClick r:id="rId6" action="ppaction://hlinksldjump" highlightClick="1"/>
          </p:cNvPr>
          <p:cNvSpPr/>
          <p:nvPr/>
        </p:nvSpPr>
        <p:spPr>
          <a:xfrm>
            <a:off x="5205960" y="4246061"/>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5" name="Action Button: Back or Previous 4">
            <a:hlinkClick r:id="rId7" action="ppaction://hlinksldjump" highlightClick="1"/>
          </p:cNvPr>
          <p:cNvSpPr/>
          <p:nvPr/>
        </p:nvSpPr>
        <p:spPr>
          <a:xfrm>
            <a:off x="3249978" y="4246061"/>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6" name="Action Button: Home 6">
            <a:hlinkClick r:id="rId8" action="ppaction://hlinksldjump" highlightClick="1"/>
            <a:extLst>
              <a:ext uri="{FF2B5EF4-FFF2-40B4-BE49-F238E27FC236}">
                <a16:creationId xmlns:a16="http://schemas.microsoft.com/office/drawing/2014/main" id="{8417F6C9-B726-45AE-AE9F-A0C650F4CA18}"/>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p:transition spd="slow" advClick="0">
    <p:push dir="r"/>
  </p:transition>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870"/>
        <p:cNvGrpSpPr/>
        <p:nvPr/>
      </p:nvGrpSpPr>
      <p:grpSpPr>
        <a:xfrm>
          <a:off x="0" y="0"/>
          <a:ext cx="0" cy="0"/>
          <a:chOff x="0" y="0"/>
          <a:chExt cx="0" cy="0"/>
        </a:xfrm>
      </p:grpSpPr>
      <p:pic>
        <p:nvPicPr>
          <p:cNvPr id="9" name="Picture 8">
            <a:extLst>
              <a:ext uri="{FF2B5EF4-FFF2-40B4-BE49-F238E27FC236}">
                <a16:creationId xmlns:a16="http://schemas.microsoft.com/office/drawing/2014/main" id="{79007BB4-0712-4AC9-AF8D-3D2811DCAB34}"/>
              </a:ext>
            </a:extLst>
          </p:cNvPr>
          <p:cNvPicPr>
            <a:picLocks noChangeAspect="1"/>
          </p:cNvPicPr>
          <p:nvPr/>
        </p:nvPicPr>
        <p:blipFill>
          <a:blip r:embed="rId4">
            <a:extLst>
              <a:ext uri="{BEBA8EAE-BF5A-486C-A8C5-ECC9F3942E4B}">
                <a14:imgProps xmlns:a14="http://schemas.microsoft.com/office/drawing/2010/main">
                  <a14:imgLayer r:embed="rId5">
                    <a14:imgEffect>
                      <a14:artisticBlur radius="3"/>
                    </a14:imgEffect>
                  </a14:imgLayer>
                </a14:imgProps>
              </a:ext>
            </a:extLst>
          </a:blip>
          <a:stretch>
            <a:fillRect/>
          </a:stretch>
        </p:blipFill>
        <p:spPr>
          <a:xfrm>
            <a:off x="-1" y="0"/>
            <a:ext cx="9464597" cy="5143500"/>
          </a:xfrm>
          <a:prstGeom prst="rect">
            <a:avLst/>
          </a:prstGeom>
        </p:spPr>
      </p:pic>
      <p:sp>
        <p:nvSpPr>
          <p:cNvPr id="871" name="Google Shape;871;p56"/>
          <p:cNvSpPr txBox="1">
            <a:spLocks noGrp="1"/>
          </p:cNvSpPr>
          <p:nvPr>
            <p:ph type="title"/>
          </p:nvPr>
        </p:nvSpPr>
        <p:spPr>
          <a:xfrm>
            <a:off x="728138" y="1992354"/>
            <a:ext cx="4022236" cy="574200"/>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marL="0" lvl="0" indent="0" algn="ctr" rtl="0">
              <a:spcBef>
                <a:spcPts val="0"/>
              </a:spcBef>
              <a:spcAft>
                <a:spcPts val="0"/>
              </a:spcAft>
              <a:buNone/>
            </a:pPr>
            <a:r>
              <a:rPr lang="en" dirty="0"/>
              <a:t>I</a:t>
            </a:r>
            <a:r>
              <a:rPr lang="id-ID" dirty="0"/>
              <a:t>ndustrialisasi</a:t>
            </a:r>
            <a:endParaRPr dirty="0"/>
          </a:p>
        </p:txBody>
      </p:sp>
      <p:sp>
        <p:nvSpPr>
          <p:cNvPr id="872" name="Google Shape;872;p56"/>
          <p:cNvSpPr txBox="1">
            <a:spLocks noGrp="1"/>
          </p:cNvSpPr>
          <p:nvPr>
            <p:ph type="title" idx="2"/>
          </p:nvPr>
        </p:nvSpPr>
        <p:spPr>
          <a:xfrm>
            <a:off x="1925463" y="973212"/>
            <a:ext cx="1525500" cy="930900"/>
          </a:xfrm>
          <a:prstGeom prst="roundRect">
            <a:avLst/>
          </a:prstGeom>
          <a:solidFill>
            <a:schemeClr val="accent2"/>
          </a:solidFill>
        </p:spPr>
        <p:txBody>
          <a:bodyPr spcFirstLastPara="1" wrap="square" lIns="91425" tIns="91425" rIns="91425" bIns="91425" anchor="ctr" anchorCtr="0">
            <a:noAutofit/>
          </a:bodyPr>
          <a:lstStyle/>
          <a:p>
            <a:pPr marL="0" lvl="0" indent="0" algn="ctr" rtl="0">
              <a:spcBef>
                <a:spcPts val="0"/>
              </a:spcBef>
              <a:spcAft>
                <a:spcPts val="0"/>
              </a:spcAft>
              <a:buNone/>
            </a:pPr>
            <a:r>
              <a:rPr lang="en" dirty="0">
                <a:solidFill>
                  <a:schemeClr val="bg1"/>
                </a:solidFill>
              </a:rPr>
              <a:t>0</a:t>
            </a:r>
            <a:r>
              <a:rPr lang="id-ID" dirty="0">
                <a:solidFill>
                  <a:schemeClr val="bg1"/>
                </a:solidFill>
              </a:rPr>
              <a:t>1</a:t>
            </a:r>
            <a:endParaRPr dirty="0">
              <a:solidFill>
                <a:schemeClr val="bg1"/>
              </a:solidFill>
            </a:endParaRPr>
          </a:p>
        </p:txBody>
      </p:sp>
      <p:sp>
        <p:nvSpPr>
          <p:cNvPr id="7" name="Google Shape;969;p66"/>
          <p:cNvSpPr txBox="1">
            <a:spLocks/>
          </p:cNvSpPr>
          <p:nvPr/>
        </p:nvSpPr>
        <p:spPr>
          <a:xfrm>
            <a:off x="728138" y="2662122"/>
            <a:ext cx="4022235" cy="1508166"/>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lgn="just">
              <a:lnSpc>
                <a:spcPct val="150000"/>
              </a:lnSpc>
            </a:pPr>
            <a:r>
              <a:rPr lang="id-ID" sz="1200" dirty="0">
                <a:latin typeface="Montserrat" charset="0"/>
              </a:rPr>
              <a:t>Revolusi industri menyebabkan Inggris menjadi negara industri paling maju. Perancis, Jerman, dan Amerika Serikat mengikuti Inggris menjadi negara dengan basis perindustrian yang kuat.</a:t>
            </a:r>
            <a:endParaRPr lang="sv-SE" sz="1200" dirty="0">
              <a:latin typeface="Montserrat" charset="0"/>
            </a:endParaRPr>
          </a:p>
        </p:txBody>
      </p:sp>
      <p:sp>
        <p:nvSpPr>
          <p:cNvPr id="10" name="Action Button: Forward or Next 9">
            <a:hlinkClick r:id="rId6" action="ppaction://hlinksldjump" highlightClick="1"/>
          </p:cNvPr>
          <p:cNvSpPr/>
          <p:nvPr/>
        </p:nvSpPr>
        <p:spPr>
          <a:xfrm>
            <a:off x="7905464" y="4175547"/>
            <a:ext cx="599847" cy="684662"/>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1" name="Action Button: Back or Previous 10">
            <a:hlinkClick r:id="rId7" action="ppaction://hlinksldjump" highlightClick="1"/>
          </p:cNvPr>
          <p:cNvSpPr/>
          <p:nvPr/>
        </p:nvSpPr>
        <p:spPr>
          <a:xfrm>
            <a:off x="5904030" y="4175547"/>
            <a:ext cx="599847" cy="669584"/>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8" name="Action Button: Home 6">
            <a:hlinkClick r:id="rId8" action="ppaction://hlinksldjump" highlightClick="1"/>
            <a:extLst>
              <a:ext uri="{FF2B5EF4-FFF2-40B4-BE49-F238E27FC236}">
                <a16:creationId xmlns:a16="http://schemas.microsoft.com/office/drawing/2014/main" id="{2CB008B3-3E31-41BE-9EAC-3F796D3A2AC2}"/>
              </a:ext>
            </a:extLst>
          </p:cNvPr>
          <p:cNvSpPr/>
          <p:nvPr/>
        </p:nvSpPr>
        <p:spPr>
          <a:xfrm>
            <a:off x="6904747" y="4175547"/>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1600" advClick="0">
        <p:blinds dir="vert"/>
      </p:transition>
    </mc:Choice>
    <mc:Fallback xmlns="">
      <p:transition spd="slow" advClick="0">
        <p:blinds dir="vert"/>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991653" y="195344"/>
            <a:ext cx="5692800" cy="1352100"/>
          </a:xfrm>
        </p:spPr>
        <p:txBody>
          <a:bodyPr/>
          <a:lstStyle/>
          <a:p>
            <a:r>
              <a:rPr lang="id-ID" sz="4400" dirty="0"/>
              <a:t>MAIN MENU</a:t>
            </a:r>
          </a:p>
        </p:txBody>
      </p:sp>
      <p:grpSp>
        <p:nvGrpSpPr>
          <p:cNvPr id="8" name="Google Shape;1739;p122"/>
          <p:cNvGrpSpPr/>
          <p:nvPr/>
        </p:nvGrpSpPr>
        <p:grpSpPr>
          <a:xfrm rot="16200000">
            <a:off x="1717876" y="1845950"/>
            <a:ext cx="499770" cy="323346"/>
            <a:chOff x="5037700" y="2430325"/>
            <a:chExt cx="75950" cy="65850"/>
          </a:xfrm>
          <a:solidFill>
            <a:schemeClr val="accent2"/>
          </a:solidFill>
        </p:grpSpPr>
        <p:sp>
          <p:nvSpPr>
            <p:cNvPr id="9" name="Google Shape;1740;p122"/>
            <p:cNvSpPr/>
            <p:nvPr/>
          </p:nvSpPr>
          <p:spPr>
            <a:xfrm>
              <a:off x="5059700" y="2430325"/>
              <a:ext cx="53950" cy="65850"/>
            </a:xfrm>
            <a:custGeom>
              <a:avLst/>
              <a:gdLst/>
              <a:ahLst/>
              <a:cxnLst/>
              <a:rect l="l" t="t" r="r" b="b"/>
              <a:pathLst>
                <a:path w="2158" h="2634" extrusionOk="0">
                  <a:moveTo>
                    <a:pt x="1" y="1"/>
                  </a:moveTo>
                  <a:lnTo>
                    <a:pt x="866" y="1321"/>
                  </a:lnTo>
                  <a:lnTo>
                    <a:pt x="1" y="2633"/>
                  </a:lnTo>
                  <a:lnTo>
                    <a:pt x="1292" y="2633"/>
                  </a:lnTo>
                  <a:lnTo>
                    <a:pt x="2157" y="1321"/>
                  </a:lnTo>
                  <a:lnTo>
                    <a:pt x="1292" y="1"/>
                  </a:ln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 name="Google Shape;1741;p122"/>
            <p:cNvSpPr/>
            <p:nvPr/>
          </p:nvSpPr>
          <p:spPr>
            <a:xfrm>
              <a:off x="5037700" y="2430325"/>
              <a:ext cx="34100" cy="65850"/>
            </a:xfrm>
            <a:custGeom>
              <a:avLst/>
              <a:gdLst/>
              <a:ahLst/>
              <a:cxnLst/>
              <a:rect l="l" t="t" r="r" b="b"/>
              <a:pathLst>
                <a:path w="1364" h="2634" extrusionOk="0">
                  <a:moveTo>
                    <a:pt x="1" y="1"/>
                  </a:moveTo>
                  <a:lnTo>
                    <a:pt x="866" y="1321"/>
                  </a:lnTo>
                  <a:lnTo>
                    <a:pt x="1" y="2633"/>
                  </a:lnTo>
                  <a:lnTo>
                    <a:pt x="498" y="2633"/>
                  </a:lnTo>
                  <a:lnTo>
                    <a:pt x="1364" y="1321"/>
                  </a:lnTo>
                  <a:lnTo>
                    <a:pt x="498" y="1"/>
                  </a:ln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1" name="Google Shape;1739;p122"/>
          <p:cNvGrpSpPr/>
          <p:nvPr/>
        </p:nvGrpSpPr>
        <p:grpSpPr>
          <a:xfrm rot="16200000">
            <a:off x="5034483" y="1822984"/>
            <a:ext cx="499770" cy="323346"/>
            <a:chOff x="5037700" y="2430325"/>
            <a:chExt cx="75950" cy="65850"/>
          </a:xfrm>
          <a:solidFill>
            <a:schemeClr val="accent2"/>
          </a:solidFill>
        </p:grpSpPr>
        <p:sp>
          <p:nvSpPr>
            <p:cNvPr id="12" name="Google Shape;1740;p122"/>
            <p:cNvSpPr/>
            <p:nvPr/>
          </p:nvSpPr>
          <p:spPr>
            <a:xfrm>
              <a:off x="5059700" y="2430325"/>
              <a:ext cx="53950" cy="65850"/>
            </a:xfrm>
            <a:custGeom>
              <a:avLst/>
              <a:gdLst/>
              <a:ahLst/>
              <a:cxnLst/>
              <a:rect l="l" t="t" r="r" b="b"/>
              <a:pathLst>
                <a:path w="2158" h="2634" extrusionOk="0">
                  <a:moveTo>
                    <a:pt x="1" y="1"/>
                  </a:moveTo>
                  <a:lnTo>
                    <a:pt x="866" y="1321"/>
                  </a:lnTo>
                  <a:lnTo>
                    <a:pt x="1" y="2633"/>
                  </a:lnTo>
                  <a:lnTo>
                    <a:pt x="1292" y="2633"/>
                  </a:lnTo>
                  <a:lnTo>
                    <a:pt x="2157" y="1321"/>
                  </a:lnTo>
                  <a:lnTo>
                    <a:pt x="1292" y="1"/>
                  </a:ln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 name="Google Shape;1741;p122"/>
            <p:cNvSpPr/>
            <p:nvPr/>
          </p:nvSpPr>
          <p:spPr>
            <a:xfrm>
              <a:off x="5037700" y="2430325"/>
              <a:ext cx="34100" cy="65850"/>
            </a:xfrm>
            <a:custGeom>
              <a:avLst/>
              <a:gdLst/>
              <a:ahLst/>
              <a:cxnLst/>
              <a:rect l="l" t="t" r="r" b="b"/>
              <a:pathLst>
                <a:path w="1364" h="2634" extrusionOk="0">
                  <a:moveTo>
                    <a:pt x="1" y="1"/>
                  </a:moveTo>
                  <a:lnTo>
                    <a:pt x="866" y="1321"/>
                  </a:lnTo>
                  <a:lnTo>
                    <a:pt x="1" y="2633"/>
                  </a:lnTo>
                  <a:lnTo>
                    <a:pt x="498" y="2633"/>
                  </a:lnTo>
                  <a:lnTo>
                    <a:pt x="1364" y="1321"/>
                  </a:lnTo>
                  <a:lnTo>
                    <a:pt x="498" y="1"/>
                  </a:ln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4" name="Google Shape;1739;p122"/>
          <p:cNvGrpSpPr/>
          <p:nvPr/>
        </p:nvGrpSpPr>
        <p:grpSpPr>
          <a:xfrm rot="16200000">
            <a:off x="3448076" y="2901864"/>
            <a:ext cx="499770" cy="323346"/>
            <a:chOff x="5037700" y="2430325"/>
            <a:chExt cx="75950" cy="65850"/>
          </a:xfrm>
          <a:solidFill>
            <a:schemeClr val="accent2"/>
          </a:solidFill>
        </p:grpSpPr>
        <p:sp>
          <p:nvSpPr>
            <p:cNvPr id="15" name="Google Shape;1740;p122"/>
            <p:cNvSpPr/>
            <p:nvPr/>
          </p:nvSpPr>
          <p:spPr>
            <a:xfrm>
              <a:off x="5059700" y="2430325"/>
              <a:ext cx="53950" cy="65850"/>
            </a:xfrm>
            <a:custGeom>
              <a:avLst/>
              <a:gdLst/>
              <a:ahLst/>
              <a:cxnLst/>
              <a:rect l="l" t="t" r="r" b="b"/>
              <a:pathLst>
                <a:path w="2158" h="2634" extrusionOk="0">
                  <a:moveTo>
                    <a:pt x="1" y="1"/>
                  </a:moveTo>
                  <a:lnTo>
                    <a:pt x="866" y="1321"/>
                  </a:lnTo>
                  <a:lnTo>
                    <a:pt x="1" y="2633"/>
                  </a:lnTo>
                  <a:lnTo>
                    <a:pt x="1292" y="2633"/>
                  </a:lnTo>
                  <a:lnTo>
                    <a:pt x="2157" y="1321"/>
                  </a:lnTo>
                  <a:lnTo>
                    <a:pt x="1292" y="1"/>
                  </a:ln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 name="Google Shape;1741;p122"/>
            <p:cNvSpPr/>
            <p:nvPr/>
          </p:nvSpPr>
          <p:spPr>
            <a:xfrm>
              <a:off x="5037700" y="2430325"/>
              <a:ext cx="34100" cy="65850"/>
            </a:xfrm>
            <a:custGeom>
              <a:avLst/>
              <a:gdLst/>
              <a:ahLst/>
              <a:cxnLst/>
              <a:rect l="l" t="t" r="r" b="b"/>
              <a:pathLst>
                <a:path w="1364" h="2634" extrusionOk="0">
                  <a:moveTo>
                    <a:pt x="1" y="1"/>
                  </a:moveTo>
                  <a:lnTo>
                    <a:pt x="866" y="1321"/>
                  </a:lnTo>
                  <a:lnTo>
                    <a:pt x="1" y="2633"/>
                  </a:lnTo>
                  <a:lnTo>
                    <a:pt x="498" y="2633"/>
                  </a:lnTo>
                  <a:lnTo>
                    <a:pt x="1364" y="1321"/>
                  </a:lnTo>
                  <a:lnTo>
                    <a:pt x="498" y="1"/>
                  </a:lnTo>
                  <a:close/>
                </a:path>
              </a:pathLst>
            </a:custGeom>
            <a:gr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 name="Action Button: Custom 2">
            <a:hlinkClick r:id="rId4" action="ppaction://hlinksldjump" highlightClick="1"/>
          </p:cNvPr>
          <p:cNvSpPr/>
          <p:nvPr/>
        </p:nvSpPr>
        <p:spPr>
          <a:xfrm>
            <a:off x="2338245" y="1685922"/>
            <a:ext cx="1359716" cy="600355"/>
          </a:xfrm>
          <a:prstGeom prst="actionButtonBlank">
            <a:avLst/>
          </a:prstGeom>
          <a:solidFill>
            <a:schemeClr val="accent4">
              <a:lumMod val="60000"/>
              <a:lumOff val="40000"/>
            </a:schemeClr>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id-ID" sz="2000" dirty="0">
                <a:solidFill>
                  <a:schemeClr val="tx1">
                    <a:lumMod val="75000"/>
                  </a:schemeClr>
                </a:solidFill>
                <a:latin typeface="MV Boli" pitchFamily="2" charset="0"/>
                <a:cs typeface="MV Boli" pitchFamily="2" charset="0"/>
              </a:rPr>
              <a:t>MATERI</a:t>
            </a:r>
            <a:endParaRPr lang="id-ID" sz="2400" dirty="0">
              <a:solidFill>
                <a:schemeClr val="tx1">
                  <a:lumMod val="75000"/>
                </a:schemeClr>
              </a:solidFill>
              <a:latin typeface="MV Boli" pitchFamily="2" charset="0"/>
              <a:cs typeface="MV Boli" pitchFamily="2" charset="0"/>
            </a:endParaRPr>
          </a:p>
        </p:txBody>
      </p:sp>
      <p:sp>
        <p:nvSpPr>
          <p:cNvPr id="4" name="Action Button: Custom 3">
            <a:hlinkClick r:id="rId5" action="ppaction://hlinksldjump" highlightClick="1"/>
          </p:cNvPr>
          <p:cNvSpPr/>
          <p:nvPr/>
        </p:nvSpPr>
        <p:spPr>
          <a:xfrm>
            <a:off x="5654799" y="1684480"/>
            <a:ext cx="1359716" cy="600355"/>
          </a:xfrm>
          <a:prstGeom prst="actionButtonBlank">
            <a:avLst/>
          </a:prstGeom>
          <a:solidFill>
            <a:schemeClr val="accent4">
              <a:lumMod val="60000"/>
              <a:lumOff val="40000"/>
            </a:schemeClr>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id-ID" sz="2000" dirty="0">
                <a:solidFill>
                  <a:schemeClr val="tx1">
                    <a:lumMod val="75000"/>
                  </a:schemeClr>
                </a:solidFill>
                <a:latin typeface="MV Boli" pitchFamily="2" charset="0"/>
                <a:cs typeface="MV Boli" pitchFamily="2" charset="0"/>
              </a:rPr>
              <a:t>LATIHAN</a:t>
            </a:r>
            <a:endParaRPr lang="id-ID" sz="2400" dirty="0">
              <a:solidFill>
                <a:schemeClr val="tx1">
                  <a:lumMod val="75000"/>
                </a:schemeClr>
              </a:solidFill>
              <a:latin typeface="MV Boli" pitchFamily="2" charset="0"/>
              <a:cs typeface="MV Boli" pitchFamily="2" charset="0"/>
            </a:endParaRPr>
          </a:p>
        </p:txBody>
      </p:sp>
      <p:sp>
        <p:nvSpPr>
          <p:cNvPr id="6" name="Action Button: Custom 5">
            <a:hlinkClick r:id="rId6" action="ppaction://hlinksldjump" highlightClick="1"/>
          </p:cNvPr>
          <p:cNvSpPr/>
          <p:nvPr/>
        </p:nvSpPr>
        <p:spPr>
          <a:xfrm>
            <a:off x="4017123" y="2813652"/>
            <a:ext cx="1428917" cy="574200"/>
          </a:xfrm>
          <a:prstGeom prst="actionButtonBlank">
            <a:avLst/>
          </a:prstGeom>
          <a:solidFill>
            <a:schemeClr val="accent4">
              <a:lumMod val="60000"/>
              <a:lumOff val="40000"/>
            </a:schemeClr>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id-ID" sz="2000" dirty="0">
                <a:solidFill>
                  <a:schemeClr val="tx1">
                    <a:lumMod val="75000"/>
                  </a:schemeClr>
                </a:solidFill>
                <a:latin typeface="MV Boli" pitchFamily="2" charset="0"/>
                <a:cs typeface="MV Boli" pitchFamily="2" charset="0"/>
              </a:rPr>
              <a:t>TENTANG</a:t>
            </a:r>
            <a:endParaRPr lang="id-ID" sz="2400" dirty="0">
              <a:solidFill>
                <a:schemeClr val="tx1">
                  <a:lumMod val="75000"/>
                </a:schemeClr>
              </a:solidFill>
              <a:latin typeface="MV Boli" pitchFamily="2" charset="0"/>
              <a:cs typeface="MV Boli" pitchFamily="2" charset="0"/>
            </a:endParaRPr>
          </a:p>
        </p:txBody>
      </p:sp>
      <p:sp>
        <p:nvSpPr>
          <p:cNvPr id="20" name="Action Button: Forward or Next 19">
            <a:hlinkClick r:id="rId4" action="ppaction://hlinksldjump" highlightClick="1"/>
          </p:cNvPr>
          <p:cNvSpPr/>
          <p:nvPr/>
        </p:nvSpPr>
        <p:spPr>
          <a:xfrm>
            <a:off x="5354875" y="4187423"/>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21" name="Action Button: Back or Previous 20">
            <a:hlinkClick r:id="rId7" action="ppaction://hlinksldjump" highlightClick="1"/>
          </p:cNvPr>
          <p:cNvSpPr/>
          <p:nvPr/>
        </p:nvSpPr>
        <p:spPr>
          <a:xfrm>
            <a:off x="3342321" y="4179601"/>
            <a:ext cx="590527" cy="650406"/>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9" name="Action Button: Home 6">
            <a:hlinkClick r:id="rId8" action="ppaction://hlinksldjump" highlightClick="1"/>
            <a:extLst>
              <a:ext uri="{FF2B5EF4-FFF2-40B4-BE49-F238E27FC236}">
                <a16:creationId xmlns:a16="http://schemas.microsoft.com/office/drawing/2014/main" id="{C572EB0D-FA9D-4712-8292-C964070BCBE4}"/>
              </a:ext>
            </a:extLst>
          </p:cNvPr>
          <p:cNvSpPr/>
          <p:nvPr/>
        </p:nvSpPr>
        <p:spPr>
          <a:xfrm>
            <a:off x="4343938" y="4187424"/>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pic>
        <p:nvPicPr>
          <p:cNvPr id="7" name="Picture 6">
            <a:extLst>
              <a:ext uri="{FF2B5EF4-FFF2-40B4-BE49-F238E27FC236}">
                <a16:creationId xmlns:a16="http://schemas.microsoft.com/office/drawing/2014/main" id="{32B99EF5-71C6-47CF-A461-EC9763E0E6E5}"/>
              </a:ext>
            </a:extLst>
          </p:cNvPr>
          <p:cNvPicPr>
            <a:picLocks noChangeAspect="1"/>
          </p:cNvPicPr>
          <p:nvPr/>
        </p:nvPicPr>
        <p:blipFill>
          <a:blip r:embed="rId9">
            <a:extLst>
              <a:ext uri="{BEBA8EAE-BF5A-486C-A8C5-ECC9F3942E4B}">
                <a14:imgProps xmlns:a14="http://schemas.microsoft.com/office/drawing/2010/main">
                  <a14:imgLayer r:embed="rId10">
                    <a14:imgEffect>
                      <a14:backgroundRemoval t="7563" b="97059" l="10000" r="90000">
                        <a14:foregroundMark x1="21413" y1="89496" x2="27283" y2="97059"/>
                        <a14:foregroundMark x1="40217" y1="11134" x2="45543" y2="6513"/>
                        <a14:foregroundMark x1="45543" y1="6513" x2="50978" y2="7563"/>
                        <a14:foregroundMark x1="50978" y1="7563" x2="52826" y2="10924"/>
                      </a14:backgroundRemoval>
                    </a14:imgEffect>
                  </a14:imgLayer>
                </a14:imgProps>
              </a:ext>
            </a:extLst>
          </a:blip>
          <a:stretch>
            <a:fillRect/>
          </a:stretch>
        </p:blipFill>
        <p:spPr>
          <a:xfrm flipH="1">
            <a:off x="5122695" y="2697255"/>
            <a:ext cx="4609765" cy="2567564"/>
          </a:xfrm>
          <a:prstGeom prst="rect">
            <a:avLst/>
          </a:prstGeom>
        </p:spPr>
      </p:pic>
    </p:spTree>
    <p:custDataLst>
      <p:tags r:id="rId1"/>
    </p:custDataLst>
    <p:extLst>
      <p:ext uri="{BB962C8B-B14F-4D97-AF65-F5344CB8AC3E}">
        <p14:creationId xmlns:p14="http://schemas.microsoft.com/office/powerpoint/2010/main" val="3956213251"/>
      </p:ext>
    </p:extLst>
  </p:cSld>
  <p:clrMapOvr>
    <a:masterClrMapping/>
  </p:clrMapOvr>
  <p:transition spd="slow" advClick="0">
    <p:push dir="u"/>
  </p:transition>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a:extLst>
              <a:ext uri="{FF2B5EF4-FFF2-40B4-BE49-F238E27FC236}">
                <a16:creationId xmlns:a16="http://schemas.microsoft.com/office/drawing/2014/main" id="{47DDEA8F-053C-4E74-AD18-D83083CD79A8}"/>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4" name="Google Shape;871;p56"/>
          <p:cNvSpPr txBox="1">
            <a:spLocks noGrp="1"/>
          </p:cNvSpPr>
          <p:nvPr>
            <p:ph type="title"/>
          </p:nvPr>
        </p:nvSpPr>
        <p:spPr>
          <a:xfrm>
            <a:off x="2782392" y="1126975"/>
            <a:ext cx="4916385" cy="574200"/>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marL="0" lvl="0" indent="0" algn="ctr" rtl="0">
              <a:spcBef>
                <a:spcPts val="0"/>
              </a:spcBef>
              <a:spcAft>
                <a:spcPts val="0"/>
              </a:spcAft>
              <a:buNone/>
            </a:pPr>
            <a:r>
              <a:rPr lang="en" dirty="0"/>
              <a:t>P</a:t>
            </a:r>
            <a:r>
              <a:rPr lang="id-ID" dirty="0"/>
              <a:t>erubahan Sistem Sosial</a:t>
            </a:r>
            <a:endParaRPr dirty="0"/>
          </a:p>
        </p:txBody>
      </p:sp>
      <p:sp>
        <p:nvSpPr>
          <p:cNvPr id="5" name="Google Shape;872;p56"/>
          <p:cNvSpPr txBox="1">
            <a:spLocks/>
          </p:cNvSpPr>
          <p:nvPr/>
        </p:nvSpPr>
        <p:spPr>
          <a:xfrm>
            <a:off x="954283" y="1974244"/>
            <a:ext cx="1525500" cy="930900"/>
          </a:xfrm>
          <a:prstGeom prst="roundRect">
            <a:avLst/>
          </a:prstGeom>
          <a:solidFill>
            <a:schemeClr val="accent2"/>
          </a:solidFill>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ctr"/>
            <a:r>
              <a:rPr lang="en" sz="8000" dirty="0">
                <a:solidFill>
                  <a:schemeClr val="bg1"/>
                </a:solidFill>
                <a:latin typeface="Chivo Black" charset="0"/>
                <a:ea typeface="Chivo Black" charset="0"/>
                <a:cs typeface="Chivo Black" charset="0"/>
              </a:rPr>
              <a:t>0</a:t>
            </a:r>
            <a:r>
              <a:rPr lang="id-ID" sz="8000" dirty="0">
                <a:solidFill>
                  <a:schemeClr val="bg1"/>
                </a:solidFill>
                <a:latin typeface="Chivo Black" charset="0"/>
                <a:ea typeface="Chivo Black" charset="0"/>
                <a:cs typeface="Chivo Black" charset="0"/>
              </a:rPr>
              <a:t>2</a:t>
            </a:r>
            <a:endParaRPr lang="en" sz="8000" dirty="0">
              <a:solidFill>
                <a:schemeClr val="bg1"/>
              </a:solidFill>
              <a:latin typeface="Chivo Black" charset="0"/>
              <a:ea typeface="Chivo Black" charset="0"/>
              <a:cs typeface="Chivo Black" charset="0"/>
            </a:endParaRPr>
          </a:p>
        </p:txBody>
      </p:sp>
      <p:sp>
        <p:nvSpPr>
          <p:cNvPr id="7" name="Google Shape;969;p66"/>
          <p:cNvSpPr txBox="1">
            <a:spLocks/>
          </p:cNvSpPr>
          <p:nvPr/>
        </p:nvSpPr>
        <p:spPr>
          <a:xfrm>
            <a:off x="2750325" y="1894780"/>
            <a:ext cx="4980518" cy="2020728"/>
          </a:xfrm>
          <a:prstGeom prst="roundRect">
            <a:avLst/>
          </a:prstGeom>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L="457200" marR="0" lvl="0" indent="-317500" algn="l"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1pPr>
            <a:lvl2pPr marL="914400" marR="0" lvl="1"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2pPr>
            <a:lvl3pPr marL="1371600" marR="0" lvl="2"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3pPr>
            <a:lvl4pPr marL="1828800" marR="0" lvl="3"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4pPr>
            <a:lvl5pPr marL="2286000" marR="0" lvl="4"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5pPr>
            <a:lvl6pPr marL="2743200" marR="0" lvl="5"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6pPr>
            <a:lvl7pPr marL="3200400" marR="0" lvl="6"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7pPr>
            <a:lvl8pPr marL="3657600" marR="0" lvl="7"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8pPr>
            <a:lvl9pPr marL="4114800" marR="0" lvl="8" indent="-317500" algn="ctr" rtl="0">
              <a:lnSpc>
                <a:spcPct val="100000"/>
              </a:lnSpc>
              <a:spcBef>
                <a:spcPts val="0"/>
              </a:spcBef>
              <a:spcAft>
                <a:spcPts val="0"/>
              </a:spcAft>
              <a:buClr>
                <a:schemeClr val="dk2"/>
              </a:buClr>
              <a:buSzPts val="1400"/>
              <a:buFont typeface="Work Sans"/>
              <a:buNone/>
              <a:defRPr sz="1400" b="0" i="0" u="none" strike="noStrike" cap="none">
                <a:solidFill>
                  <a:schemeClr val="dk2"/>
                </a:solidFill>
                <a:latin typeface="Work Sans"/>
                <a:ea typeface="Work Sans"/>
                <a:cs typeface="Work Sans"/>
                <a:sym typeface="Work Sans"/>
              </a:defRPr>
            </a:lvl9pPr>
          </a:lstStyle>
          <a:p>
            <a:pPr marL="0" indent="0" algn="just">
              <a:lnSpc>
                <a:spcPct val="150000"/>
              </a:lnSpc>
            </a:pPr>
            <a:r>
              <a:rPr lang="id-ID" sz="1200" dirty="0">
                <a:latin typeface="Montserrat" charset="0"/>
              </a:rPr>
              <a:t>Pada masa Revolusi industri, banyak penduduk desa yang pindah ke kota untuk menjadi buruh pabrik. Adanya perpindahan tersebut menyebabkan kota menjadi padat penduduk. Permasalahan lainnya adalah biaya hidup yang mahal sehingga anak-anak dan wanita juga ikut bekerja sebagai buruh.</a:t>
            </a:r>
            <a:endParaRPr lang="sv-SE" sz="1200" dirty="0">
              <a:latin typeface="Montserrat" charset="0"/>
            </a:endParaRPr>
          </a:p>
        </p:txBody>
      </p:sp>
      <p:sp>
        <p:nvSpPr>
          <p:cNvPr id="8" name="Action Button: Forward or Next 7">
            <a:hlinkClick r:id="rId6" action="ppaction://hlinksldjump" highlightClick="1"/>
          </p:cNvPr>
          <p:cNvSpPr/>
          <p:nvPr/>
        </p:nvSpPr>
        <p:spPr>
          <a:xfrm>
            <a:off x="5166850" y="4246061"/>
            <a:ext cx="599846"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9" name="Action Button: Back or Previous 8">
            <a:hlinkClick r:id="rId7" action="ppaction://hlinksldjump" highlightClick="1"/>
          </p:cNvPr>
          <p:cNvSpPr/>
          <p:nvPr/>
        </p:nvSpPr>
        <p:spPr>
          <a:xfrm>
            <a:off x="3289088" y="4246061"/>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0" name="Action Button: Home 6">
            <a:hlinkClick r:id="rId8" action="ppaction://hlinksldjump" highlightClick="1"/>
            <a:extLst>
              <a:ext uri="{FF2B5EF4-FFF2-40B4-BE49-F238E27FC236}">
                <a16:creationId xmlns:a16="http://schemas.microsoft.com/office/drawing/2014/main" id="{72DF40F4-EF38-495D-B310-022D3352188A}"/>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extLst>
      <p:ext uri="{BB962C8B-B14F-4D97-AF65-F5344CB8AC3E}">
        <p14:creationId xmlns:p14="http://schemas.microsoft.com/office/powerpoint/2010/main" val="1005160129"/>
      </p:ext>
    </p:extLst>
  </p:cSld>
  <p:clrMapOvr>
    <a:masterClrMapping/>
  </p:clrMapOvr>
  <mc:AlternateContent xmlns:mc="http://schemas.openxmlformats.org/markup-compatibility/2006" xmlns:p14="http://schemas.microsoft.com/office/powerpoint/2010/main">
    <mc:Choice Requires="p14">
      <p:transition spd="slow" p14:dur="2000" advClick="0">
        <p:wheel spokes="1"/>
      </p:transition>
    </mc:Choice>
    <mc:Fallback xmlns="">
      <p:transition spd="slow" advClick="0">
        <p:wheel spokes="1"/>
      </p:transition>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a:extLst>
              <a:ext uri="{FF2B5EF4-FFF2-40B4-BE49-F238E27FC236}">
                <a16:creationId xmlns:a16="http://schemas.microsoft.com/office/drawing/2014/main" id="{A12C3E79-39D7-43B1-BB71-B5BFD1E561CC}"/>
              </a:ext>
            </a:extLst>
          </p:cNvPr>
          <p:cNvPicPr>
            <a:picLocks noChangeAspect="1"/>
          </p:cNvPicPr>
          <p:nvPr/>
        </p:nvPicPr>
        <p:blipFill>
          <a:blip r:embed="rId4">
            <a:extLst>
              <a:ext uri="{BEBA8EAE-BF5A-486C-A8C5-ECC9F3942E4B}">
                <a14:imgProps xmlns:a14="http://schemas.microsoft.com/office/drawing/2010/main">
                  <a14:imgLayer r:embed="rId5">
                    <a14:imgEffect>
                      <a14:artisticBlur radius="3"/>
                    </a14:imgEffect>
                  </a14:imgLayer>
                </a14:imgProps>
              </a:ext>
            </a:extLst>
          </a:blip>
          <a:stretch>
            <a:fillRect/>
          </a:stretch>
        </p:blipFill>
        <p:spPr>
          <a:xfrm>
            <a:off x="-1" y="0"/>
            <a:ext cx="9464597" cy="5143500"/>
          </a:xfrm>
          <a:prstGeom prst="rect">
            <a:avLst/>
          </a:prstGeom>
        </p:spPr>
      </p:pic>
      <p:sp>
        <p:nvSpPr>
          <p:cNvPr id="4" name="Google Shape;1218;p92"/>
          <p:cNvSpPr txBox="1">
            <a:spLocks noGrp="1"/>
          </p:cNvSpPr>
          <p:nvPr>
            <p:ph type="title"/>
          </p:nvPr>
        </p:nvSpPr>
        <p:spPr>
          <a:xfrm>
            <a:off x="1745679" y="1657893"/>
            <a:ext cx="5605147" cy="1098423"/>
          </a:xfrm>
          <a:prstGeom prst="roundRect">
            <a:avLst/>
          </a:prstGeom>
          <a:noFill/>
          <a:ln>
            <a:noFill/>
          </a:ln>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marL="0" lvl="0" indent="0" rtl="0">
              <a:spcBef>
                <a:spcPts val="0"/>
              </a:spcBef>
              <a:spcAft>
                <a:spcPts val="0"/>
              </a:spcAft>
              <a:buNone/>
            </a:pPr>
            <a:r>
              <a:rPr lang="id-ID" sz="3000" dirty="0">
                <a:solidFill>
                  <a:schemeClr val="bg1"/>
                </a:solidFill>
              </a:rPr>
              <a:t>Munculnya </a:t>
            </a:r>
            <a:br>
              <a:rPr lang="id-ID" sz="3000" dirty="0">
                <a:solidFill>
                  <a:schemeClr val="bg1"/>
                </a:solidFill>
              </a:rPr>
            </a:br>
            <a:r>
              <a:rPr lang="id-ID" sz="3000" dirty="0">
                <a:solidFill>
                  <a:schemeClr val="bg1"/>
                </a:solidFill>
              </a:rPr>
              <a:t>Paham-Paham Baru</a:t>
            </a:r>
            <a:endParaRPr sz="3000" dirty="0">
              <a:solidFill>
                <a:schemeClr val="bg1"/>
              </a:solidFill>
            </a:endParaRPr>
          </a:p>
        </p:txBody>
      </p:sp>
      <p:sp>
        <p:nvSpPr>
          <p:cNvPr id="5" name="Google Shape;1219;p92"/>
          <p:cNvSpPr txBox="1">
            <a:spLocks/>
          </p:cNvSpPr>
          <p:nvPr/>
        </p:nvSpPr>
        <p:spPr>
          <a:xfrm>
            <a:off x="3787858" y="658334"/>
            <a:ext cx="1525500" cy="930900"/>
          </a:xfrm>
          <a:prstGeom prst="roundRect">
            <a:avLst/>
          </a:prstGeom>
          <a:solidFill>
            <a:schemeClr val="accent2"/>
          </a:solidFill>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r"/>
            <a:r>
              <a:rPr lang="en" sz="8000" dirty="0">
                <a:solidFill>
                  <a:schemeClr val="bg1"/>
                </a:solidFill>
                <a:latin typeface="Chivo Black" charset="0"/>
                <a:ea typeface="Chivo Black" charset="0"/>
                <a:cs typeface="Chivo Black" charset="0"/>
              </a:rPr>
              <a:t>03</a:t>
            </a:r>
          </a:p>
        </p:txBody>
      </p:sp>
      <p:sp>
        <p:nvSpPr>
          <p:cNvPr id="6" name="Google Shape;1220;p92"/>
          <p:cNvSpPr txBox="1">
            <a:spLocks noGrp="1"/>
          </p:cNvSpPr>
          <p:nvPr>
            <p:ph type="subTitle" idx="1"/>
          </p:nvPr>
        </p:nvSpPr>
        <p:spPr>
          <a:xfrm>
            <a:off x="1911922" y="2785416"/>
            <a:ext cx="5123353" cy="836559"/>
          </a:xfrm>
          <a:prstGeom prst="roundRect">
            <a:avLst/>
          </a:prstGeom>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ctr" anchorCtr="0">
            <a:noAutofit/>
          </a:bodyPr>
          <a:lstStyle/>
          <a:p>
            <a:pPr marL="0" lvl="0" indent="0" rtl="0">
              <a:spcBef>
                <a:spcPts val="0"/>
              </a:spcBef>
              <a:spcAft>
                <a:spcPts val="0"/>
              </a:spcAft>
              <a:buNone/>
            </a:pPr>
            <a:r>
              <a:rPr lang="id-ID" sz="1400" dirty="0"/>
              <a:t>Muncul paham-paham baru yang mempengaruhi kehidupan masyarakat yaitu paham kapitalisme, sosialisme, dan imperialisme.</a:t>
            </a:r>
            <a:endParaRPr sz="1400" dirty="0"/>
          </a:p>
        </p:txBody>
      </p:sp>
      <p:sp>
        <p:nvSpPr>
          <p:cNvPr id="8" name="Action Button: Forward or Next 7">
            <a:hlinkClick r:id="rId6" action="ppaction://hlinksldjump" highlightClick="1"/>
          </p:cNvPr>
          <p:cNvSpPr/>
          <p:nvPr/>
        </p:nvSpPr>
        <p:spPr>
          <a:xfrm>
            <a:off x="5197199" y="4246060"/>
            <a:ext cx="599846"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9" name="Action Button: Back or Previous 8">
            <a:hlinkClick r:id="rId7" action="ppaction://hlinksldjump" highlightClick="1"/>
          </p:cNvPr>
          <p:cNvSpPr/>
          <p:nvPr/>
        </p:nvSpPr>
        <p:spPr>
          <a:xfrm>
            <a:off x="3259654" y="4246061"/>
            <a:ext cx="599847" cy="650404"/>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dirty="0"/>
          </a:p>
        </p:txBody>
      </p:sp>
      <p:sp>
        <p:nvSpPr>
          <p:cNvPr id="10" name="Action Button: Home 6">
            <a:hlinkClick r:id="rId8" action="ppaction://hlinksldjump" highlightClick="1"/>
            <a:extLst>
              <a:ext uri="{FF2B5EF4-FFF2-40B4-BE49-F238E27FC236}">
                <a16:creationId xmlns:a16="http://schemas.microsoft.com/office/drawing/2014/main" id="{FC2A9FAC-799C-47F7-9806-5EFC69702F66}"/>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extLst>
      <p:ext uri="{BB962C8B-B14F-4D97-AF65-F5344CB8AC3E}">
        <p14:creationId xmlns:p14="http://schemas.microsoft.com/office/powerpoint/2010/main" val="1750570554"/>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advClick="0">
        <p15:prstTrans prst="pageCurlDouble"/>
      </p:transition>
    </mc:Choice>
    <mc:Fallback xmlns="">
      <p:transition spd="slow" advClick="0">
        <p:fade/>
      </p:transition>
    </mc:Fallback>
  </mc:AlternateContent>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902"/>
        <p:cNvGrpSpPr/>
        <p:nvPr/>
      </p:nvGrpSpPr>
      <p:grpSpPr>
        <a:xfrm>
          <a:off x="0" y="0"/>
          <a:ext cx="0" cy="0"/>
          <a:chOff x="0" y="0"/>
          <a:chExt cx="0" cy="0"/>
        </a:xfrm>
      </p:grpSpPr>
      <p:pic>
        <p:nvPicPr>
          <p:cNvPr id="7" name="Picture 6">
            <a:extLst>
              <a:ext uri="{FF2B5EF4-FFF2-40B4-BE49-F238E27FC236}">
                <a16:creationId xmlns:a16="http://schemas.microsoft.com/office/drawing/2014/main" id="{F8313421-D09D-4DC4-92D2-033A1BB14DFD}"/>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903" name="Google Shape;903;p60"/>
          <p:cNvSpPr txBox="1">
            <a:spLocks noGrp="1"/>
          </p:cNvSpPr>
          <p:nvPr>
            <p:ph type="title"/>
          </p:nvPr>
        </p:nvSpPr>
        <p:spPr>
          <a:xfrm>
            <a:off x="1401287" y="1678500"/>
            <a:ext cx="6626431" cy="1352100"/>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lvl="0"/>
            <a:r>
              <a:rPr lang="id-ID" sz="3600" dirty="0"/>
              <a:t>Pengaruh Revolusi Industri </a:t>
            </a:r>
            <a:br>
              <a:rPr lang="id-ID" sz="3600" dirty="0"/>
            </a:br>
            <a:r>
              <a:rPr lang="id-ID" sz="3600" dirty="0"/>
              <a:t>bagi Indonesia</a:t>
            </a:r>
            <a:endParaRPr sz="3600" dirty="0"/>
          </a:p>
        </p:txBody>
      </p:sp>
      <p:sp>
        <p:nvSpPr>
          <p:cNvPr id="4" name="Action Button: Forward or Next 3">
            <a:hlinkClick r:id="rId6" action="ppaction://hlinksldjump" highlightClick="1"/>
          </p:cNvPr>
          <p:cNvSpPr/>
          <p:nvPr/>
        </p:nvSpPr>
        <p:spPr>
          <a:xfrm>
            <a:off x="5166850" y="4246061"/>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5" name="Action Button: Back or Previous 4">
            <a:hlinkClick r:id="rId7" action="ppaction://hlinksldjump" highlightClick="1"/>
          </p:cNvPr>
          <p:cNvSpPr/>
          <p:nvPr/>
        </p:nvSpPr>
        <p:spPr>
          <a:xfrm>
            <a:off x="3289088" y="4246061"/>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6" name="Action Button: Home 6">
            <a:hlinkClick r:id="rId8" action="ppaction://hlinksldjump" highlightClick="1"/>
            <a:extLst>
              <a:ext uri="{FF2B5EF4-FFF2-40B4-BE49-F238E27FC236}">
                <a16:creationId xmlns:a16="http://schemas.microsoft.com/office/drawing/2014/main" id="{EF173B92-8AC6-47CE-B471-AD80F9CD1B6F}"/>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p:transition spd="slow" advClick="0">
    <p:push dir="u"/>
  </p:transition>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983"/>
        <p:cNvGrpSpPr/>
        <p:nvPr/>
      </p:nvGrpSpPr>
      <p:grpSpPr>
        <a:xfrm>
          <a:off x="0" y="0"/>
          <a:ext cx="0" cy="0"/>
          <a:chOff x="0" y="0"/>
          <a:chExt cx="0" cy="0"/>
        </a:xfrm>
      </p:grpSpPr>
      <p:pic>
        <p:nvPicPr>
          <p:cNvPr id="40" name="Picture 39">
            <a:extLst>
              <a:ext uri="{FF2B5EF4-FFF2-40B4-BE49-F238E27FC236}">
                <a16:creationId xmlns:a16="http://schemas.microsoft.com/office/drawing/2014/main" id="{C929DBF2-0AB6-4B0B-88CB-BCCDC922A3CC}"/>
              </a:ext>
            </a:extLst>
          </p:cNvPr>
          <p:cNvPicPr>
            <a:picLocks noChangeAspect="1"/>
          </p:cNvPicPr>
          <p:nvPr/>
        </p:nvPicPr>
        <p:blipFill>
          <a:blip r:embed="rId4">
            <a:extLst>
              <a:ext uri="{BEBA8EAE-BF5A-486C-A8C5-ECC9F3942E4B}">
                <a14:imgProps xmlns:a14="http://schemas.microsoft.com/office/drawing/2010/main">
                  <a14:imgLayer r:embed="rId5">
                    <a14:imgEffect>
                      <a14:artisticBlur radius="3"/>
                    </a14:imgEffect>
                  </a14:imgLayer>
                </a14:imgProps>
              </a:ext>
            </a:extLst>
          </a:blip>
          <a:stretch>
            <a:fillRect/>
          </a:stretch>
        </p:blipFill>
        <p:spPr>
          <a:xfrm>
            <a:off x="-1" y="0"/>
            <a:ext cx="9464597" cy="5143500"/>
          </a:xfrm>
          <a:prstGeom prst="rect">
            <a:avLst/>
          </a:prstGeom>
        </p:spPr>
      </p:pic>
      <p:sp>
        <p:nvSpPr>
          <p:cNvPr id="984" name="Google Shape;984;p68"/>
          <p:cNvSpPr txBox="1">
            <a:spLocks noGrp="1"/>
          </p:cNvSpPr>
          <p:nvPr>
            <p:ph type="subTitle" idx="1"/>
          </p:nvPr>
        </p:nvSpPr>
        <p:spPr>
          <a:xfrm>
            <a:off x="684375" y="2320365"/>
            <a:ext cx="3319500" cy="1610370"/>
          </a:xfrm>
          <a:prstGeom prst="roundRect">
            <a:avLst/>
          </a:prstGeom>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ctr" anchorCtr="0">
            <a:noAutofit/>
          </a:bodyPr>
          <a:lstStyle/>
          <a:p>
            <a:pPr marL="0" lvl="0" indent="0"/>
            <a:r>
              <a:rPr lang="id-ID" dirty="0"/>
              <a:t>Awal abad XIX pemerintah kolonial Belanda telah mendirikan berbagai industri manufaktur di Indonesia yang sebagian besar memproduksi makanan, minuman, gula, dan tembakau</a:t>
            </a:r>
            <a:endParaRPr dirty="0"/>
          </a:p>
        </p:txBody>
      </p:sp>
      <p:sp>
        <p:nvSpPr>
          <p:cNvPr id="985" name="Google Shape;985;p68"/>
          <p:cNvSpPr txBox="1">
            <a:spLocks noGrp="1"/>
          </p:cNvSpPr>
          <p:nvPr>
            <p:ph type="subTitle" idx="2"/>
          </p:nvPr>
        </p:nvSpPr>
        <p:spPr>
          <a:xfrm>
            <a:off x="5104500" y="2320365"/>
            <a:ext cx="3319500" cy="1610369"/>
          </a:xfrm>
          <a:prstGeom prst="roundRect">
            <a:avLst/>
          </a:prstGeom>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ctr" anchorCtr="0">
            <a:noAutofit/>
          </a:bodyPr>
          <a:lstStyle/>
          <a:p>
            <a:pPr marL="0" lvl="0" indent="0"/>
            <a:r>
              <a:rPr lang="id-ID" dirty="0"/>
              <a:t>Selain itu, industri ekspor dan impor dari perkebunan besar dan pertambangan juga mengalami perkembangan.</a:t>
            </a:r>
            <a:endParaRPr dirty="0"/>
          </a:p>
        </p:txBody>
      </p:sp>
      <p:sp>
        <p:nvSpPr>
          <p:cNvPr id="986" name="Google Shape;986;p68"/>
          <p:cNvSpPr txBox="1">
            <a:spLocks noGrp="1"/>
          </p:cNvSpPr>
          <p:nvPr>
            <p:ph type="title"/>
          </p:nvPr>
        </p:nvSpPr>
        <p:spPr>
          <a:xfrm>
            <a:off x="2848708" y="523125"/>
            <a:ext cx="4876800" cy="482700"/>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marL="0" lvl="0" indent="0" algn="ctr" rtl="0">
              <a:spcBef>
                <a:spcPts val="0"/>
              </a:spcBef>
              <a:spcAft>
                <a:spcPts val="0"/>
              </a:spcAft>
              <a:buNone/>
            </a:pPr>
            <a:r>
              <a:rPr lang="id-ID" dirty="0"/>
              <a:t>Perkembangan Industri</a:t>
            </a:r>
            <a:endParaRPr dirty="0"/>
          </a:p>
        </p:txBody>
      </p:sp>
      <p:grpSp>
        <p:nvGrpSpPr>
          <p:cNvPr id="990" name="Google Shape;990;p68"/>
          <p:cNvGrpSpPr/>
          <p:nvPr/>
        </p:nvGrpSpPr>
        <p:grpSpPr>
          <a:xfrm>
            <a:off x="2004050" y="1447178"/>
            <a:ext cx="560545" cy="748034"/>
            <a:chOff x="2459275" y="1682825"/>
            <a:chExt cx="351880" cy="469575"/>
          </a:xfrm>
          <a:solidFill>
            <a:schemeClr val="accent2"/>
          </a:solidFill>
        </p:grpSpPr>
        <p:sp>
          <p:nvSpPr>
            <p:cNvPr id="991" name="Google Shape;991;p68"/>
            <p:cNvSpPr/>
            <p:nvPr/>
          </p:nvSpPr>
          <p:spPr>
            <a:xfrm>
              <a:off x="2459275" y="1942196"/>
              <a:ext cx="41308" cy="206452"/>
            </a:xfrm>
            <a:custGeom>
              <a:avLst/>
              <a:gdLst/>
              <a:ahLst/>
              <a:cxnLst/>
              <a:rect l="l" t="t" r="r" b="b"/>
              <a:pathLst>
                <a:path w="1387" h="6932" extrusionOk="0">
                  <a:moveTo>
                    <a:pt x="1008" y="1"/>
                  </a:moveTo>
                  <a:cubicBezTo>
                    <a:pt x="441" y="1"/>
                    <a:pt x="0" y="473"/>
                    <a:pt x="0" y="1040"/>
                  </a:cubicBezTo>
                  <a:lnTo>
                    <a:pt x="0" y="6585"/>
                  </a:lnTo>
                  <a:cubicBezTo>
                    <a:pt x="0" y="6774"/>
                    <a:pt x="158" y="6932"/>
                    <a:pt x="347" y="6932"/>
                  </a:cubicBezTo>
                  <a:lnTo>
                    <a:pt x="1386" y="6932"/>
                  </a:lnTo>
                  <a:lnTo>
                    <a:pt x="1386" y="4285"/>
                  </a:lnTo>
                  <a:lnTo>
                    <a:pt x="662" y="4285"/>
                  </a:lnTo>
                  <a:lnTo>
                    <a:pt x="662" y="3561"/>
                  </a:lnTo>
                  <a:lnTo>
                    <a:pt x="1386" y="3561"/>
                  </a:lnTo>
                  <a:lnTo>
                    <a:pt x="1386" y="2868"/>
                  </a:lnTo>
                  <a:lnTo>
                    <a:pt x="662" y="2868"/>
                  </a:lnTo>
                  <a:lnTo>
                    <a:pt x="662" y="2143"/>
                  </a:lnTo>
                  <a:lnTo>
                    <a:pt x="1386" y="2143"/>
                  </a:lnTo>
                  <a:lnTo>
                    <a:pt x="1386" y="1418"/>
                  </a:lnTo>
                  <a:lnTo>
                    <a:pt x="662" y="1418"/>
                  </a:lnTo>
                  <a:lnTo>
                    <a:pt x="662" y="1072"/>
                  </a:lnTo>
                  <a:cubicBezTo>
                    <a:pt x="662" y="883"/>
                    <a:pt x="819" y="725"/>
                    <a:pt x="1008" y="725"/>
                  </a:cubicBezTo>
                  <a:lnTo>
                    <a:pt x="1386" y="725"/>
                  </a:lnTo>
                  <a:lnTo>
                    <a:pt x="1386" y="1"/>
                  </a:ln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92" name="Google Shape;992;p68"/>
            <p:cNvSpPr/>
            <p:nvPr/>
          </p:nvSpPr>
          <p:spPr>
            <a:xfrm>
              <a:off x="2769847" y="1945026"/>
              <a:ext cx="41308" cy="206452"/>
            </a:xfrm>
            <a:custGeom>
              <a:avLst/>
              <a:gdLst/>
              <a:ahLst/>
              <a:cxnLst/>
              <a:rect l="l" t="t" r="r" b="b"/>
              <a:pathLst>
                <a:path w="1387" h="6932" extrusionOk="0">
                  <a:moveTo>
                    <a:pt x="0" y="0"/>
                  </a:moveTo>
                  <a:lnTo>
                    <a:pt x="0" y="725"/>
                  </a:lnTo>
                  <a:lnTo>
                    <a:pt x="347" y="725"/>
                  </a:lnTo>
                  <a:cubicBezTo>
                    <a:pt x="568" y="725"/>
                    <a:pt x="725" y="882"/>
                    <a:pt x="725" y="1071"/>
                  </a:cubicBezTo>
                  <a:lnTo>
                    <a:pt x="725" y="1418"/>
                  </a:lnTo>
                  <a:lnTo>
                    <a:pt x="0" y="1418"/>
                  </a:lnTo>
                  <a:lnTo>
                    <a:pt x="0" y="2143"/>
                  </a:lnTo>
                  <a:lnTo>
                    <a:pt x="725" y="2143"/>
                  </a:lnTo>
                  <a:lnTo>
                    <a:pt x="725" y="2836"/>
                  </a:lnTo>
                  <a:lnTo>
                    <a:pt x="0" y="2836"/>
                  </a:lnTo>
                  <a:lnTo>
                    <a:pt x="0" y="3560"/>
                  </a:lnTo>
                  <a:lnTo>
                    <a:pt x="725" y="3560"/>
                  </a:lnTo>
                  <a:lnTo>
                    <a:pt x="725" y="4253"/>
                  </a:lnTo>
                  <a:lnTo>
                    <a:pt x="0" y="4253"/>
                  </a:lnTo>
                  <a:lnTo>
                    <a:pt x="0" y="6931"/>
                  </a:lnTo>
                  <a:lnTo>
                    <a:pt x="1040" y="6931"/>
                  </a:lnTo>
                  <a:cubicBezTo>
                    <a:pt x="1229" y="6931"/>
                    <a:pt x="1387" y="6774"/>
                    <a:pt x="1387" y="6585"/>
                  </a:cubicBezTo>
                  <a:lnTo>
                    <a:pt x="1387" y="1040"/>
                  </a:lnTo>
                  <a:cubicBezTo>
                    <a:pt x="1387" y="441"/>
                    <a:pt x="914" y="0"/>
                    <a:pt x="347" y="0"/>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93" name="Google Shape;993;p68"/>
            <p:cNvSpPr/>
            <p:nvPr/>
          </p:nvSpPr>
          <p:spPr>
            <a:xfrm>
              <a:off x="2522150" y="1682825"/>
              <a:ext cx="227996" cy="469575"/>
            </a:xfrm>
            <a:custGeom>
              <a:avLst/>
              <a:gdLst/>
              <a:ahLst/>
              <a:cxnLst/>
              <a:rect l="l" t="t" r="r" b="b"/>
              <a:pathLst>
                <a:path w="7656" h="11846" extrusionOk="0">
                  <a:moveTo>
                    <a:pt x="5545" y="662"/>
                  </a:moveTo>
                  <a:lnTo>
                    <a:pt x="5545" y="1764"/>
                  </a:lnTo>
                  <a:lnTo>
                    <a:pt x="5545" y="4222"/>
                  </a:lnTo>
                  <a:lnTo>
                    <a:pt x="2079" y="4222"/>
                  </a:lnTo>
                  <a:lnTo>
                    <a:pt x="2079" y="1764"/>
                  </a:lnTo>
                  <a:lnTo>
                    <a:pt x="2079" y="662"/>
                  </a:lnTo>
                  <a:close/>
                  <a:moveTo>
                    <a:pt x="3434" y="4883"/>
                  </a:moveTo>
                  <a:lnTo>
                    <a:pt x="3434" y="5608"/>
                  </a:lnTo>
                  <a:lnTo>
                    <a:pt x="2079" y="5608"/>
                  </a:lnTo>
                  <a:lnTo>
                    <a:pt x="2079" y="4883"/>
                  </a:lnTo>
                  <a:close/>
                  <a:moveTo>
                    <a:pt x="5513" y="4883"/>
                  </a:moveTo>
                  <a:lnTo>
                    <a:pt x="5513" y="5608"/>
                  </a:lnTo>
                  <a:lnTo>
                    <a:pt x="4159" y="5608"/>
                  </a:lnTo>
                  <a:lnTo>
                    <a:pt x="4159" y="4883"/>
                  </a:lnTo>
                  <a:close/>
                  <a:moveTo>
                    <a:pt x="3434" y="6301"/>
                  </a:moveTo>
                  <a:lnTo>
                    <a:pt x="3434" y="7026"/>
                  </a:lnTo>
                  <a:lnTo>
                    <a:pt x="2079" y="7026"/>
                  </a:lnTo>
                  <a:lnTo>
                    <a:pt x="2079" y="6301"/>
                  </a:lnTo>
                  <a:close/>
                  <a:moveTo>
                    <a:pt x="5513" y="6301"/>
                  </a:moveTo>
                  <a:lnTo>
                    <a:pt x="5513" y="7026"/>
                  </a:lnTo>
                  <a:lnTo>
                    <a:pt x="4159" y="7026"/>
                  </a:lnTo>
                  <a:lnTo>
                    <a:pt x="4159" y="6301"/>
                  </a:lnTo>
                  <a:close/>
                  <a:moveTo>
                    <a:pt x="3434" y="7687"/>
                  </a:moveTo>
                  <a:lnTo>
                    <a:pt x="3434" y="8380"/>
                  </a:lnTo>
                  <a:lnTo>
                    <a:pt x="2079" y="8380"/>
                  </a:lnTo>
                  <a:lnTo>
                    <a:pt x="2079" y="7687"/>
                  </a:lnTo>
                  <a:close/>
                  <a:moveTo>
                    <a:pt x="5513" y="7687"/>
                  </a:moveTo>
                  <a:lnTo>
                    <a:pt x="5513" y="8380"/>
                  </a:lnTo>
                  <a:lnTo>
                    <a:pt x="4159" y="8380"/>
                  </a:lnTo>
                  <a:lnTo>
                    <a:pt x="4159" y="7687"/>
                  </a:lnTo>
                  <a:close/>
                  <a:moveTo>
                    <a:pt x="1733" y="0"/>
                  </a:moveTo>
                  <a:cubicBezTo>
                    <a:pt x="1544" y="0"/>
                    <a:pt x="1386" y="158"/>
                    <a:pt x="1386" y="347"/>
                  </a:cubicBezTo>
                  <a:lnTo>
                    <a:pt x="1386" y="1449"/>
                  </a:lnTo>
                  <a:lnTo>
                    <a:pt x="1040" y="1449"/>
                  </a:lnTo>
                  <a:cubicBezTo>
                    <a:pt x="441" y="1449"/>
                    <a:pt x="0" y="1922"/>
                    <a:pt x="0" y="2489"/>
                  </a:cubicBezTo>
                  <a:lnTo>
                    <a:pt x="0" y="11846"/>
                  </a:lnTo>
                  <a:lnTo>
                    <a:pt x="2804" y="11846"/>
                  </a:lnTo>
                  <a:lnTo>
                    <a:pt x="2804" y="10491"/>
                  </a:lnTo>
                  <a:lnTo>
                    <a:pt x="4883" y="10491"/>
                  </a:lnTo>
                  <a:cubicBezTo>
                    <a:pt x="4852" y="10586"/>
                    <a:pt x="4852" y="11688"/>
                    <a:pt x="4852" y="11846"/>
                  </a:cubicBezTo>
                  <a:lnTo>
                    <a:pt x="7656" y="11846"/>
                  </a:lnTo>
                  <a:lnTo>
                    <a:pt x="7656" y="2489"/>
                  </a:lnTo>
                  <a:cubicBezTo>
                    <a:pt x="7656" y="1890"/>
                    <a:pt x="7183" y="1449"/>
                    <a:pt x="6616" y="1449"/>
                  </a:cubicBezTo>
                  <a:lnTo>
                    <a:pt x="6270" y="1449"/>
                  </a:lnTo>
                  <a:lnTo>
                    <a:pt x="6270" y="347"/>
                  </a:lnTo>
                  <a:cubicBezTo>
                    <a:pt x="6270" y="158"/>
                    <a:pt x="6112" y="0"/>
                    <a:pt x="5923" y="0"/>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94" name="Google Shape;994;p68"/>
            <p:cNvSpPr/>
            <p:nvPr/>
          </p:nvSpPr>
          <p:spPr>
            <a:xfrm>
              <a:off x="2565598" y="1693996"/>
              <a:ext cx="135300" cy="170400"/>
            </a:xfrm>
            <a:prstGeom prst="rect">
              <a:avLst/>
            </a:pr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3" name="Google Shape;1296;p98">
            <a:hlinkClick r:id="rId6" action="ppaction://hlinksldjump"/>
          </p:cNvPr>
          <p:cNvSpPr/>
          <p:nvPr/>
        </p:nvSpPr>
        <p:spPr>
          <a:xfrm>
            <a:off x="1894879" y="316075"/>
            <a:ext cx="831600" cy="831600"/>
          </a:xfrm>
          <a:prstGeom prst="ellipse">
            <a:avLst/>
          </a:prstGeom>
          <a:solidFill>
            <a:schemeClr val="lt1"/>
          </a:solidFill>
          <a:ln w="19050" cap="flat" cmpd="sng">
            <a:solidFill>
              <a:schemeClr val="dk1"/>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3000" b="1">
              <a:solidFill>
                <a:srgbClr val="E08D86"/>
              </a:solidFill>
              <a:latin typeface="Scope One"/>
              <a:ea typeface="Scope One"/>
              <a:cs typeface="Scope One"/>
              <a:sym typeface="Scope One"/>
            </a:endParaRPr>
          </a:p>
        </p:txBody>
      </p:sp>
      <p:grpSp>
        <p:nvGrpSpPr>
          <p:cNvPr id="25" name="Google Shape;6936;p130"/>
          <p:cNvGrpSpPr/>
          <p:nvPr/>
        </p:nvGrpSpPr>
        <p:grpSpPr>
          <a:xfrm>
            <a:off x="6334091" y="1512839"/>
            <a:ext cx="791812" cy="742057"/>
            <a:chOff x="-62890750" y="3747425"/>
            <a:chExt cx="330825" cy="317900"/>
          </a:xfrm>
          <a:solidFill>
            <a:schemeClr val="accent2"/>
          </a:solidFill>
        </p:grpSpPr>
        <p:sp>
          <p:nvSpPr>
            <p:cNvPr id="26" name="Google Shape;6937;p130"/>
            <p:cNvSpPr/>
            <p:nvPr/>
          </p:nvSpPr>
          <p:spPr>
            <a:xfrm>
              <a:off x="-62890750" y="3747425"/>
              <a:ext cx="313500" cy="195825"/>
            </a:xfrm>
            <a:custGeom>
              <a:avLst/>
              <a:gdLst/>
              <a:ahLst/>
              <a:cxnLst/>
              <a:rect l="l" t="t" r="r" b="b"/>
              <a:pathLst>
                <a:path w="12540" h="7833" extrusionOk="0">
                  <a:moveTo>
                    <a:pt x="6591" y="0"/>
                  </a:moveTo>
                  <a:cubicBezTo>
                    <a:pt x="4966" y="0"/>
                    <a:pt x="3342" y="616"/>
                    <a:pt x="2112" y="1846"/>
                  </a:cubicBezTo>
                  <a:cubicBezTo>
                    <a:pt x="663" y="3296"/>
                    <a:pt x="1" y="5438"/>
                    <a:pt x="379" y="7454"/>
                  </a:cubicBezTo>
                  <a:cubicBezTo>
                    <a:pt x="442" y="7675"/>
                    <a:pt x="568" y="7832"/>
                    <a:pt x="789" y="7832"/>
                  </a:cubicBezTo>
                  <a:lnTo>
                    <a:pt x="852" y="7832"/>
                  </a:lnTo>
                  <a:cubicBezTo>
                    <a:pt x="1104" y="7801"/>
                    <a:pt x="1198" y="7549"/>
                    <a:pt x="1167" y="7360"/>
                  </a:cubicBezTo>
                  <a:cubicBezTo>
                    <a:pt x="852" y="5596"/>
                    <a:pt x="1419" y="3737"/>
                    <a:pt x="2710" y="2477"/>
                  </a:cubicBezTo>
                  <a:cubicBezTo>
                    <a:pt x="3719" y="1437"/>
                    <a:pt x="5136" y="870"/>
                    <a:pt x="6617" y="870"/>
                  </a:cubicBezTo>
                  <a:cubicBezTo>
                    <a:pt x="7940" y="870"/>
                    <a:pt x="9200" y="1342"/>
                    <a:pt x="10177" y="2193"/>
                  </a:cubicBezTo>
                  <a:lnTo>
                    <a:pt x="9610" y="2792"/>
                  </a:lnTo>
                  <a:cubicBezTo>
                    <a:pt x="9484" y="2918"/>
                    <a:pt x="9452" y="3075"/>
                    <a:pt x="9484" y="3170"/>
                  </a:cubicBezTo>
                  <a:cubicBezTo>
                    <a:pt x="9515" y="3327"/>
                    <a:pt x="9641" y="3422"/>
                    <a:pt x="9799" y="3453"/>
                  </a:cubicBezTo>
                  <a:lnTo>
                    <a:pt x="12036" y="3926"/>
                  </a:lnTo>
                  <a:lnTo>
                    <a:pt x="12130" y="3926"/>
                  </a:lnTo>
                  <a:cubicBezTo>
                    <a:pt x="12225" y="3926"/>
                    <a:pt x="12319" y="3894"/>
                    <a:pt x="12382" y="3800"/>
                  </a:cubicBezTo>
                  <a:cubicBezTo>
                    <a:pt x="12508" y="3674"/>
                    <a:pt x="12540" y="3579"/>
                    <a:pt x="12508" y="3422"/>
                  </a:cubicBezTo>
                  <a:lnTo>
                    <a:pt x="12036" y="1153"/>
                  </a:lnTo>
                  <a:cubicBezTo>
                    <a:pt x="12004" y="1027"/>
                    <a:pt x="11878" y="901"/>
                    <a:pt x="11752" y="838"/>
                  </a:cubicBezTo>
                  <a:cubicBezTo>
                    <a:pt x="11715" y="831"/>
                    <a:pt x="11678" y="827"/>
                    <a:pt x="11642" y="827"/>
                  </a:cubicBezTo>
                  <a:cubicBezTo>
                    <a:pt x="11526" y="827"/>
                    <a:pt x="11422" y="868"/>
                    <a:pt x="11374" y="964"/>
                  </a:cubicBezTo>
                  <a:lnTo>
                    <a:pt x="10776" y="1563"/>
                  </a:lnTo>
                  <a:cubicBezTo>
                    <a:pt x="9583" y="521"/>
                    <a:pt x="8087" y="0"/>
                    <a:pt x="6591" y="0"/>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7" name="Google Shape;6938;p130"/>
            <p:cNvSpPr/>
            <p:nvPr/>
          </p:nvSpPr>
          <p:spPr>
            <a:xfrm>
              <a:off x="-62874975" y="3869075"/>
              <a:ext cx="315050" cy="196250"/>
            </a:xfrm>
            <a:custGeom>
              <a:avLst/>
              <a:gdLst/>
              <a:ahLst/>
              <a:cxnLst/>
              <a:rect l="l" t="t" r="r" b="b"/>
              <a:pathLst>
                <a:path w="12602" h="7850" extrusionOk="0">
                  <a:moveTo>
                    <a:pt x="11779" y="0"/>
                  </a:moveTo>
                  <a:cubicBezTo>
                    <a:pt x="11759" y="0"/>
                    <a:pt x="11739" y="2"/>
                    <a:pt x="11720" y="5"/>
                  </a:cubicBezTo>
                  <a:cubicBezTo>
                    <a:pt x="11499" y="36"/>
                    <a:pt x="11373" y="288"/>
                    <a:pt x="11405" y="477"/>
                  </a:cubicBezTo>
                  <a:cubicBezTo>
                    <a:pt x="11720" y="2242"/>
                    <a:pt x="11184" y="4101"/>
                    <a:pt x="9861" y="5361"/>
                  </a:cubicBezTo>
                  <a:cubicBezTo>
                    <a:pt x="8853" y="6400"/>
                    <a:pt x="7435" y="6967"/>
                    <a:pt x="5986" y="6967"/>
                  </a:cubicBezTo>
                  <a:cubicBezTo>
                    <a:pt x="4631" y="6967"/>
                    <a:pt x="3371" y="6495"/>
                    <a:pt x="2394" y="5644"/>
                  </a:cubicBezTo>
                  <a:lnTo>
                    <a:pt x="2993" y="5046"/>
                  </a:lnTo>
                  <a:cubicBezTo>
                    <a:pt x="3088" y="4920"/>
                    <a:pt x="3151" y="4762"/>
                    <a:pt x="3088" y="4668"/>
                  </a:cubicBezTo>
                  <a:cubicBezTo>
                    <a:pt x="3056" y="4510"/>
                    <a:pt x="2962" y="4416"/>
                    <a:pt x="2772" y="4384"/>
                  </a:cubicBezTo>
                  <a:lnTo>
                    <a:pt x="536" y="3912"/>
                  </a:lnTo>
                  <a:cubicBezTo>
                    <a:pt x="498" y="3904"/>
                    <a:pt x="465" y="3900"/>
                    <a:pt x="433" y="3900"/>
                  </a:cubicBezTo>
                  <a:cubicBezTo>
                    <a:pt x="332" y="3900"/>
                    <a:pt x="254" y="3941"/>
                    <a:pt x="158" y="4038"/>
                  </a:cubicBezTo>
                  <a:cubicBezTo>
                    <a:pt x="32" y="4132"/>
                    <a:pt x="0" y="4258"/>
                    <a:pt x="32" y="4416"/>
                  </a:cubicBezTo>
                  <a:lnTo>
                    <a:pt x="504" y="6652"/>
                  </a:lnTo>
                  <a:cubicBezTo>
                    <a:pt x="536" y="6810"/>
                    <a:pt x="662" y="6936"/>
                    <a:pt x="788" y="6967"/>
                  </a:cubicBezTo>
                  <a:lnTo>
                    <a:pt x="882" y="6967"/>
                  </a:lnTo>
                  <a:cubicBezTo>
                    <a:pt x="1008" y="6967"/>
                    <a:pt x="1103" y="6936"/>
                    <a:pt x="1166" y="6873"/>
                  </a:cubicBezTo>
                  <a:lnTo>
                    <a:pt x="1764" y="6274"/>
                  </a:lnTo>
                  <a:cubicBezTo>
                    <a:pt x="2930" y="7346"/>
                    <a:pt x="4442" y="7850"/>
                    <a:pt x="5923" y="7850"/>
                  </a:cubicBezTo>
                  <a:cubicBezTo>
                    <a:pt x="7561" y="7850"/>
                    <a:pt x="9168" y="7220"/>
                    <a:pt x="10428" y="5991"/>
                  </a:cubicBezTo>
                  <a:cubicBezTo>
                    <a:pt x="11909" y="4510"/>
                    <a:pt x="12602" y="2368"/>
                    <a:pt x="12192" y="320"/>
                  </a:cubicBezTo>
                  <a:cubicBezTo>
                    <a:pt x="12164" y="122"/>
                    <a:pt x="11958" y="0"/>
                    <a:pt x="11779" y="0"/>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8" name="Google Shape;6939;p130"/>
            <p:cNvSpPr/>
            <p:nvPr/>
          </p:nvSpPr>
          <p:spPr>
            <a:xfrm>
              <a:off x="-62751325" y="3834525"/>
              <a:ext cx="15775" cy="26800"/>
            </a:xfrm>
            <a:custGeom>
              <a:avLst/>
              <a:gdLst/>
              <a:ahLst/>
              <a:cxnLst/>
              <a:rect l="l" t="t" r="r" b="b"/>
              <a:pathLst>
                <a:path w="631" h="1072" extrusionOk="0">
                  <a:moveTo>
                    <a:pt x="630" y="1"/>
                  </a:moveTo>
                  <a:cubicBezTo>
                    <a:pt x="410" y="221"/>
                    <a:pt x="158" y="599"/>
                    <a:pt x="0" y="1072"/>
                  </a:cubicBezTo>
                  <a:lnTo>
                    <a:pt x="630" y="1072"/>
                  </a:lnTo>
                  <a:lnTo>
                    <a:pt x="630" y="1"/>
                  </a:ln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29" name="Google Shape;6940;p130"/>
            <p:cNvSpPr/>
            <p:nvPr/>
          </p:nvSpPr>
          <p:spPr>
            <a:xfrm>
              <a:off x="-62715100" y="3950300"/>
              <a:ext cx="15775" cy="26025"/>
            </a:xfrm>
            <a:custGeom>
              <a:avLst/>
              <a:gdLst/>
              <a:ahLst/>
              <a:cxnLst/>
              <a:rect l="l" t="t" r="r" b="b"/>
              <a:pathLst>
                <a:path w="631" h="1041" extrusionOk="0">
                  <a:moveTo>
                    <a:pt x="1" y="1"/>
                  </a:moveTo>
                  <a:lnTo>
                    <a:pt x="1" y="1041"/>
                  </a:lnTo>
                  <a:cubicBezTo>
                    <a:pt x="253" y="852"/>
                    <a:pt x="473" y="473"/>
                    <a:pt x="631" y="1"/>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0" name="Google Shape;6941;p130"/>
            <p:cNvSpPr/>
            <p:nvPr/>
          </p:nvSpPr>
          <p:spPr>
            <a:xfrm>
              <a:off x="-62751325" y="3950300"/>
              <a:ext cx="15775" cy="26025"/>
            </a:xfrm>
            <a:custGeom>
              <a:avLst/>
              <a:gdLst/>
              <a:ahLst/>
              <a:cxnLst/>
              <a:rect l="l" t="t" r="r" b="b"/>
              <a:pathLst>
                <a:path w="631" h="1041" extrusionOk="0">
                  <a:moveTo>
                    <a:pt x="0" y="1"/>
                  </a:moveTo>
                  <a:cubicBezTo>
                    <a:pt x="158" y="473"/>
                    <a:pt x="410" y="852"/>
                    <a:pt x="630" y="1041"/>
                  </a:cubicBezTo>
                  <a:lnTo>
                    <a:pt x="630" y="1"/>
                  </a:ln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1" name="Google Shape;6942;p130"/>
            <p:cNvSpPr/>
            <p:nvPr/>
          </p:nvSpPr>
          <p:spPr>
            <a:xfrm>
              <a:off x="-62822225" y="3881000"/>
              <a:ext cx="44125" cy="48075"/>
            </a:xfrm>
            <a:custGeom>
              <a:avLst/>
              <a:gdLst/>
              <a:ahLst/>
              <a:cxnLst/>
              <a:rect l="l" t="t" r="r" b="b"/>
              <a:pathLst>
                <a:path w="1765" h="1923" extrusionOk="0">
                  <a:moveTo>
                    <a:pt x="127" y="0"/>
                  </a:moveTo>
                  <a:cubicBezTo>
                    <a:pt x="32" y="316"/>
                    <a:pt x="1" y="631"/>
                    <a:pt x="1" y="977"/>
                  </a:cubicBezTo>
                  <a:cubicBezTo>
                    <a:pt x="1" y="1324"/>
                    <a:pt x="32" y="1670"/>
                    <a:pt x="127" y="1922"/>
                  </a:cubicBezTo>
                  <a:lnTo>
                    <a:pt x="1765" y="1922"/>
                  </a:lnTo>
                  <a:cubicBezTo>
                    <a:pt x="1734" y="1607"/>
                    <a:pt x="1702" y="1292"/>
                    <a:pt x="1702" y="977"/>
                  </a:cubicBezTo>
                  <a:cubicBezTo>
                    <a:pt x="1702" y="662"/>
                    <a:pt x="1734" y="316"/>
                    <a:pt x="1765" y="0"/>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2" name="Google Shape;6943;p130"/>
            <p:cNvSpPr/>
            <p:nvPr/>
          </p:nvSpPr>
          <p:spPr>
            <a:xfrm>
              <a:off x="-62715100" y="3833750"/>
              <a:ext cx="15775" cy="26800"/>
            </a:xfrm>
            <a:custGeom>
              <a:avLst/>
              <a:gdLst/>
              <a:ahLst/>
              <a:cxnLst/>
              <a:rect l="l" t="t" r="r" b="b"/>
              <a:pathLst>
                <a:path w="631" h="1072" extrusionOk="0">
                  <a:moveTo>
                    <a:pt x="1" y="0"/>
                  </a:moveTo>
                  <a:lnTo>
                    <a:pt x="1" y="1071"/>
                  </a:lnTo>
                  <a:lnTo>
                    <a:pt x="631" y="1071"/>
                  </a:lnTo>
                  <a:cubicBezTo>
                    <a:pt x="505" y="599"/>
                    <a:pt x="253" y="189"/>
                    <a:pt x="1" y="0"/>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3" name="Google Shape;6944;p130"/>
            <p:cNvSpPr/>
            <p:nvPr/>
          </p:nvSpPr>
          <p:spPr>
            <a:xfrm>
              <a:off x="-62758425" y="3881000"/>
              <a:ext cx="22875" cy="48075"/>
            </a:xfrm>
            <a:custGeom>
              <a:avLst/>
              <a:gdLst/>
              <a:ahLst/>
              <a:cxnLst/>
              <a:rect l="l" t="t" r="r" b="b"/>
              <a:pathLst>
                <a:path w="915" h="1923" extrusionOk="0">
                  <a:moveTo>
                    <a:pt x="95" y="0"/>
                  </a:moveTo>
                  <a:cubicBezTo>
                    <a:pt x="64" y="316"/>
                    <a:pt x="1" y="631"/>
                    <a:pt x="1" y="977"/>
                  </a:cubicBezTo>
                  <a:cubicBezTo>
                    <a:pt x="1" y="1324"/>
                    <a:pt x="64" y="1670"/>
                    <a:pt x="95" y="1922"/>
                  </a:cubicBezTo>
                  <a:lnTo>
                    <a:pt x="914" y="1922"/>
                  </a:lnTo>
                  <a:lnTo>
                    <a:pt x="914" y="0"/>
                  </a:ln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4" name="Google Shape;6945;p130"/>
            <p:cNvSpPr/>
            <p:nvPr/>
          </p:nvSpPr>
          <p:spPr>
            <a:xfrm>
              <a:off x="-62715100" y="3809325"/>
              <a:ext cx="74850" cy="51225"/>
            </a:xfrm>
            <a:custGeom>
              <a:avLst/>
              <a:gdLst/>
              <a:ahLst/>
              <a:cxnLst/>
              <a:rect l="l" t="t" r="r" b="b"/>
              <a:pathLst>
                <a:path w="2994" h="2049" extrusionOk="0">
                  <a:moveTo>
                    <a:pt x="1" y="1"/>
                  </a:moveTo>
                  <a:lnTo>
                    <a:pt x="1" y="32"/>
                  </a:lnTo>
                  <a:cubicBezTo>
                    <a:pt x="631" y="253"/>
                    <a:pt x="1198" y="1009"/>
                    <a:pt x="1481" y="2048"/>
                  </a:cubicBezTo>
                  <a:lnTo>
                    <a:pt x="2994" y="2048"/>
                  </a:lnTo>
                  <a:cubicBezTo>
                    <a:pt x="2426" y="946"/>
                    <a:pt x="1324" y="158"/>
                    <a:pt x="1" y="1"/>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5" name="Google Shape;6946;p130"/>
            <p:cNvSpPr/>
            <p:nvPr/>
          </p:nvSpPr>
          <p:spPr>
            <a:xfrm>
              <a:off x="-62715875" y="3950300"/>
              <a:ext cx="75625" cy="51225"/>
            </a:xfrm>
            <a:custGeom>
              <a:avLst/>
              <a:gdLst/>
              <a:ahLst/>
              <a:cxnLst/>
              <a:rect l="l" t="t" r="r" b="b"/>
              <a:pathLst>
                <a:path w="3025" h="2049" extrusionOk="0">
                  <a:moveTo>
                    <a:pt x="1512" y="1"/>
                  </a:moveTo>
                  <a:cubicBezTo>
                    <a:pt x="1229" y="1009"/>
                    <a:pt x="662" y="1765"/>
                    <a:pt x="0" y="1986"/>
                  </a:cubicBezTo>
                  <a:lnTo>
                    <a:pt x="0" y="2049"/>
                  </a:lnTo>
                  <a:lnTo>
                    <a:pt x="32" y="2049"/>
                  </a:lnTo>
                  <a:cubicBezTo>
                    <a:pt x="1355" y="1891"/>
                    <a:pt x="2457" y="1104"/>
                    <a:pt x="3025" y="1"/>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6" name="Google Shape;6947;p130"/>
            <p:cNvSpPr/>
            <p:nvPr/>
          </p:nvSpPr>
          <p:spPr>
            <a:xfrm>
              <a:off x="-62811200" y="3949525"/>
              <a:ext cx="75650" cy="52000"/>
            </a:xfrm>
            <a:custGeom>
              <a:avLst/>
              <a:gdLst/>
              <a:ahLst/>
              <a:cxnLst/>
              <a:rect l="l" t="t" r="r" b="b"/>
              <a:pathLst>
                <a:path w="3026" h="2080" extrusionOk="0">
                  <a:moveTo>
                    <a:pt x="1" y="0"/>
                  </a:moveTo>
                  <a:cubicBezTo>
                    <a:pt x="600" y="1166"/>
                    <a:pt x="1702" y="1954"/>
                    <a:pt x="3025" y="2080"/>
                  </a:cubicBezTo>
                  <a:lnTo>
                    <a:pt x="3025" y="2017"/>
                  </a:lnTo>
                  <a:cubicBezTo>
                    <a:pt x="2364" y="1796"/>
                    <a:pt x="1860" y="1040"/>
                    <a:pt x="1545" y="0"/>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7" name="Google Shape;6948;p130"/>
            <p:cNvSpPr/>
            <p:nvPr/>
          </p:nvSpPr>
          <p:spPr>
            <a:xfrm>
              <a:off x="-62673350" y="3881000"/>
              <a:ext cx="44125" cy="48075"/>
            </a:xfrm>
            <a:custGeom>
              <a:avLst/>
              <a:gdLst/>
              <a:ahLst/>
              <a:cxnLst/>
              <a:rect l="l" t="t" r="r" b="b"/>
              <a:pathLst>
                <a:path w="1765" h="1923" extrusionOk="0">
                  <a:moveTo>
                    <a:pt x="0" y="0"/>
                  </a:moveTo>
                  <a:cubicBezTo>
                    <a:pt x="32" y="316"/>
                    <a:pt x="63" y="631"/>
                    <a:pt x="63" y="977"/>
                  </a:cubicBezTo>
                  <a:cubicBezTo>
                    <a:pt x="63" y="1324"/>
                    <a:pt x="32" y="1670"/>
                    <a:pt x="0" y="1922"/>
                  </a:cubicBezTo>
                  <a:lnTo>
                    <a:pt x="1639" y="1922"/>
                  </a:lnTo>
                  <a:cubicBezTo>
                    <a:pt x="1733" y="1670"/>
                    <a:pt x="1765" y="1292"/>
                    <a:pt x="1765" y="977"/>
                  </a:cubicBezTo>
                  <a:cubicBezTo>
                    <a:pt x="1765" y="662"/>
                    <a:pt x="1733" y="316"/>
                    <a:pt x="1639" y="0"/>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8" name="Google Shape;6949;p130"/>
            <p:cNvSpPr/>
            <p:nvPr/>
          </p:nvSpPr>
          <p:spPr>
            <a:xfrm>
              <a:off x="-62810400" y="3810125"/>
              <a:ext cx="75625" cy="51200"/>
            </a:xfrm>
            <a:custGeom>
              <a:avLst/>
              <a:gdLst/>
              <a:ahLst/>
              <a:cxnLst/>
              <a:rect l="l" t="t" r="r" b="b"/>
              <a:pathLst>
                <a:path w="3025" h="2048" extrusionOk="0">
                  <a:moveTo>
                    <a:pt x="2993" y="0"/>
                  </a:moveTo>
                  <a:cubicBezTo>
                    <a:pt x="1702" y="158"/>
                    <a:pt x="599" y="945"/>
                    <a:pt x="0" y="2048"/>
                  </a:cubicBezTo>
                  <a:lnTo>
                    <a:pt x="1544" y="2048"/>
                  </a:lnTo>
                  <a:cubicBezTo>
                    <a:pt x="1828" y="1008"/>
                    <a:pt x="2363" y="284"/>
                    <a:pt x="3025" y="32"/>
                  </a:cubicBezTo>
                  <a:lnTo>
                    <a:pt x="3025" y="0"/>
                  </a:ln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39" name="Google Shape;6950;p130"/>
            <p:cNvSpPr/>
            <p:nvPr/>
          </p:nvSpPr>
          <p:spPr>
            <a:xfrm>
              <a:off x="-62715100" y="3881000"/>
              <a:ext cx="22850" cy="48075"/>
            </a:xfrm>
            <a:custGeom>
              <a:avLst/>
              <a:gdLst/>
              <a:ahLst/>
              <a:cxnLst/>
              <a:rect l="l" t="t" r="r" b="b"/>
              <a:pathLst>
                <a:path w="914" h="1923" extrusionOk="0">
                  <a:moveTo>
                    <a:pt x="1" y="0"/>
                  </a:moveTo>
                  <a:lnTo>
                    <a:pt x="1" y="1922"/>
                  </a:lnTo>
                  <a:lnTo>
                    <a:pt x="851" y="1922"/>
                  </a:lnTo>
                  <a:cubicBezTo>
                    <a:pt x="883" y="1607"/>
                    <a:pt x="914" y="1292"/>
                    <a:pt x="914" y="977"/>
                  </a:cubicBezTo>
                  <a:cubicBezTo>
                    <a:pt x="914" y="662"/>
                    <a:pt x="883" y="316"/>
                    <a:pt x="851" y="0"/>
                  </a:cubicBezTo>
                  <a:close/>
                </a:path>
              </a:pathLst>
            </a:custGeom>
            <a:grpFill/>
            <a:ln>
              <a:solidFill>
                <a:schemeClr val="bg1"/>
              </a:solid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 name="Rectangle 3"/>
          <p:cNvSpPr/>
          <p:nvPr/>
        </p:nvSpPr>
        <p:spPr>
          <a:xfrm>
            <a:off x="2143959" y="515764"/>
            <a:ext cx="361281" cy="461665"/>
          </a:xfrm>
          <a:prstGeom prst="rect">
            <a:avLst/>
          </a:prstGeom>
        </p:spPr>
        <p:txBody>
          <a:bodyPr wrap="square">
            <a:spAutoFit/>
          </a:bodyPr>
          <a:lstStyle/>
          <a:p>
            <a:pPr lvl="0" algn="ctr"/>
            <a:r>
              <a:rPr lang="en" sz="2400" dirty="0">
                <a:solidFill>
                  <a:schemeClr val="dk1"/>
                </a:solidFill>
                <a:latin typeface="Roboto Slab ExtraBold"/>
                <a:ea typeface="Roboto Slab ExtraBold"/>
                <a:cs typeface="Roboto Slab ExtraBold"/>
                <a:sym typeface="Roboto Slab ExtraBold"/>
              </a:rPr>
              <a:t>1</a:t>
            </a:r>
          </a:p>
        </p:txBody>
      </p:sp>
      <p:sp>
        <p:nvSpPr>
          <p:cNvPr id="41" name="Action Button: Forward or Next 40">
            <a:hlinkClick r:id="rId7" action="ppaction://hlinksldjump" highlightClick="1"/>
          </p:cNvPr>
          <p:cNvSpPr/>
          <p:nvPr/>
        </p:nvSpPr>
        <p:spPr>
          <a:xfrm>
            <a:off x="2648218" y="4206144"/>
            <a:ext cx="599847" cy="662737"/>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42" name="Action Button: Back or Previous 41">
            <a:hlinkClick r:id="rId6" action="ppaction://hlinksldjump" highlightClick="1"/>
          </p:cNvPr>
          <p:cNvSpPr/>
          <p:nvPr/>
        </p:nvSpPr>
        <p:spPr>
          <a:xfrm>
            <a:off x="818832" y="4206144"/>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43" name="Action Button: Home 6">
            <a:hlinkClick r:id="rId8" action="ppaction://hlinksldjump" highlightClick="1"/>
            <a:extLst>
              <a:ext uri="{FF2B5EF4-FFF2-40B4-BE49-F238E27FC236}">
                <a16:creationId xmlns:a16="http://schemas.microsoft.com/office/drawing/2014/main" id="{5AA528BF-0597-42AE-828E-C65B677B1CBF}"/>
              </a:ext>
            </a:extLst>
          </p:cNvPr>
          <p:cNvSpPr/>
          <p:nvPr/>
        </p:nvSpPr>
        <p:spPr>
          <a:xfrm>
            <a:off x="1733525" y="4218476"/>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14:window dir="vert"/>
      </p:transition>
    </mc:Choice>
    <mc:Fallback xmlns="">
      <p:transition spd="slow" advClick="0">
        <p:fade/>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883"/>
        <p:cNvGrpSpPr/>
        <p:nvPr/>
      </p:nvGrpSpPr>
      <p:grpSpPr>
        <a:xfrm>
          <a:off x="0" y="0"/>
          <a:ext cx="0" cy="0"/>
          <a:chOff x="0" y="0"/>
          <a:chExt cx="0" cy="0"/>
        </a:xfrm>
      </p:grpSpPr>
      <p:pic>
        <p:nvPicPr>
          <p:cNvPr id="12" name="Picture 11">
            <a:extLst>
              <a:ext uri="{FF2B5EF4-FFF2-40B4-BE49-F238E27FC236}">
                <a16:creationId xmlns:a16="http://schemas.microsoft.com/office/drawing/2014/main" id="{E0E6D212-3486-410B-B0A1-B1D2F1904BCC}"/>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890" name="Google Shape;890;p58"/>
          <p:cNvSpPr/>
          <p:nvPr/>
        </p:nvSpPr>
        <p:spPr>
          <a:xfrm flipH="1">
            <a:off x="856330" y="3047988"/>
            <a:ext cx="362100" cy="362100"/>
          </a:xfrm>
          <a:prstGeom prst="ellipse">
            <a:avLst/>
          </a:prstGeom>
          <a:solidFill>
            <a:schemeClr val="accent2"/>
          </a:solidFill>
          <a:ln>
            <a:noFill/>
          </a:ln>
        </p:spPr>
        <p:txBody>
          <a:bodyPr spcFirstLastPara="1" wrap="square" lIns="91425" tIns="91425" rIns="91425" bIns="91425" anchor="ctr" anchorCtr="0">
            <a:noAutofit/>
          </a:bodyPr>
          <a:lstStyle/>
          <a:p>
            <a:pPr marL="0" lvl="0" indent="0" algn="r" rtl="0">
              <a:spcBef>
                <a:spcPts val="0"/>
              </a:spcBef>
              <a:spcAft>
                <a:spcPts val="0"/>
              </a:spcAft>
              <a:buNone/>
            </a:pPr>
            <a:endParaRPr/>
          </a:p>
        </p:txBody>
      </p:sp>
      <p:sp>
        <p:nvSpPr>
          <p:cNvPr id="891" name="Google Shape;891;p58"/>
          <p:cNvSpPr/>
          <p:nvPr/>
        </p:nvSpPr>
        <p:spPr>
          <a:xfrm flipH="1">
            <a:off x="796529" y="1820291"/>
            <a:ext cx="362100" cy="362100"/>
          </a:xfrm>
          <a:prstGeom prst="ellipse">
            <a:avLst/>
          </a:prstGeom>
          <a:solidFill>
            <a:schemeClr val="accent3">
              <a:lumMod val="75000"/>
            </a:schemeClr>
          </a:solidFill>
          <a:ln>
            <a:noFill/>
          </a:ln>
        </p:spPr>
        <p:txBody>
          <a:bodyPr spcFirstLastPara="1" wrap="square" lIns="91425" tIns="91425" rIns="91425" bIns="91425" anchor="ctr" anchorCtr="0">
            <a:noAutofit/>
          </a:bodyPr>
          <a:lstStyle/>
          <a:p>
            <a:pPr marL="0" lvl="0" indent="0" algn="r" rtl="0">
              <a:spcBef>
                <a:spcPts val="0"/>
              </a:spcBef>
              <a:spcAft>
                <a:spcPts val="0"/>
              </a:spcAft>
              <a:buNone/>
            </a:pPr>
            <a:endParaRPr/>
          </a:p>
        </p:txBody>
      </p:sp>
      <p:sp>
        <p:nvSpPr>
          <p:cNvPr id="15" name="Google Shape;986;p68"/>
          <p:cNvSpPr txBox="1">
            <a:spLocks noGrp="1"/>
          </p:cNvSpPr>
          <p:nvPr>
            <p:ph type="title"/>
          </p:nvPr>
        </p:nvSpPr>
        <p:spPr>
          <a:xfrm>
            <a:off x="2239308" y="465292"/>
            <a:ext cx="5931677" cy="624072"/>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marL="0" lvl="0" indent="0" algn="ctr" rtl="0">
              <a:spcBef>
                <a:spcPts val="0"/>
              </a:spcBef>
              <a:spcAft>
                <a:spcPts val="0"/>
              </a:spcAft>
              <a:buNone/>
            </a:pPr>
            <a:r>
              <a:rPr lang="id-ID" dirty="0"/>
              <a:t>Peningkatan Laju Urbanisasi</a:t>
            </a:r>
            <a:endParaRPr dirty="0"/>
          </a:p>
        </p:txBody>
      </p:sp>
      <p:sp>
        <p:nvSpPr>
          <p:cNvPr id="16" name="Google Shape;1296;p98">
            <a:hlinkClick r:id="rId6" action="ppaction://hlinksldjump"/>
          </p:cNvPr>
          <p:cNvSpPr/>
          <p:nvPr/>
        </p:nvSpPr>
        <p:spPr>
          <a:xfrm>
            <a:off x="1158629" y="339825"/>
            <a:ext cx="831600" cy="831600"/>
          </a:xfrm>
          <a:prstGeom prst="ellipse">
            <a:avLst/>
          </a:prstGeom>
          <a:solidFill>
            <a:schemeClr val="lt1"/>
          </a:solidFill>
          <a:ln w="19050" cap="flat" cmpd="sng">
            <a:solidFill>
              <a:schemeClr val="dk1"/>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3000" b="1">
              <a:solidFill>
                <a:srgbClr val="E08D86"/>
              </a:solidFill>
              <a:latin typeface="Scope One"/>
              <a:ea typeface="Scope One"/>
              <a:cs typeface="Scope One"/>
              <a:sym typeface="Scope One"/>
            </a:endParaRPr>
          </a:p>
        </p:txBody>
      </p:sp>
      <p:sp>
        <p:nvSpPr>
          <p:cNvPr id="17" name="Rectangle 16"/>
          <p:cNvSpPr/>
          <p:nvPr/>
        </p:nvSpPr>
        <p:spPr>
          <a:xfrm>
            <a:off x="1407709" y="539514"/>
            <a:ext cx="361281" cy="461665"/>
          </a:xfrm>
          <a:prstGeom prst="rect">
            <a:avLst/>
          </a:prstGeom>
        </p:spPr>
        <p:txBody>
          <a:bodyPr wrap="square">
            <a:spAutoFit/>
          </a:bodyPr>
          <a:lstStyle/>
          <a:p>
            <a:pPr lvl="0" algn="ctr"/>
            <a:r>
              <a:rPr lang="id-ID" sz="2400" dirty="0">
                <a:solidFill>
                  <a:schemeClr val="dk1"/>
                </a:solidFill>
                <a:latin typeface="Roboto Slab ExtraBold"/>
                <a:ea typeface="Roboto Slab ExtraBold"/>
                <a:cs typeface="Roboto Slab ExtraBold"/>
                <a:sym typeface="Roboto Slab ExtraBold"/>
              </a:rPr>
              <a:t>2</a:t>
            </a:r>
            <a:endParaRPr lang="en" sz="2400" dirty="0">
              <a:solidFill>
                <a:schemeClr val="dk1"/>
              </a:solidFill>
              <a:latin typeface="Roboto Slab ExtraBold"/>
              <a:ea typeface="Roboto Slab ExtraBold"/>
              <a:cs typeface="Roboto Slab ExtraBold"/>
              <a:sym typeface="Roboto Slab ExtraBold"/>
            </a:endParaRPr>
          </a:p>
        </p:txBody>
      </p:sp>
      <p:sp>
        <p:nvSpPr>
          <p:cNvPr id="18" name="Google Shape;984;p68"/>
          <p:cNvSpPr txBox="1">
            <a:spLocks/>
          </p:cNvSpPr>
          <p:nvPr/>
        </p:nvSpPr>
        <p:spPr>
          <a:xfrm>
            <a:off x="1345408" y="1437263"/>
            <a:ext cx="7295843" cy="1128157"/>
          </a:xfrm>
          <a:prstGeom prst="roundRect">
            <a:avLst/>
          </a:prstGeom>
          <a:ln>
            <a:solidFill>
              <a:schemeClr val="accent3">
                <a:lumMod val="75000"/>
              </a:schemeClr>
            </a:solidFill>
          </a:ln>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just"/>
            <a:r>
              <a:rPr lang="id-ID" dirty="0">
                <a:solidFill>
                  <a:schemeClr val="accent4">
                    <a:lumMod val="50000"/>
                  </a:schemeClr>
                </a:solidFill>
                <a:latin typeface="Work Sans" charset="0"/>
              </a:rPr>
              <a:t>Terjadinya peningkatan laju urbanisasi pada masa kolonial disebabkan karena </a:t>
            </a:r>
            <a:r>
              <a:rPr lang="id-ID" b="1" dirty="0">
                <a:solidFill>
                  <a:schemeClr val="accent4">
                    <a:lumMod val="50000"/>
                  </a:schemeClr>
                </a:solidFill>
                <a:latin typeface="Work Sans" charset="0"/>
              </a:rPr>
              <a:t>adanya kapitalisme industri </a:t>
            </a:r>
            <a:r>
              <a:rPr lang="id-ID" dirty="0">
                <a:solidFill>
                  <a:schemeClr val="accent4">
                    <a:lumMod val="50000"/>
                  </a:schemeClr>
                </a:solidFill>
                <a:latin typeface="Work Sans" charset="0"/>
              </a:rPr>
              <a:t>yang berkembang di perkotaan. Berdirinya industri yang membuka lapangan pekerjaan baru menyebabkan tanah pertanian di desa ditinggalkan pemiliknya dan hasil pertanian menurun.</a:t>
            </a:r>
            <a:endParaRPr lang="id-ID" dirty="0">
              <a:solidFill>
                <a:schemeClr val="accent4">
                  <a:lumMod val="50000"/>
                </a:schemeClr>
              </a:solidFill>
              <a:latin typeface="Work Sans" charset="0"/>
              <a:ea typeface="Chivo Black" charset="0"/>
              <a:cs typeface="Chivo Black" charset="0"/>
            </a:endParaRPr>
          </a:p>
        </p:txBody>
      </p:sp>
      <p:sp>
        <p:nvSpPr>
          <p:cNvPr id="19" name="Google Shape;984;p68"/>
          <p:cNvSpPr txBox="1">
            <a:spLocks/>
          </p:cNvSpPr>
          <p:nvPr/>
        </p:nvSpPr>
        <p:spPr>
          <a:xfrm>
            <a:off x="1345408" y="2681820"/>
            <a:ext cx="7295843" cy="1128157"/>
          </a:xfrm>
          <a:prstGeom prst="roundRect">
            <a:avLst/>
          </a:prstGeom>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just"/>
            <a:r>
              <a:rPr lang="id-ID" dirty="0">
                <a:solidFill>
                  <a:schemeClr val="accent4">
                    <a:lumMod val="50000"/>
                  </a:schemeClr>
                </a:solidFill>
                <a:latin typeface="Work Sans" charset="0"/>
              </a:rPr>
              <a:t>Pada awal abad XX, di Pulau Jawa terjadi </a:t>
            </a:r>
            <a:r>
              <a:rPr lang="id-ID" b="1" dirty="0">
                <a:solidFill>
                  <a:schemeClr val="accent4">
                    <a:lumMod val="50000"/>
                  </a:schemeClr>
                </a:solidFill>
                <a:latin typeface="Work Sans" charset="0"/>
              </a:rPr>
              <a:t>ledakan penduduk </a:t>
            </a:r>
            <a:r>
              <a:rPr lang="id-ID" dirty="0">
                <a:solidFill>
                  <a:schemeClr val="accent4">
                    <a:lumMod val="50000"/>
                  </a:schemeClr>
                </a:solidFill>
                <a:latin typeface="Work Sans" charset="0"/>
              </a:rPr>
              <a:t>yang pesat. Selain itu, kota-kota yang di Pulau Jawa tidak hanya berperan sebagai pusat perdagangan, tetapi juga sebagai pusat pemerintahan dan pelayanan.</a:t>
            </a:r>
            <a:endParaRPr lang="id-ID" dirty="0">
              <a:solidFill>
                <a:schemeClr val="accent4">
                  <a:lumMod val="50000"/>
                </a:schemeClr>
              </a:solidFill>
              <a:latin typeface="Work Sans" charset="0"/>
              <a:ea typeface="Chivo Black" charset="0"/>
              <a:cs typeface="Chivo Black" charset="0"/>
            </a:endParaRPr>
          </a:p>
        </p:txBody>
      </p:sp>
      <p:sp>
        <p:nvSpPr>
          <p:cNvPr id="10" name="Action Button: Forward or Next 9">
            <a:hlinkClick r:id="rId7" action="ppaction://hlinksldjump" highlightClick="1"/>
          </p:cNvPr>
          <p:cNvSpPr/>
          <p:nvPr/>
        </p:nvSpPr>
        <p:spPr>
          <a:xfrm>
            <a:off x="5205960" y="4246061"/>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1" name="Action Button: Back or Previous 10">
            <a:hlinkClick r:id="rId8" action="ppaction://hlinksldjump" highlightClick="1"/>
          </p:cNvPr>
          <p:cNvSpPr/>
          <p:nvPr/>
        </p:nvSpPr>
        <p:spPr>
          <a:xfrm>
            <a:off x="3249978" y="4246061"/>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3" name="Action Button: Home 6">
            <a:hlinkClick r:id="rId9" action="ppaction://hlinksldjump" highlightClick="1"/>
            <a:extLst>
              <a:ext uri="{FF2B5EF4-FFF2-40B4-BE49-F238E27FC236}">
                <a16:creationId xmlns:a16="http://schemas.microsoft.com/office/drawing/2014/main" id="{AD983557-3242-4CAE-AA48-BB52A704A298}"/>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1400" advClick="0">
        <p14:doors/>
      </p:transition>
    </mc:Choice>
    <mc:Fallback xmlns="">
      <p:transition spd="slow" advClick="0">
        <p:fade/>
      </p:transition>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1101"/>
        <p:cNvGrpSpPr/>
        <p:nvPr/>
      </p:nvGrpSpPr>
      <p:grpSpPr>
        <a:xfrm>
          <a:off x="0" y="0"/>
          <a:ext cx="0" cy="0"/>
          <a:chOff x="0" y="0"/>
          <a:chExt cx="0" cy="0"/>
        </a:xfrm>
      </p:grpSpPr>
      <p:sp>
        <p:nvSpPr>
          <p:cNvPr id="1102" name="Google Shape;1102;p79"/>
          <p:cNvSpPr txBox="1">
            <a:spLocks noGrp="1"/>
          </p:cNvSpPr>
          <p:nvPr>
            <p:ph type="subTitle" idx="1"/>
          </p:nvPr>
        </p:nvSpPr>
        <p:spPr>
          <a:xfrm>
            <a:off x="5638800" y="2084632"/>
            <a:ext cx="3118338" cy="1185900"/>
          </a:xfrm>
          <a:prstGeom prst="rect">
            <a:avLst/>
          </a:prstGeom>
        </p:spPr>
        <p:txBody>
          <a:bodyPr spcFirstLastPara="1" wrap="square" lIns="91425" tIns="91425" rIns="91425" bIns="91425" anchor="ctr" anchorCtr="0">
            <a:noAutofit/>
          </a:bodyPr>
          <a:lstStyle/>
          <a:p>
            <a:pPr marL="0" lvl="0" indent="0" algn="r" rtl="0">
              <a:spcBef>
                <a:spcPts val="0"/>
              </a:spcBef>
              <a:spcAft>
                <a:spcPts val="0"/>
              </a:spcAft>
              <a:buNone/>
            </a:pPr>
            <a:r>
              <a:rPr lang="id-ID" dirty="0"/>
              <a:t>Agar lebih paham mengenai Revolusi Industri, simaklah video animasi berikut ini.</a:t>
            </a:r>
            <a:endParaRPr dirty="0"/>
          </a:p>
        </p:txBody>
      </p:sp>
      <p:sp>
        <p:nvSpPr>
          <p:cNvPr id="1103" name="Google Shape;1103;p79"/>
          <p:cNvSpPr txBox="1">
            <a:spLocks noGrp="1"/>
          </p:cNvSpPr>
          <p:nvPr>
            <p:ph type="title"/>
          </p:nvPr>
        </p:nvSpPr>
        <p:spPr>
          <a:xfrm>
            <a:off x="4952002" y="1616250"/>
            <a:ext cx="3687900" cy="572700"/>
          </a:xfrm>
          <a:prstGeom prst="rect">
            <a:avLst/>
          </a:prstGeom>
        </p:spPr>
        <p:txBody>
          <a:bodyPr spcFirstLastPara="1" wrap="square" lIns="91425" tIns="91425" rIns="91425" bIns="91425" anchor="ctr" anchorCtr="0">
            <a:noAutofit/>
          </a:bodyPr>
          <a:lstStyle/>
          <a:p>
            <a:pPr marL="0" lvl="0" indent="0" algn="r" rtl="0">
              <a:spcBef>
                <a:spcPts val="0"/>
              </a:spcBef>
              <a:spcAft>
                <a:spcPts val="0"/>
              </a:spcAft>
              <a:buNone/>
            </a:pPr>
            <a:r>
              <a:rPr lang="id-ID" dirty="0"/>
              <a:t>Play!</a:t>
            </a:r>
            <a:endParaRPr dirty="0"/>
          </a:p>
        </p:txBody>
      </p:sp>
      <p:sp>
        <p:nvSpPr>
          <p:cNvPr id="8" name="Action Button: Forward or Next 7">
            <a:hlinkClick r:id="rId6" action="ppaction://hlinksldjump" highlightClick="1"/>
          </p:cNvPr>
          <p:cNvSpPr/>
          <p:nvPr/>
        </p:nvSpPr>
        <p:spPr>
          <a:xfrm>
            <a:off x="7799812" y="4165958"/>
            <a:ext cx="599847" cy="659994"/>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9" name="Action Button: Back or Previous 8">
            <a:hlinkClick r:id="rId7" action="ppaction://hlinksldjump" highlightClick="1"/>
          </p:cNvPr>
          <p:cNvSpPr/>
          <p:nvPr/>
        </p:nvSpPr>
        <p:spPr>
          <a:xfrm>
            <a:off x="6009682" y="4175547"/>
            <a:ext cx="599847" cy="669583"/>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pic>
        <p:nvPicPr>
          <p:cNvPr id="3" name="VovBSLcTXMc214506640" title="REVOLUSI INDRUSTRI DI EROPA DAN LAHIRNYA IMPERIALISME MODERN- Materi Sejarah Peminatan Kls XI MA/SMA">
            <a:hlinkClick r:id="" action="ppaction://media"/>
            <a:extLst>
              <a:ext uri="{FF2B5EF4-FFF2-40B4-BE49-F238E27FC236}">
                <a16:creationId xmlns:a16="http://schemas.microsoft.com/office/drawing/2014/main" id="{AE3F94B9-21FD-466F-A08D-E3EB3B380D87}"/>
              </a:ext>
            </a:extLst>
          </p:cNvPr>
          <p:cNvPicPr>
            <a:picLocks noRot="1" noChangeAspect="1"/>
          </p:cNvPicPr>
          <p:nvPr>
            <a:videoFile r:link="rId2"/>
            <p:custDataLst>
              <p:tags r:id="rId3"/>
            </p:custDataLst>
          </p:nvPr>
        </p:nvPicPr>
        <p:blipFill>
          <a:blip r:embed="rId8"/>
          <a:stretch>
            <a:fillRect/>
          </a:stretch>
        </p:blipFill>
        <p:spPr>
          <a:xfrm>
            <a:off x="246185" y="844062"/>
            <a:ext cx="5392615" cy="3238499"/>
          </a:xfrm>
          <a:prstGeom prst="rect">
            <a:avLst/>
          </a:prstGeom>
        </p:spPr>
      </p:pic>
      <p:sp>
        <p:nvSpPr>
          <p:cNvPr id="10" name="Action Button: Home 6">
            <a:hlinkClick r:id="rId9" action="ppaction://hlinksldjump" highlightClick="1"/>
            <a:extLst>
              <a:ext uri="{FF2B5EF4-FFF2-40B4-BE49-F238E27FC236}">
                <a16:creationId xmlns:a16="http://schemas.microsoft.com/office/drawing/2014/main" id="{5E4D4B1D-BBFA-4801-85D0-06246415AD21}"/>
              </a:ext>
            </a:extLst>
          </p:cNvPr>
          <p:cNvSpPr/>
          <p:nvPr/>
        </p:nvSpPr>
        <p:spPr>
          <a:xfrm>
            <a:off x="6904747" y="4175547"/>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p:transition spd="slow" advClick="0">
    <p:push dir="d"/>
  </p:transition>
  <p:timing>
    <p:tnLst>
      <p:par>
        <p:cTn id="1" dur="indefinite" restart="never" nodeType="tmRoot">
          <p:childTnLst>
            <p:seq concurrent="1" nextAc="seek">
              <p:cTn id="2" restart="whenNotActive" fill="hold" evtFilter="cancelBubble" nodeType="interactiveSeq">
                <p:stCondLst>
                  <p:cond evt="onClick" delay="0">
                    <p:tgtEl>
                      <p:spTgt spid="3"/>
                    </p:tgtEl>
                  </p:cond>
                </p:stCondLst>
                <p:endSync evt="end" delay="0">
                  <p:rtn val="all"/>
                </p:endSync>
                <p:childTnLst>
                  <p:par>
                    <p:cTn id="3" fill="hold">
                      <p:stCondLst>
                        <p:cond delay="0"/>
                      </p:stCondLst>
                      <p:childTnLst>
                        <p:par>
                          <p:cTn id="4" fill="hold">
                            <p:stCondLst>
                              <p:cond delay="0"/>
                            </p:stCondLst>
                            <p:childTnLst>
                              <p:par>
                                <p:cTn id="5" presetID="2" presetClass="mediacall" presetSubtype="0" fill="hold" nodeType="clickEffect">
                                  <p:stCondLst>
                                    <p:cond delay="0"/>
                                  </p:stCondLst>
                                  <p:childTnLst>
                                    <p:cmd type="call" cmd="togglePause">
                                      <p:cBhvr>
                                        <p:cTn id="6" dur="1" fill="hold"/>
                                        <p:tgtEl>
                                          <p:spTgt spid="3"/>
                                        </p:tgtEl>
                                      </p:cBhvr>
                                    </p:cmd>
                                  </p:childTnLst>
                                </p:cTn>
                              </p:par>
                            </p:childTnLst>
                          </p:cTn>
                        </p:par>
                      </p:childTnLst>
                    </p:cTn>
                  </p:par>
                </p:childTnLst>
              </p:cTn>
              <p:nextCondLst>
                <p:cond evt="onClick" delay="0">
                  <p:tgtEl>
                    <p:spTgt spid="3"/>
                  </p:tgtEl>
                </p:cond>
              </p:nextCondLst>
            </p:seq>
            <p:video>
              <p:cMediaNode vol="80000">
                <p:cTn id="7" fill="hold" display="0">
                  <p:stCondLst>
                    <p:cond delay="indefinite"/>
                  </p:stCondLst>
                </p:cTn>
                <p:tgtEl>
                  <p:spTgt spid="3"/>
                </p:tgtEl>
              </p:cMediaNode>
            </p:video>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914"/>
        <p:cNvGrpSpPr/>
        <p:nvPr/>
      </p:nvGrpSpPr>
      <p:grpSpPr>
        <a:xfrm>
          <a:off x="0" y="0"/>
          <a:ext cx="0" cy="0"/>
          <a:chOff x="0" y="0"/>
          <a:chExt cx="0" cy="0"/>
        </a:xfrm>
      </p:grpSpPr>
      <p:pic>
        <p:nvPicPr>
          <p:cNvPr id="12" name="Picture 11">
            <a:extLst>
              <a:ext uri="{FF2B5EF4-FFF2-40B4-BE49-F238E27FC236}">
                <a16:creationId xmlns:a16="http://schemas.microsoft.com/office/drawing/2014/main" id="{0A00F151-45E5-484D-8AF1-6A1DA4BE40D8}"/>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921" name="Google Shape;921;p62"/>
          <p:cNvSpPr txBox="1">
            <a:spLocks noGrp="1"/>
          </p:cNvSpPr>
          <p:nvPr>
            <p:ph type="title" idx="6"/>
          </p:nvPr>
        </p:nvSpPr>
        <p:spPr>
          <a:xfrm>
            <a:off x="3811979" y="1187540"/>
            <a:ext cx="4540769" cy="2113808"/>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marL="0" lvl="0" indent="0" algn="ctr" rtl="0">
              <a:spcBef>
                <a:spcPts val="0"/>
              </a:spcBef>
              <a:spcAft>
                <a:spcPts val="0"/>
              </a:spcAft>
              <a:buNone/>
            </a:pPr>
            <a:r>
              <a:rPr lang="id-ID" sz="7200" dirty="0"/>
              <a:t>QUIZ TIME!</a:t>
            </a:r>
            <a:endParaRPr sz="7200" dirty="0"/>
          </a:p>
        </p:txBody>
      </p:sp>
      <p:grpSp>
        <p:nvGrpSpPr>
          <p:cNvPr id="935" name="Google Shape;935;p62"/>
          <p:cNvGrpSpPr/>
          <p:nvPr/>
        </p:nvGrpSpPr>
        <p:grpSpPr>
          <a:xfrm>
            <a:off x="1318162" y="1309266"/>
            <a:ext cx="2140367" cy="2110838"/>
            <a:chOff x="-35123050" y="3561225"/>
            <a:chExt cx="292225" cy="291100"/>
          </a:xfrm>
        </p:grpSpPr>
        <p:sp>
          <p:nvSpPr>
            <p:cNvPr id="936" name="Google Shape;936;p62"/>
            <p:cNvSpPr/>
            <p:nvPr/>
          </p:nvSpPr>
          <p:spPr>
            <a:xfrm>
              <a:off x="-35123050" y="3629750"/>
              <a:ext cx="205575" cy="222575"/>
            </a:xfrm>
            <a:custGeom>
              <a:avLst/>
              <a:gdLst/>
              <a:ahLst/>
              <a:cxnLst/>
              <a:rect l="l" t="t" r="r" b="b"/>
              <a:pathLst>
                <a:path w="8223" h="8903" extrusionOk="0">
                  <a:moveTo>
                    <a:pt x="2080" y="2710"/>
                  </a:moveTo>
                  <a:cubicBezTo>
                    <a:pt x="2458" y="2710"/>
                    <a:pt x="2741" y="3056"/>
                    <a:pt x="2741" y="3403"/>
                  </a:cubicBezTo>
                  <a:cubicBezTo>
                    <a:pt x="2741" y="3781"/>
                    <a:pt x="2426" y="4065"/>
                    <a:pt x="2080" y="4065"/>
                  </a:cubicBezTo>
                  <a:cubicBezTo>
                    <a:pt x="1733" y="4065"/>
                    <a:pt x="1418" y="3750"/>
                    <a:pt x="1418" y="3403"/>
                  </a:cubicBezTo>
                  <a:cubicBezTo>
                    <a:pt x="1418" y="3056"/>
                    <a:pt x="1670" y="2710"/>
                    <a:pt x="2080" y="2710"/>
                  </a:cubicBezTo>
                  <a:close/>
                  <a:moveTo>
                    <a:pt x="4127" y="2710"/>
                  </a:moveTo>
                  <a:cubicBezTo>
                    <a:pt x="4506" y="2710"/>
                    <a:pt x="4789" y="3056"/>
                    <a:pt x="4789" y="3403"/>
                  </a:cubicBezTo>
                  <a:cubicBezTo>
                    <a:pt x="4789" y="3781"/>
                    <a:pt x="4474" y="4065"/>
                    <a:pt x="4127" y="4065"/>
                  </a:cubicBezTo>
                  <a:cubicBezTo>
                    <a:pt x="3718" y="4065"/>
                    <a:pt x="3466" y="3750"/>
                    <a:pt x="3466" y="3403"/>
                  </a:cubicBezTo>
                  <a:cubicBezTo>
                    <a:pt x="3466" y="3056"/>
                    <a:pt x="3718" y="2710"/>
                    <a:pt x="4127" y="2710"/>
                  </a:cubicBezTo>
                  <a:close/>
                  <a:moveTo>
                    <a:pt x="6207" y="2710"/>
                  </a:moveTo>
                  <a:cubicBezTo>
                    <a:pt x="6616" y="2710"/>
                    <a:pt x="6868" y="3056"/>
                    <a:pt x="6868" y="3403"/>
                  </a:cubicBezTo>
                  <a:cubicBezTo>
                    <a:pt x="6868" y="3781"/>
                    <a:pt x="6553" y="4065"/>
                    <a:pt x="6207" y="4065"/>
                  </a:cubicBezTo>
                  <a:cubicBezTo>
                    <a:pt x="5829" y="4065"/>
                    <a:pt x="5545" y="3750"/>
                    <a:pt x="5545" y="3403"/>
                  </a:cubicBezTo>
                  <a:cubicBezTo>
                    <a:pt x="5514" y="3056"/>
                    <a:pt x="5829" y="2710"/>
                    <a:pt x="6207" y="2710"/>
                  </a:cubicBezTo>
                  <a:close/>
                  <a:moveTo>
                    <a:pt x="1733" y="0"/>
                  </a:moveTo>
                  <a:cubicBezTo>
                    <a:pt x="788" y="0"/>
                    <a:pt x="0" y="757"/>
                    <a:pt x="0" y="1702"/>
                  </a:cubicBezTo>
                  <a:lnTo>
                    <a:pt x="0" y="5136"/>
                  </a:lnTo>
                  <a:cubicBezTo>
                    <a:pt x="0" y="5955"/>
                    <a:pt x="630" y="6616"/>
                    <a:pt x="1418" y="6774"/>
                  </a:cubicBezTo>
                  <a:lnTo>
                    <a:pt x="1418" y="8570"/>
                  </a:lnTo>
                  <a:cubicBezTo>
                    <a:pt x="1418" y="8696"/>
                    <a:pt x="1481" y="8822"/>
                    <a:pt x="1607" y="8885"/>
                  </a:cubicBezTo>
                  <a:cubicBezTo>
                    <a:pt x="1649" y="8895"/>
                    <a:pt x="1695" y="8902"/>
                    <a:pt x="1739" y="8902"/>
                  </a:cubicBezTo>
                  <a:cubicBezTo>
                    <a:pt x="1828" y="8902"/>
                    <a:pt x="1912" y="8874"/>
                    <a:pt x="1954" y="8790"/>
                  </a:cubicBezTo>
                  <a:lnTo>
                    <a:pt x="3938" y="6837"/>
                  </a:lnTo>
                  <a:lnTo>
                    <a:pt x="6522" y="6837"/>
                  </a:lnTo>
                  <a:cubicBezTo>
                    <a:pt x="7467" y="6837"/>
                    <a:pt x="8223" y="6081"/>
                    <a:pt x="8223" y="5136"/>
                  </a:cubicBezTo>
                  <a:lnTo>
                    <a:pt x="8223" y="1702"/>
                  </a:lnTo>
                  <a:cubicBezTo>
                    <a:pt x="8223" y="757"/>
                    <a:pt x="7467" y="0"/>
                    <a:pt x="6522"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7" name="Google Shape;937;p62"/>
            <p:cNvSpPr/>
            <p:nvPr/>
          </p:nvSpPr>
          <p:spPr>
            <a:xfrm>
              <a:off x="-35053750" y="3561225"/>
              <a:ext cx="222925" cy="221825"/>
            </a:xfrm>
            <a:custGeom>
              <a:avLst/>
              <a:gdLst/>
              <a:ahLst/>
              <a:cxnLst/>
              <a:rect l="l" t="t" r="r" b="b"/>
              <a:pathLst>
                <a:path w="8917" h="8873" extrusionOk="0">
                  <a:moveTo>
                    <a:pt x="1702" y="1"/>
                  </a:moveTo>
                  <a:cubicBezTo>
                    <a:pt x="757" y="1"/>
                    <a:pt x="1" y="725"/>
                    <a:pt x="1" y="1702"/>
                  </a:cubicBezTo>
                  <a:lnTo>
                    <a:pt x="1" y="2048"/>
                  </a:lnTo>
                  <a:lnTo>
                    <a:pt x="3781" y="2048"/>
                  </a:lnTo>
                  <a:cubicBezTo>
                    <a:pt x="5136" y="2048"/>
                    <a:pt x="6207" y="3088"/>
                    <a:pt x="6207" y="4443"/>
                  </a:cubicBezTo>
                  <a:lnTo>
                    <a:pt x="6207" y="7877"/>
                  </a:lnTo>
                  <a:lnTo>
                    <a:pt x="6207" y="8003"/>
                  </a:lnTo>
                  <a:lnTo>
                    <a:pt x="6995" y="8790"/>
                  </a:lnTo>
                  <a:cubicBezTo>
                    <a:pt x="7055" y="8850"/>
                    <a:pt x="7127" y="8872"/>
                    <a:pt x="7205" y="8872"/>
                  </a:cubicBezTo>
                  <a:cubicBezTo>
                    <a:pt x="7249" y="8872"/>
                    <a:pt x="7295" y="8865"/>
                    <a:pt x="7341" y="8853"/>
                  </a:cubicBezTo>
                  <a:cubicBezTo>
                    <a:pt x="7467" y="8822"/>
                    <a:pt x="7530" y="8664"/>
                    <a:pt x="7530" y="8538"/>
                  </a:cubicBezTo>
                  <a:lnTo>
                    <a:pt x="7530" y="6806"/>
                  </a:lnTo>
                  <a:cubicBezTo>
                    <a:pt x="8318" y="6648"/>
                    <a:pt x="8917" y="5955"/>
                    <a:pt x="8917" y="5104"/>
                  </a:cubicBezTo>
                  <a:lnTo>
                    <a:pt x="8917" y="1702"/>
                  </a:lnTo>
                  <a:cubicBezTo>
                    <a:pt x="8917" y="725"/>
                    <a:pt x="8129" y="1"/>
                    <a:pt x="7184"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21" name="Google Shape;917;p62"/>
          <p:cNvSpPr txBox="1">
            <a:spLocks noGrp="1"/>
          </p:cNvSpPr>
          <p:nvPr>
            <p:ph type="title" idx="2"/>
          </p:nvPr>
        </p:nvSpPr>
        <p:spPr>
          <a:xfrm>
            <a:off x="2058995" y="3666937"/>
            <a:ext cx="2799067" cy="397465"/>
          </a:xfrm>
          <a:prstGeom prst="roundRect">
            <a:avLst/>
          </a:prstGeom>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p>
            <a:pPr lvl="0"/>
            <a:r>
              <a:rPr lang="id-ID" sz="2000" dirty="0">
                <a:solidFill>
                  <a:schemeClr val="accent2"/>
                </a:solidFill>
                <a:latin typeface="Chivo Black" charset="0"/>
                <a:ea typeface="Chivo Black" charset="0"/>
                <a:cs typeface="Chivo Black" charset="0"/>
              </a:rPr>
              <a:t>Klik untuk memulai</a:t>
            </a:r>
            <a:endParaRPr sz="2000" dirty="0">
              <a:solidFill>
                <a:schemeClr val="accent2"/>
              </a:solidFill>
              <a:latin typeface="Chivo Black" charset="0"/>
              <a:ea typeface="Chivo Black" charset="0"/>
              <a:cs typeface="Chivo Black" charset="0"/>
            </a:endParaRPr>
          </a:p>
        </p:txBody>
      </p:sp>
      <p:sp>
        <p:nvSpPr>
          <p:cNvPr id="27" name="Action Button: Back or Previous 26">
            <a:hlinkClick r:id="rId6" action="ppaction://hlinksldjump" highlightClick="1"/>
          </p:cNvPr>
          <p:cNvSpPr/>
          <p:nvPr/>
        </p:nvSpPr>
        <p:spPr>
          <a:xfrm>
            <a:off x="6005731" y="4140378"/>
            <a:ext cx="579600" cy="681307"/>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4" name="Action Button: Custom 3">
            <a:hlinkClick r:id="rId7" action="ppaction://hlinksldjump" highlightClick="1"/>
          </p:cNvPr>
          <p:cNvSpPr/>
          <p:nvPr/>
        </p:nvSpPr>
        <p:spPr>
          <a:xfrm>
            <a:off x="4957667" y="3521773"/>
            <a:ext cx="728648" cy="727200"/>
          </a:xfrm>
          <a:prstGeom prst="actionButtonBlank">
            <a:avLst/>
          </a:prstGeom>
          <a:blipFill>
            <a:blip r:embed="rId8"/>
            <a:stretch>
              <a:fillRect/>
            </a:stretch>
          </a:blipFill>
          <a:ln>
            <a:noFill/>
          </a:ln>
          <a:effectLst>
            <a:innerShdw blurRad="63500" dist="50800" dir="10800000">
              <a:prstClr val="black">
                <a:alpha val="50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p>
        </p:txBody>
      </p:sp>
      <p:sp>
        <p:nvSpPr>
          <p:cNvPr id="10" name="Action Button: Forward or Next 9">
            <a:hlinkClick r:id="rId9" action="ppaction://hlinksldjump" highlightClick="1"/>
          </p:cNvPr>
          <p:cNvSpPr/>
          <p:nvPr/>
        </p:nvSpPr>
        <p:spPr>
          <a:xfrm>
            <a:off x="7824010" y="4132922"/>
            <a:ext cx="569800" cy="669584"/>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1" name="Action Button: Home 6">
            <a:hlinkClick r:id="rId10" action="ppaction://hlinksldjump" highlightClick="1"/>
            <a:extLst>
              <a:ext uri="{FF2B5EF4-FFF2-40B4-BE49-F238E27FC236}">
                <a16:creationId xmlns:a16="http://schemas.microsoft.com/office/drawing/2014/main" id="{0F2D5976-CB0D-495B-9D82-1EE81A2BFFEA}"/>
              </a:ext>
            </a:extLst>
          </p:cNvPr>
          <p:cNvSpPr/>
          <p:nvPr/>
        </p:nvSpPr>
        <p:spPr>
          <a:xfrm>
            <a:off x="6904747" y="4175547"/>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p:transition spd="slow" advClick="0">
    <p:push dir="u"/>
  </p:transition>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ISPRING_QUIZ_SHAPE0">
            <a:extLst>
              <a:ext uri="{FF2B5EF4-FFF2-40B4-BE49-F238E27FC236}">
                <a16:creationId xmlns:a16="http://schemas.microsoft.com/office/drawing/2014/main" id="{A2023FF2-9044-47CD-ABA8-E6DD9DE93020}"/>
              </a:ext>
            </a:extLst>
          </p:cNvPr>
          <p:cNvSpPr/>
          <p:nvPr/>
        </p:nvSpPr>
        <p:spPr>
          <a:xfrm>
            <a:off x="0" y="0"/>
            <a:ext cx="9144000" cy="5143500"/>
          </a:xfrm>
          <a:prstGeom prst="rect">
            <a:avLst/>
          </a:prstGeom>
          <a:solidFill>
            <a:srgbClr val="FFFFFF"/>
          </a:solidFill>
          <a:ln w="25400" cap="flat" cmpd="sng" algn="ctr">
            <a:noFill/>
            <a:prstDash val="solid"/>
          </a:ln>
          <a:effectLst>
            <a:innerShdw>
              <a:scrgbClr r="0" g="0" b="0">
                <a:alpha val="0"/>
              </a:scrgbClr>
            </a:innerShdw>
          </a:effectLst>
          <a:extLst>
            <a:ext uri="{91240B29-F687-4F45-9708-019B960494DF}">
              <a14:hiddenLine xmlns:a14="http://schemas.microsoft.com/office/drawing/2010/main" w="25400" cap="flat" cmpd="sng" algn="ctr">
                <a:solidFill>
                  <a:schemeClr val="accent1">
                    <a:shade val="50000"/>
                  </a:schemeClr>
                </a:solidFill>
                <a:prstDash val="solid"/>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D"/>
          </a:p>
        </p:txBody>
      </p:sp>
      <p:pic>
        <p:nvPicPr>
          <p:cNvPr id="5" name="ISPRING_QUIZ_SHAPE1">
            <a:extLst>
              <a:ext uri="{FF2B5EF4-FFF2-40B4-BE49-F238E27FC236}">
                <a16:creationId xmlns:a16="http://schemas.microsoft.com/office/drawing/2014/main" id="{71E0E088-23F8-484D-BF45-A6F6EC552198}"/>
              </a:ext>
            </a:extLst>
          </p:cNvPr>
          <p:cNvPicPr>
            <a:picLocks/>
          </p:cNvPicPr>
          <p:nvPr/>
        </p:nvPicPr>
        <p:blipFill>
          <a:blip r:embed="rId4"/>
          <a:srcRect/>
          <a:stretch>
            <a:fillRect/>
          </a:stretch>
        </p:blipFill>
        <p:spPr>
          <a:xfrm>
            <a:off x="1615440" y="1388745"/>
            <a:ext cx="5918200" cy="3327400"/>
          </a:xfrm>
          <a:prstGeom prst="rect">
            <a:avLst/>
          </a:prstGeom>
          <a:effectLst>
            <a:outerShdw blurRad="114300" dist="38100" dir="5400000" rotWithShape="0">
              <a:scrgbClr r="0" g="0" b="0">
                <a:alpha val="20000"/>
              </a:scrgbClr>
            </a:outerShdw>
          </a:effectLst>
        </p:spPr>
      </p:pic>
      <p:sp>
        <p:nvSpPr>
          <p:cNvPr id="8" name="ISPRING_QUIZ_SHAPE2">
            <a:extLst>
              <a:ext uri="{FF2B5EF4-FFF2-40B4-BE49-F238E27FC236}">
                <a16:creationId xmlns:a16="http://schemas.microsoft.com/office/drawing/2014/main" id="{1DD90A3F-A5A8-4801-AD2F-51B2459EB34E}"/>
              </a:ext>
            </a:extLst>
          </p:cNvPr>
          <p:cNvSpPr txBox="1"/>
          <p:nvPr/>
        </p:nvSpPr>
        <p:spPr>
          <a:xfrm>
            <a:off x="548640" y="308610"/>
            <a:ext cx="8046720" cy="553998"/>
          </a:xfrm>
          <a:prstGeom prst="rect">
            <a:avLst/>
          </a:prstGeom>
          <a:noFill/>
          <a:effectLst>
            <a:innerShdw>
              <a:scrgbClr r="0" g="0" b="0">
                <a:alpha val="0"/>
              </a:scrgbClr>
            </a:innerShdw>
          </a:effectLst>
        </p:spPr>
        <p:txBody>
          <a:bodyPr vert="horz" rtlCol="0">
            <a:spAutoFit/>
          </a:bodyPr>
          <a:lstStyle/>
          <a:p>
            <a:pPr algn="ctr"/>
            <a:r>
              <a:rPr lang="en-ID" sz="3000">
                <a:solidFill>
                  <a:srgbClr val="343944"/>
                </a:solidFill>
                <a:effectLst/>
                <a:latin typeface="Segoe UI" panose="020B0502040204020203" pitchFamily="34" charset="0"/>
              </a:rPr>
              <a:t>   Quiz</a:t>
            </a:r>
          </a:p>
        </p:txBody>
      </p:sp>
      <p:pic>
        <p:nvPicPr>
          <p:cNvPr id="12" name="ISPRING_QUIZ_SHAPE3">
            <a:extLst>
              <a:ext uri="{FF2B5EF4-FFF2-40B4-BE49-F238E27FC236}">
                <a16:creationId xmlns:a16="http://schemas.microsoft.com/office/drawing/2014/main" id="{07BF6221-2D26-4793-82CD-DDE2F1D328A5}"/>
              </a:ext>
            </a:extLst>
          </p:cNvPr>
          <p:cNvPicPr>
            <a:picLocks/>
          </p:cNvPicPr>
          <p:nvPr/>
        </p:nvPicPr>
        <p:blipFill>
          <a:blip r:embed="rId5"/>
          <a:srcRect/>
          <a:stretch>
            <a:fillRect/>
          </a:stretch>
        </p:blipFill>
        <p:spPr>
          <a:xfrm>
            <a:off x="3833855" y="379730"/>
            <a:ext cx="406400" cy="406400"/>
          </a:xfrm>
          <a:prstGeom prst="rect">
            <a:avLst/>
          </a:prstGeom>
          <a:effectLst>
            <a:innerShdw>
              <a:scrgbClr r="0" g="0" b="0">
                <a:alpha val="0"/>
              </a:scrgbClr>
            </a:innerShdw>
          </a:effectLst>
        </p:spPr>
      </p:pic>
      <p:sp>
        <p:nvSpPr>
          <p:cNvPr id="13" name="ISPRING_QUIZ_SHAPE4">
            <a:extLst>
              <a:ext uri="{FF2B5EF4-FFF2-40B4-BE49-F238E27FC236}">
                <a16:creationId xmlns:a16="http://schemas.microsoft.com/office/drawing/2014/main" id="{D08055FD-EB7D-4075-A345-C515854DD488}"/>
              </a:ext>
            </a:extLst>
          </p:cNvPr>
          <p:cNvSpPr txBox="1"/>
          <p:nvPr/>
        </p:nvSpPr>
        <p:spPr>
          <a:xfrm>
            <a:off x="548640" y="822960"/>
            <a:ext cx="804672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endParaRPr lang="en-ID"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799434599"/>
      </p:ext>
    </p:extLst>
  </p:cSld>
  <p:clrMapOvr>
    <a:masterClrMapping/>
  </p:clrMapOvr>
  <p:transition spd="slow" advClick="0">
    <p:comb/>
  </p:transition>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1462"/>
        <p:cNvGrpSpPr/>
        <p:nvPr/>
      </p:nvGrpSpPr>
      <p:grpSpPr>
        <a:xfrm>
          <a:off x="0" y="0"/>
          <a:ext cx="0" cy="0"/>
          <a:chOff x="0" y="0"/>
          <a:chExt cx="0" cy="0"/>
        </a:xfrm>
      </p:grpSpPr>
      <p:pic>
        <p:nvPicPr>
          <p:cNvPr id="8" name="Picture 7">
            <a:extLst>
              <a:ext uri="{FF2B5EF4-FFF2-40B4-BE49-F238E27FC236}">
                <a16:creationId xmlns:a16="http://schemas.microsoft.com/office/drawing/2014/main" id="{61E82055-DF00-46E2-9B25-9EA01A48AE16}"/>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4" name="Google Shape;1113;p80"/>
          <p:cNvSpPr/>
          <p:nvPr/>
        </p:nvSpPr>
        <p:spPr>
          <a:xfrm>
            <a:off x="665019" y="522515"/>
            <a:ext cx="7766462" cy="4180114"/>
          </a:xfrm>
          <a:prstGeom prst="roundRect">
            <a:avLst>
              <a:gd name="adj" fmla="val 2180"/>
            </a:avLst>
          </a:prstGeom>
          <a:solidFill>
            <a:schemeClr val="bg1"/>
          </a:solidFill>
          <a:ln w="19050" cap="flat" cmpd="sng">
            <a:no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63" name="Google Shape;1463;p108"/>
          <p:cNvSpPr txBox="1">
            <a:spLocks noGrp="1"/>
          </p:cNvSpPr>
          <p:nvPr>
            <p:ph type="body" idx="1"/>
          </p:nvPr>
        </p:nvSpPr>
        <p:spPr>
          <a:xfrm>
            <a:off x="720000" y="1392624"/>
            <a:ext cx="7485849" cy="2644986"/>
          </a:xfrm>
          <a:prstGeom prst="rect">
            <a:avLst/>
          </a:prstGeom>
        </p:spPr>
        <p:txBody>
          <a:bodyPr spcFirstLastPara="1" wrap="square" lIns="91425" tIns="91425" rIns="91425" bIns="91425" anchor="ctr" anchorCtr="0">
            <a:noAutofit/>
          </a:bodyPr>
          <a:lstStyle/>
          <a:p>
            <a:pPr fontAlgn="base">
              <a:lnSpc>
                <a:spcPct val="150000"/>
              </a:lnSpc>
            </a:pPr>
            <a:r>
              <a:rPr lang="id-ID" b="1" dirty="0">
                <a:solidFill>
                  <a:schemeClr val="dk2"/>
                </a:solidFill>
              </a:rPr>
              <a:t>Gambar 1 </a:t>
            </a:r>
            <a:r>
              <a:rPr lang="en" dirty="0">
                <a:solidFill>
                  <a:schemeClr val="dk2"/>
                </a:solidFill>
              </a:rPr>
              <a:t>: </a:t>
            </a:r>
            <a:r>
              <a:rPr lang="id-ID" u="sng" dirty="0">
                <a:hlinkClick r:id="rId6"/>
              </a:rPr>
              <a:t>https://guides.co/g/tech-is-amazing-right-1938781/62967</a:t>
            </a:r>
            <a:r>
              <a:rPr lang="id-ID" dirty="0"/>
              <a:t> </a:t>
            </a:r>
          </a:p>
          <a:p>
            <a:pPr>
              <a:lnSpc>
                <a:spcPct val="150000"/>
              </a:lnSpc>
            </a:pPr>
            <a:r>
              <a:rPr lang="id-ID" b="1" dirty="0">
                <a:solidFill>
                  <a:schemeClr val="dk2"/>
                </a:solidFill>
              </a:rPr>
              <a:t>Gambar</a:t>
            </a:r>
            <a:r>
              <a:rPr lang="en" b="1" dirty="0">
                <a:solidFill>
                  <a:schemeClr val="dk2"/>
                </a:solidFill>
              </a:rPr>
              <a:t> 2</a:t>
            </a:r>
            <a:r>
              <a:rPr lang="id-ID" b="1" dirty="0">
                <a:solidFill>
                  <a:schemeClr val="dk2"/>
                </a:solidFill>
              </a:rPr>
              <a:t> </a:t>
            </a:r>
            <a:r>
              <a:rPr lang="en" dirty="0">
                <a:solidFill>
                  <a:schemeClr val="dk2"/>
                </a:solidFill>
              </a:rPr>
              <a:t>: </a:t>
            </a:r>
            <a:r>
              <a:rPr lang="id-ID" u="sng" dirty="0">
                <a:hlinkClick r:id="rId7"/>
              </a:rPr>
              <a:t>https://harakahdaily.net/index.php/2019/10/16/revolusi-industri-dan-pengaruh-terhadap-barat/</a:t>
            </a:r>
            <a:endParaRPr lang="id-ID" dirty="0">
              <a:solidFill>
                <a:schemeClr val="dk2"/>
              </a:solidFill>
            </a:endParaRPr>
          </a:p>
          <a:p>
            <a:pPr lvl="0">
              <a:lnSpc>
                <a:spcPct val="150000"/>
              </a:lnSpc>
            </a:pPr>
            <a:r>
              <a:rPr lang="id-ID" b="1" dirty="0">
                <a:solidFill>
                  <a:schemeClr val="dk2"/>
                </a:solidFill>
              </a:rPr>
              <a:t>Gambar </a:t>
            </a:r>
            <a:r>
              <a:rPr lang="en" b="1" dirty="0">
                <a:solidFill>
                  <a:schemeClr val="dk2"/>
                </a:solidFill>
              </a:rPr>
              <a:t>3</a:t>
            </a:r>
            <a:r>
              <a:rPr lang="id-ID" b="1" dirty="0">
                <a:solidFill>
                  <a:schemeClr val="dk2"/>
                </a:solidFill>
              </a:rPr>
              <a:t> </a:t>
            </a:r>
            <a:r>
              <a:rPr lang="en" dirty="0">
                <a:solidFill>
                  <a:schemeClr val="dk2"/>
                </a:solidFill>
              </a:rPr>
              <a:t>: </a:t>
            </a:r>
            <a:r>
              <a:rPr lang="id-ID" u="sng" dirty="0">
                <a:hlinkClick r:id="rId8"/>
              </a:rPr>
              <a:t>http://worldhistoryvolume.com/industrial-revolution-nationalism/factory-system-1750-1800/attachment/the-factory-system-1750-1800-4/</a:t>
            </a:r>
            <a:r>
              <a:rPr lang="id-ID" dirty="0"/>
              <a:t> </a:t>
            </a:r>
          </a:p>
          <a:p>
            <a:pPr lvl="0">
              <a:lnSpc>
                <a:spcPct val="150000"/>
              </a:lnSpc>
            </a:pPr>
            <a:r>
              <a:rPr lang="id-ID" b="1" dirty="0">
                <a:solidFill>
                  <a:schemeClr val="dk2"/>
                </a:solidFill>
              </a:rPr>
              <a:t>Video 1 </a:t>
            </a:r>
            <a:r>
              <a:rPr lang="en" dirty="0">
                <a:solidFill>
                  <a:schemeClr val="dk2"/>
                </a:solidFill>
              </a:rPr>
              <a:t>: </a:t>
            </a:r>
            <a:r>
              <a:rPr lang="id-ID" u="sng" dirty="0">
                <a:hlinkClick r:id="rId9"/>
              </a:rPr>
              <a:t>https://www.youtube.com/watch?v=z7vDz9YhWN4&amp;t=393s</a:t>
            </a:r>
            <a:r>
              <a:rPr lang="id-ID" dirty="0"/>
              <a:t> </a:t>
            </a:r>
            <a:endParaRPr dirty="0">
              <a:solidFill>
                <a:schemeClr val="dk2"/>
              </a:solidFill>
            </a:endParaRPr>
          </a:p>
          <a:p>
            <a:pPr lvl="0">
              <a:lnSpc>
                <a:spcPct val="150000"/>
              </a:lnSpc>
            </a:pPr>
            <a:r>
              <a:rPr lang="id-ID" b="1" dirty="0">
                <a:solidFill>
                  <a:schemeClr val="dk2"/>
                </a:solidFill>
              </a:rPr>
              <a:t>Video 2 </a:t>
            </a:r>
            <a:r>
              <a:rPr lang="en" dirty="0">
                <a:solidFill>
                  <a:schemeClr val="dk2"/>
                </a:solidFill>
              </a:rPr>
              <a:t>: </a:t>
            </a:r>
            <a:r>
              <a:rPr lang="id-ID" u="sng" dirty="0">
                <a:hlinkClick r:id="rId10"/>
              </a:rPr>
              <a:t>https://www.youtube.com/watch?v=VovBSLcTXMc&amp;t=660s</a:t>
            </a:r>
            <a:r>
              <a:rPr lang="id-ID" dirty="0"/>
              <a:t> </a:t>
            </a:r>
          </a:p>
          <a:p>
            <a:pPr lvl="0">
              <a:lnSpc>
                <a:spcPct val="150000"/>
              </a:lnSpc>
            </a:pPr>
            <a:r>
              <a:rPr lang="id-ID" b="1" dirty="0">
                <a:solidFill>
                  <a:schemeClr val="dk2"/>
                </a:solidFill>
              </a:rPr>
              <a:t>Suara </a:t>
            </a:r>
            <a:r>
              <a:rPr lang="en-US" dirty="0">
                <a:solidFill>
                  <a:schemeClr val="dk2"/>
                </a:solidFill>
              </a:rPr>
              <a:t>: </a:t>
            </a:r>
            <a:r>
              <a:rPr lang="id-ID" u="sng" dirty="0">
                <a:hlinkClick r:id="rId11"/>
              </a:rPr>
              <a:t>https://blog.naver.com/oneul274/222372068911</a:t>
            </a:r>
            <a:endParaRPr lang="id-ID" u="sng" dirty="0"/>
          </a:p>
          <a:p>
            <a:pPr lvl="0">
              <a:lnSpc>
                <a:spcPct val="150000"/>
              </a:lnSpc>
            </a:pPr>
            <a:r>
              <a:rPr lang="id-ID" b="1" dirty="0">
                <a:solidFill>
                  <a:schemeClr val="dk2"/>
                </a:solidFill>
              </a:rPr>
              <a:t>PPT Template : </a:t>
            </a:r>
            <a:r>
              <a:rPr lang="id-ID" dirty="0">
                <a:solidFill>
                  <a:schemeClr val="dk2"/>
                </a:solidFill>
              </a:rPr>
              <a:t>Slidesgo</a:t>
            </a:r>
            <a:endParaRPr lang="en-US" b="1" dirty="0">
              <a:solidFill>
                <a:schemeClr val="dk2"/>
              </a:solidFill>
            </a:endParaRPr>
          </a:p>
        </p:txBody>
      </p:sp>
      <p:sp>
        <p:nvSpPr>
          <p:cNvPr id="1464" name="Google Shape;1464;p108"/>
          <p:cNvSpPr txBox="1">
            <a:spLocks noGrp="1"/>
          </p:cNvSpPr>
          <p:nvPr>
            <p:ph type="title"/>
          </p:nvPr>
        </p:nvSpPr>
        <p:spPr>
          <a:xfrm>
            <a:off x="720000" y="653750"/>
            <a:ext cx="7704000" cy="482700"/>
          </a:xfrm>
          <a:prstGeom prst="rect">
            <a:avLst/>
          </a:prstGeom>
        </p:spPr>
        <p:txBody>
          <a:bodyPr spcFirstLastPara="1" wrap="square" lIns="91425" tIns="91425" rIns="91425" bIns="91425" anchor="ctr" anchorCtr="0">
            <a:noAutofit/>
          </a:bodyPr>
          <a:lstStyle/>
          <a:p>
            <a:pPr marL="0" lvl="0" indent="0" algn="ctr" rtl="0">
              <a:spcBef>
                <a:spcPts val="0"/>
              </a:spcBef>
              <a:spcAft>
                <a:spcPts val="0"/>
              </a:spcAft>
              <a:buNone/>
            </a:pPr>
            <a:r>
              <a:rPr lang="id-ID" dirty="0"/>
              <a:t>Credit</a:t>
            </a:r>
            <a:endParaRPr dirty="0"/>
          </a:p>
        </p:txBody>
      </p:sp>
      <p:sp>
        <p:nvSpPr>
          <p:cNvPr id="10" name="Action Button: Back or Previous 9">
            <a:hlinkClick r:id="rId12" action="ppaction://hlinksldjump" highlightClick="1"/>
          </p:cNvPr>
          <p:cNvSpPr/>
          <p:nvPr/>
        </p:nvSpPr>
        <p:spPr>
          <a:xfrm>
            <a:off x="3312917" y="4246061"/>
            <a:ext cx="599846"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7" name="Action Button: Home 6">
            <a:hlinkClick r:id="rId13" action="ppaction://hlinksldjump" highlightClick="1"/>
            <a:extLst>
              <a:ext uri="{FF2B5EF4-FFF2-40B4-BE49-F238E27FC236}">
                <a16:creationId xmlns:a16="http://schemas.microsoft.com/office/drawing/2014/main" id="{17D01359-83BB-47F5-B110-F43D4AFA20AB}"/>
              </a:ext>
            </a:extLst>
          </p:cNvPr>
          <p:cNvSpPr/>
          <p:nvPr/>
        </p:nvSpPr>
        <p:spPr>
          <a:xfrm>
            <a:off x="4272076"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2000" advClick="0">
        <p15:prstTrans prst="crush"/>
      </p:transition>
    </mc:Choice>
    <mc:Fallback xmlns="">
      <p:transition spd="slow" advClick="0">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954"/>
        <p:cNvGrpSpPr/>
        <p:nvPr/>
      </p:nvGrpSpPr>
      <p:grpSpPr>
        <a:xfrm>
          <a:off x="0" y="0"/>
          <a:ext cx="0" cy="0"/>
          <a:chOff x="0" y="0"/>
          <a:chExt cx="0" cy="0"/>
        </a:xfrm>
      </p:grpSpPr>
      <p:sp>
        <p:nvSpPr>
          <p:cNvPr id="955" name="Google Shape;955;p64"/>
          <p:cNvSpPr txBox="1">
            <a:spLocks noGrp="1"/>
          </p:cNvSpPr>
          <p:nvPr>
            <p:ph type="title"/>
          </p:nvPr>
        </p:nvSpPr>
        <p:spPr>
          <a:prstGeom prst="rect">
            <a:avLst/>
          </a:prstGeom>
        </p:spPr>
        <p:txBody>
          <a:bodyPr spcFirstLastPara="1" wrap="square" lIns="91425" tIns="91425" rIns="91425" bIns="91425" anchor="ctr" anchorCtr="0">
            <a:noAutofit/>
          </a:bodyPr>
          <a:lstStyle/>
          <a:p>
            <a:pPr marL="0" lvl="0" indent="0" rtl="0">
              <a:spcBef>
                <a:spcPts val="0"/>
              </a:spcBef>
              <a:spcAft>
                <a:spcPts val="0"/>
              </a:spcAft>
              <a:buNone/>
            </a:pPr>
            <a:r>
              <a:rPr lang="id-ID" dirty="0"/>
              <a:t>Pengembang</a:t>
            </a:r>
            <a:endParaRPr dirty="0"/>
          </a:p>
        </p:txBody>
      </p:sp>
      <p:sp>
        <p:nvSpPr>
          <p:cNvPr id="957" name="Google Shape;957;p64"/>
          <p:cNvSpPr txBox="1">
            <a:spLocks noGrp="1"/>
          </p:cNvSpPr>
          <p:nvPr>
            <p:ph type="subTitle" idx="4294967295"/>
          </p:nvPr>
        </p:nvSpPr>
        <p:spPr>
          <a:xfrm>
            <a:off x="2074068" y="1750922"/>
            <a:ext cx="4995863" cy="1663700"/>
          </a:xfrm>
          <a:prstGeom prst="rect">
            <a:avLst/>
          </a:prstGeom>
        </p:spPr>
        <p:txBody>
          <a:bodyPr spcFirstLastPara="1" wrap="square" lIns="91425" tIns="91425" rIns="91425" bIns="91425" anchor="ctr" anchorCtr="0">
            <a:noAutofit/>
          </a:bodyPr>
          <a:lstStyle/>
          <a:p>
            <a:pPr marL="0" lvl="0" indent="0" algn="just" rtl="0">
              <a:lnSpc>
                <a:spcPct val="150000"/>
              </a:lnSpc>
              <a:spcBef>
                <a:spcPts val="0"/>
              </a:spcBef>
              <a:spcAft>
                <a:spcPts val="0"/>
              </a:spcAft>
              <a:buNone/>
            </a:pPr>
            <a:r>
              <a:rPr sz="1500" dirty="0" err="1"/>
              <a:t>Nama</a:t>
            </a:r>
            <a:r>
              <a:rPr sz="1500" dirty="0"/>
              <a:t>		: </a:t>
            </a:r>
            <a:r>
              <a:rPr sz="1500" dirty="0" err="1"/>
              <a:t>Pramudita</a:t>
            </a:r>
            <a:r>
              <a:rPr sz="1500" dirty="0"/>
              <a:t> </a:t>
            </a:r>
            <a:r>
              <a:rPr sz="1500" dirty="0" err="1"/>
              <a:t>Adha</a:t>
            </a:r>
            <a:endParaRPr sz="1500" dirty="0"/>
          </a:p>
          <a:p>
            <a:pPr marL="0" lvl="0" indent="0" algn="just" rtl="0">
              <a:lnSpc>
                <a:spcPct val="150000"/>
              </a:lnSpc>
              <a:spcBef>
                <a:spcPts val="0"/>
              </a:spcBef>
              <a:spcAft>
                <a:spcPts val="0"/>
              </a:spcAft>
              <a:buNone/>
            </a:pPr>
            <a:r>
              <a:rPr lang="x-none" sz="1500" dirty="0"/>
              <a:t>Tempat Tgl Lahir	: Sleman, 11 Februari 2003</a:t>
            </a:r>
            <a:endParaRPr lang="en-US" sz="1500" dirty="0"/>
          </a:p>
          <a:p>
            <a:pPr marL="0" lvl="0" indent="0" algn="just" rtl="0">
              <a:lnSpc>
                <a:spcPct val="150000"/>
              </a:lnSpc>
              <a:spcBef>
                <a:spcPts val="0"/>
              </a:spcBef>
              <a:spcAft>
                <a:spcPts val="0"/>
              </a:spcAft>
              <a:buNone/>
            </a:pPr>
            <a:r>
              <a:rPr lang="en-ID" sz="1500" dirty="0"/>
              <a:t>Program </a:t>
            </a:r>
            <a:r>
              <a:rPr lang="en-ID" sz="1500" dirty="0" err="1"/>
              <a:t>Studi</a:t>
            </a:r>
            <a:r>
              <a:rPr lang="en-ID" sz="1500" dirty="0"/>
              <a:t>	: </a:t>
            </a:r>
            <a:r>
              <a:rPr lang="en-ID" sz="1500" dirty="0" err="1"/>
              <a:t>Teknologi</a:t>
            </a:r>
            <a:r>
              <a:rPr lang="en-ID" sz="1500" dirty="0"/>
              <a:t> Pendidikan</a:t>
            </a:r>
            <a:endParaRPr lang="x-none" sz="1500" dirty="0"/>
          </a:p>
          <a:p>
            <a:pPr marL="0" lvl="0" indent="0" algn="just" rtl="0">
              <a:lnSpc>
                <a:spcPct val="150000"/>
              </a:lnSpc>
              <a:spcBef>
                <a:spcPts val="0"/>
              </a:spcBef>
              <a:spcAft>
                <a:spcPts val="0"/>
              </a:spcAft>
              <a:buNone/>
            </a:pPr>
            <a:r>
              <a:rPr lang="x-none" sz="1500" dirty="0"/>
              <a:t>Instansi		: Universitas Negeri Yogyakarta</a:t>
            </a:r>
          </a:p>
          <a:p>
            <a:pPr marL="0" lvl="0" indent="0" algn="just" rtl="0">
              <a:lnSpc>
                <a:spcPct val="150000"/>
              </a:lnSpc>
              <a:spcBef>
                <a:spcPts val="0"/>
              </a:spcBef>
              <a:spcAft>
                <a:spcPts val="0"/>
              </a:spcAft>
              <a:buNone/>
            </a:pPr>
            <a:r>
              <a:rPr lang="x-none" sz="1500" dirty="0"/>
              <a:t>WhatsApp	</a:t>
            </a:r>
            <a:r>
              <a:rPr lang="en-US" sz="1500" dirty="0"/>
              <a:t>:</a:t>
            </a:r>
            <a:endParaRPr sz="1500" dirty="0"/>
          </a:p>
        </p:txBody>
      </p:sp>
      <p:sp>
        <p:nvSpPr>
          <p:cNvPr id="14" name="Action Button: Forward or Next 13">
            <a:hlinkClick r:id="rId4" action="ppaction://hlinksldjump" highlightClick="1"/>
          </p:cNvPr>
          <p:cNvSpPr/>
          <p:nvPr/>
        </p:nvSpPr>
        <p:spPr>
          <a:xfrm>
            <a:off x="5398096" y="4187425"/>
            <a:ext cx="599846" cy="669584"/>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dirty="0"/>
          </a:p>
        </p:txBody>
      </p:sp>
      <p:sp>
        <p:nvSpPr>
          <p:cNvPr id="15" name="Action Button: Back or Previous 14">
            <a:hlinkClick r:id="rId5" action="ppaction://hlinksldjump" highlightClick="1"/>
          </p:cNvPr>
          <p:cNvSpPr/>
          <p:nvPr/>
        </p:nvSpPr>
        <p:spPr>
          <a:xfrm>
            <a:off x="3289780" y="4187424"/>
            <a:ext cx="599847" cy="66958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2" name="Action Button: Custom 1">
            <a:hlinkClick r:id="rId6" highlightClick="1"/>
          </p:cNvPr>
          <p:cNvSpPr/>
          <p:nvPr/>
        </p:nvSpPr>
        <p:spPr>
          <a:xfrm>
            <a:off x="4010666" y="3142099"/>
            <a:ext cx="2161309" cy="225631"/>
          </a:xfrm>
          <a:prstGeom prst="actionButtonBlank">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just">
              <a:lnSpc>
                <a:spcPct val="150000"/>
              </a:lnSpc>
            </a:pPr>
            <a:r>
              <a:rPr lang="x-none" sz="1500" dirty="0">
                <a:solidFill>
                  <a:schemeClr val="bg2"/>
                </a:solidFill>
                <a:latin typeface="Work Sans" charset="0"/>
              </a:rPr>
              <a:t>085600857625</a:t>
            </a:r>
          </a:p>
        </p:txBody>
      </p:sp>
      <p:sp>
        <p:nvSpPr>
          <p:cNvPr id="8" name="Action Button: Home 6">
            <a:hlinkClick r:id="rId5" action="ppaction://hlinksldjump" highlightClick="1"/>
            <a:extLst>
              <a:ext uri="{FF2B5EF4-FFF2-40B4-BE49-F238E27FC236}">
                <a16:creationId xmlns:a16="http://schemas.microsoft.com/office/drawing/2014/main" id="{30132D5A-245A-4A86-BD98-4E9407963C52}"/>
              </a:ext>
            </a:extLst>
          </p:cNvPr>
          <p:cNvSpPr/>
          <p:nvPr/>
        </p:nvSpPr>
        <p:spPr>
          <a:xfrm>
            <a:off x="4343938" y="4187424"/>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pic>
        <p:nvPicPr>
          <p:cNvPr id="9" name="Picture 8">
            <a:extLst>
              <a:ext uri="{FF2B5EF4-FFF2-40B4-BE49-F238E27FC236}">
                <a16:creationId xmlns:a16="http://schemas.microsoft.com/office/drawing/2014/main" id="{1B0509E5-3389-4875-B45A-280204DF7E1D}"/>
              </a:ext>
            </a:extLst>
          </p:cNvPr>
          <p:cNvPicPr>
            <a:picLocks noChangeAspect="1"/>
          </p:cNvPicPr>
          <p:nvPr/>
        </p:nvPicPr>
        <p:blipFill>
          <a:blip r:embed="rId7">
            <a:extLst>
              <a:ext uri="{BEBA8EAE-BF5A-486C-A8C5-ECC9F3942E4B}">
                <a14:imgProps xmlns:a14="http://schemas.microsoft.com/office/drawing/2010/main">
                  <a14:imgLayer r:embed="rId8">
                    <a14:imgEffect>
                      <a14:backgroundRemoval t="7563" b="97059" l="10000" r="90000">
                        <a14:foregroundMark x1="21413" y1="89496" x2="27283" y2="97059"/>
                        <a14:foregroundMark x1="40217" y1="11134" x2="45543" y2="6513"/>
                        <a14:foregroundMark x1="45543" y1="6513" x2="50978" y2="7563"/>
                        <a14:foregroundMark x1="50978" y1="7563" x2="52826" y2="10924"/>
                      </a14:backgroundRemoval>
                    </a14:imgEffect>
                  </a14:imgLayer>
                </a14:imgProps>
              </a:ext>
            </a:extLst>
          </a:blip>
          <a:stretch>
            <a:fillRect/>
          </a:stretch>
        </p:blipFill>
        <p:spPr>
          <a:xfrm>
            <a:off x="-1020062" y="2642088"/>
            <a:ext cx="4609765" cy="2567564"/>
          </a:xfrm>
          <a:prstGeom prst="rect">
            <a:avLst/>
          </a:prstGeom>
        </p:spPr>
      </p:pic>
    </p:spTree>
    <p:custDataLst>
      <p:tags r:id="rId1"/>
    </p:custDataLst>
  </p:cSld>
  <p:clrMapOvr>
    <a:masterClrMapping/>
  </p:clrMapOvr>
  <p:transition spd="slow" advClick="0">
    <p:cover/>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4CE9A8E2-4083-468E-B857-B8DE5D6BB02B}"/>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2" name="Title 1"/>
          <p:cNvSpPr>
            <a:spLocks noGrp="1"/>
          </p:cNvSpPr>
          <p:nvPr>
            <p:ph type="title"/>
          </p:nvPr>
        </p:nvSpPr>
        <p:spPr>
          <a:xfrm>
            <a:off x="855027" y="485989"/>
            <a:ext cx="7450223" cy="583200"/>
          </a:xfrm>
        </p:spPr>
        <p:txBody>
          <a:bodyPr/>
          <a:lstStyle/>
          <a:p>
            <a:pPr algn="ctr"/>
            <a:r>
              <a:rPr lang="id-ID" dirty="0"/>
              <a:t>MATERI</a:t>
            </a:r>
          </a:p>
        </p:txBody>
      </p:sp>
      <p:sp>
        <p:nvSpPr>
          <p:cNvPr id="3" name="Google Shape;767;p46">
            <a:hlinkClick r:id="rId6" action="ppaction://hlinksldjump"/>
          </p:cNvPr>
          <p:cNvSpPr txBox="1">
            <a:spLocks/>
          </p:cNvSpPr>
          <p:nvPr/>
        </p:nvSpPr>
        <p:spPr>
          <a:xfrm>
            <a:off x="748843" y="1841223"/>
            <a:ext cx="2374800" cy="562376"/>
          </a:xfrm>
          <a:prstGeom prst="rect">
            <a:avLst/>
          </a:prstGeom>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r" rtl="0">
              <a:lnSpc>
                <a:spcPct val="100000"/>
              </a:lnSpc>
              <a:spcBef>
                <a:spcPts val="0"/>
              </a:spcBef>
              <a:spcAft>
                <a:spcPts val="0"/>
              </a:spcAft>
              <a:buClr>
                <a:schemeClr val="dk1"/>
              </a:buClr>
              <a:buSzPts val="3000"/>
              <a:buFont typeface="Chivo Black"/>
              <a:buNone/>
              <a:defRPr sz="3000" b="0" i="0" u="none" strike="noStrike" cap="none">
                <a:solidFill>
                  <a:schemeClr val="dk1"/>
                </a:solidFill>
                <a:latin typeface="Chivo Black"/>
                <a:ea typeface="Chivo Black"/>
                <a:cs typeface="Chivo Black"/>
                <a:sym typeface="Chivo Black"/>
              </a:defRPr>
            </a:lvl1pPr>
            <a:lvl2pPr marR="0" lvl="1" algn="ctr" rtl="0">
              <a:lnSpc>
                <a:spcPct val="100000"/>
              </a:lnSpc>
              <a:spcBef>
                <a:spcPts val="0"/>
              </a:spcBef>
              <a:spcAft>
                <a:spcPts val="0"/>
              </a:spcAft>
              <a:buClr>
                <a:schemeClr val="dk1"/>
              </a:buClr>
              <a:buSzPts val="3500"/>
              <a:buFont typeface="Chivo Black"/>
              <a:buNone/>
              <a:defRPr sz="3500" b="0" i="0" u="none" strike="noStrike" cap="none">
                <a:solidFill>
                  <a:schemeClr val="dk1"/>
                </a:solidFill>
                <a:latin typeface="Chivo Black"/>
                <a:ea typeface="Chivo Black"/>
                <a:cs typeface="Chivo Black"/>
                <a:sym typeface="Chivo Black"/>
              </a:defRPr>
            </a:lvl2pPr>
            <a:lvl3pPr marR="0" lvl="2" algn="ctr" rtl="0">
              <a:lnSpc>
                <a:spcPct val="100000"/>
              </a:lnSpc>
              <a:spcBef>
                <a:spcPts val="0"/>
              </a:spcBef>
              <a:spcAft>
                <a:spcPts val="0"/>
              </a:spcAft>
              <a:buClr>
                <a:schemeClr val="dk1"/>
              </a:buClr>
              <a:buSzPts val="3500"/>
              <a:buFont typeface="Chivo Black"/>
              <a:buNone/>
              <a:defRPr sz="3500" b="0" i="0" u="none" strike="noStrike" cap="none">
                <a:solidFill>
                  <a:schemeClr val="dk1"/>
                </a:solidFill>
                <a:latin typeface="Chivo Black"/>
                <a:ea typeface="Chivo Black"/>
                <a:cs typeface="Chivo Black"/>
                <a:sym typeface="Chivo Black"/>
              </a:defRPr>
            </a:lvl3pPr>
            <a:lvl4pPr marR="0" lvl="3" algn="ctr" rtl="0">
              <a:lnSpc>
                <a:spcPct val="100000"/>
              </a:lnSpc>
              <a:spcBef>
                <a:spcPts val="0"/>
              </a:spcBef>
              <a:spcAft>
                <a:spcPts val="0"/>
              </a:spcAft>
              <a:buClr>
                <a:schemeClr val="dk1"/>
              </a:buClr>
              <a:buSzPts val="3500"/>
              <a:buFont typeface="Chivo Black"/>
              <a:buNone/>
              <a:defRPr sz="3500" b="0" i="0" u="none" strike="noStrike" cap="none">
                <a:solidFill>
                  <a:schemeClr val="dk1"/>
                </a:solidFill>
                <a:latin typeface="Chivo Black"/>
                <a:ea typeface="Chivo Black"/>
                <a:cs typeface="Chivo Black"/>
                <a:sym typeface="Chivo Black"/>
              </a:defRPr>
            </a:lvl4pPr>
            <a:lvl5pPr marR="0" lvl="4" algn="ctr" rtl="0">
              <a:lnSpc>
                <a:spcPct val="100000"/>
              </a:lnSpc>
              <a:spcBef>
                <a:spcPts val="0"/>
              </a:spcBef>
              <a:spcAft>
                <a:spcPts val="0"/>
              </a:spcAft>
              <a:buClr>
                <a:schemeClr val="dk1"/>
              </a:buClr>
              <a:buSzPts val="3500"/>
              <a:buFont typeface="Chivo Black"/>
              <a:buNone/>
              <a:defRPr sz="3500" b="0" i="0" u="none" strike="noStrike" cap="none">
                <a:solidFill>
                  <a:schemeClr val="dk1"/>
                </a:solidFill>
                <a:latin typeface="Chivo Black"/>
                <a:ea typeface="Chivo Black"/>
                <a:cs typeface="Chivo Black"/>
                <a:sym typeface="Chivo Black"/>
              </a:defRPr>
            </a:lvl5pPr>
            <a:lvl6pPr marR="0" lvl="5" algn="ctr" rtl="0">
              <a:lnSpc>
                <a:spcPct val="100000"/>
              </a:lnSpc>
              <a:spcBef>
                <a:spcPts val="0"/>
              </a:spcBef>
              <a:spcAft>
                <a:spcPts val="0"/>
              </a:spcAft>
              <a:buClr>
                <a:schemeClr val="dk1"/>
              </a:buClr>
              <a:buSzPts val="3500"/>
              <a:buFont typeface="Chivo Black"/>
              <a:buNone/>
              <a:defRPr sz="3500" b="0" i="0" u="none" strike="noStrike" cap="none">
                <a:solidFill>
                  <a:schemeClr val="dk1"/>
                </a:solidFill>
                <a:latin typeface="Chivo Black"/>
                <a:ea typeface="Chivo Black"/>
                <a:cs typeface="Chivo Black"/>
                <a:sym typeface="Chivo Black"/>
              </a:defRPr>
            </a:lvl6pPr>
            <a:lvl7pPr marR="0" lvl="6" algn="ctr" rtl="0">
              <a:lnSpc>
                <a:spcPct val="100000"/>
              </a:lnSpc>
              <a:spcBef>
                <a:spcPts val="0"/>
              </a:spcBef>
              <a:spcAft>
                <a:spcPts val="0"/>
              </a:spcAft>
              <a:buClr>
                <a:schemeClr val="dk1"/>
              </a:buClr>
              <a:buSzPts val="3500"/>
              <a:buFont typeface="Chivo Black"/>
              <a:buNone/>
              <a:defRPr sz="3500" b="0" i="0" u="none" strike="noStrike" cap="none">
                <a:solidFill>
                  <a:schemeClr val="dk1"/>
                </a:solidFill>
                <a:latin typeface="Chivo Black"/>
                <a:ea typeface="Chivo Black"/>
                <a:cs typeface="Chivo Black"/>
                <a:sym typeface="Chivo Black"/>
              </a:defRPr>
            </a:lvl7pPr>
            <a:lvl8pPr marR="0" lvl="7" algn="ctr" rtl="0">
              <a:lnSpc>
                <a:spcPct val="100000"/>
              </a:lnSpc>
              <a:spcBef>
                <a:spcPts val="0"/>
              </a:spcBef>
              <a:spcAft>
                <a:spcPts val="0"/>
              </a:spcAft>
              <a:buClr>
                <a:schemeClr val="dk1"/>
              </a:buClr>
              <a:buSzPts val="3500"/>
              <a:buFont typeface="Chivo Black"/>
              <a:buNone/>
              <a:defRPr sz="3500" b="0" i="0" u="none" strike="noStrike" cap="none">
                <a:solidFill>
                  <a:schemeClr val="dk1"/>
                </a:solidFill>
                <a:latin typeface="Chivo Black"/>
                <a:ea typeface="Chivo Black"/>
                <a:cs typeface="Chivo Black"/>
                <a:sym typeface="Chivo Black"/>
              </a:defRPr>
            </a:lvl8pPr>
            <a:lvl9pPr marR="0" lvl="8" algn="ctr" rtl="0">
              <a:lnSpc>
                <a:spcPct val="100000"/>
              </a:lnSpc>
              <a:spcBef>
                <a:spcPts val="0"/>
              </a:spcBef>
              <a:spcAft>
                <a:spcPts val="0"/>
              </a:spcAft>
              <a:buClr>
                <a:schemeClr val="dk1"/>
              </a:buClr>
              <a:buSzPts val="3500"/>
              <a:buFont typeface="Chivo Black"/>
              <a:buNone/>
              <a:defRPr sz="3500" b="0" i="0" u="none" strike="noStrike" cap="none">
                <a:solidFill>
                  <a:schemeClr val="dk1"/>
                </a:solidFill>
                <a:latin typeface="Chivo Black"/>
                <a:ea typeface="Chivo Black"/>
                <a:cs typeface="Chivo Black"/>
                <a:sym typeface="Chivo Black"/>
              </a:defRPr>
            </a:lvl9pPr>
          </a:lstStyle>
          <a:p>
            <a:pPr algn="ctr"/>
            <a:r>
              <a:rPr lang="id-ID" sz="1400" b="1" dirty="0">
                <a:solidFill>
                  <a:schemeClr val="accent4"/>
                </a:solidFill>
                <a:latin typeface="Work Sans" panose="020B0604020202020204" charset="0"/>
              </a:rPr>
              <a:t>Revolusi Industri</a:t>
            </a:r>
          </a:p>
        </p:txBody>
      </p:sp>
      <p:sp>
        <p:nvSpPr>
          <p:cNvPr id="5" name="Google Shape;770;p46">
            <a:hlinkClick r:id="rId7" action="ppaction://hlinksldjump"/>
          </p:cNvPr>
          <p:cNvSpPr txBox="1">
            <a:spLocks/>
          </p:cNvSpPr>
          <p:nvPr/>
        </p:nvSpPr>
        <p:spPr>
          <a:xfrm>
            <a:off x="3408349" y="1870295"/>
            <a:ext cx="2374800" cy="533499"/>
          </a:xfrm>
          <a:prstGeom prst="rect">
            <a:avLst/>
          </a:prstGeom>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ctr"/>
            <a:r>
              <a:rPr lang="id-ID" b="1" dirty="0">
                <a:solidFill>
                  <a:schemeClr val="accent4"/>
                </a:solidFill>
                <a:latin typeface="Work Sans" panose="020B0604020202020204" charset="0"/>
                <a:ea typeface="Chivo Black" charset="0"/>
                <a:cs typeface="Chivo Black" charset="0"/>
              </a:rPr>
              <a:t>Latar Belakang Revolusi Industri</a:t>
            </a:r>
          </a:p>
        </p:txBody>
      </p:sp>
      <p:sp>
        <p:nvSpPr>
          <p:cNvPr id="7" name="Google Shape;773;p46">
            <a:hlinkClick r:id="rId8" action="ppaction://hlinksldjump"/>
          </p:cNvPr>
          <p:cNvSpPr txBox="1">
            <a:spLocks/>
          </p:cNvSpPr>
          <p:nvPr/>
        </p:nvSpPr>
        <p:spPr>
          <a:xfrm>
            <a:off x="6167950" y="1903355"/>
            <a:ext cx="2374800" cy="498650"/>
          </a:xfrm>
          <a:prstGeom prst="rect">
            <a:avLst/>
          </a:prstGeom>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ctr"/>
            <a:r>
              <a:rPr lang="id-ID" b="1" dirty="0">
                <a:solidFill>
                  <a:schemeClr val="accent4"/>
                </a:solidFill>
                <a:latin typeface="Work Sans" panose="020B0604020202020204" charset="0"/>
                <a:ea typeface="Chivo Black" charset="0"/>
                <a:cs typeface="Chivo Black" charset="0"/>
              </a:rPr>
              <a:t>Tahap Perkembangan Industri</a:t>
            </a:r>
          </a:p>
        </p:txBody>
      </p:sp>
      <p:sp>
        <p:nvSpPr>
          <p:cNvPr id="9" name="Google Shape;776;p46">
            <a:hlinkClick r:id="rId9" action="ppaction://hlinksldjump"/>
          </p:cNvPr>
          <p:cNvSpPr txBox="1">
            <a:spLocks/>
          </p:cNvSpPr>
          <p:nvPr/>
        </p:nvSpPr>
        <p:spPr>
          <a:xfrm>
            <a:off x="748843" y="3104703"/>
            <a:ext cx="2374800" cy="604275"/>
          </a:xfrm>
          <a:prstGeom prst="rect">
            <a:avLst/>
          </a:prstGeom>
          <a:ln/>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ctr"/>
            <a:r>
              <a:rPr lang="id-ID" b="1" dirty="0">
                <a:solidFill>
                  <a:schemeClr val="accent4"/>
                </a:solidFill>
                <a:latin typeface="Work Sans" panose="020B0604020202020204" charset="0"/>
                <a:ea typeface="Chivo Black" charset="0"/>
                <a:cs typeface="Chivo Black" charset="0"/>
              </a:rPr>
              <a:t>Akibat Revolusi Industri</a:t>
            </a:r>
          </a:p>
        </p:txBody>
      </p:sp>
      <p:sp>
        <p:nvSpPr>
          <p:cNvPr id="11" name="Google Shape;779;p46">
            <a:hlinkClick r:id="rId10" action="ppaction://hlinksldjump"/>
          </p:cNvPr>
          <p:cNvSpPr txBox="1">
            <a:spLocks/>
          </p:cNvSpPr>
          <p:nvPr/>
        </p:nvSpPr>
        <p:spPr>
          <a:xfrm>
            <a:off x="3408349" y="3124085"/>
            <a:ext cx="2374800" cy="584894"/>
          </a:xfrm>
          <a:prstGeom prst="rect">
            <a:avLst/>
          </a:prstGeom>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ctr"/>
            <a:r>
              <a:rPr lang="it-IT" b="1" dirty="0">
                <a:solidFill>
                  <a:schemeClr val="accent4"/>
                </a:solidFill>
                <a:latin typeface="Work Sans" panose="020B0604020202020204" charset="0"/>
                <a:ea typeface="Chivo Black" charset="0"/>
                <a:cs typeface="Chivo Black" charset="0"/>
              </a:rPr>
              <a:t>Pengaruh Revolusi Industri Bagi Dunia</a:t>
            </a:r>
          </a:p>
        </p:txBody>
      </p:sp>
      <p:sp>
        <p:nvSpPr>
          <p:cNvPr id="15" name="Google Shape;768;p46">
            <a:hlinkClick r:id="rId8" action="ppaction://hlinksldjump"/>
          </p:cNvPr>
          <p:cNvSpPr txBox="1">
            <a:spLocks/>
          </p:cNvSpPr>
          <p:nvPr/>
        </p:nvSpPr>
        <p:spPr>
          <a:xfrm>
            <a:off x="6968802" y="1333967"/>
            <a:ext cx="793664" cy="562376"/>
          </a:xfrm>
          <a:prstGeom prst="rect">
            <a:avLst/>
          </a:prstGeom>
          <a:solidFill>
            <a:schemeClr val="accent1">
              <a:lumMod val="75000"/>
            </a:schemeClr>
          </a:solidFill>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ctr"/>
            <a:r>
              <a:rPr lang="en" sz="3500" dirty="0">
                <a:solidFill>
                  <a:schemeClr val="tx2">
                    <a:lumMod val="95000"/>
                  </a:schemeClr>
                </a:solidFill>
                <a:latin typeface="Chivo Black" charset="0"/>
                <a:ea typeface="Chivo Black" charset="0"/>
                <a:cs typeface="Chivo Black" charset="0"/>
              </a:rPr>
              <a:t>0</a:t>
            </a:r>
            <a:r>
              <a:rPr lang="id-ID" sz="3500" dirty="0">
                <a:solidFill>
                  <a:schemeClr val="tx2">
                    <a:lumMod val="95000"/>
                  </a:schemeClr>
                </a:solidFill>
                <a:latin typeface="Chivo Black" charset="0"/>
                <a:ea typeface="Chivo Black" charset="0"/>
                <a:cs typeface="Chivo Black" charset="0"/>
              </a:rPr>
              <a:t>3</a:t>
            </a:r>
            <a:endParaRPr lang="en" sz="3500" dirty="0">
              <a:solidFill>
                <a:schemeClr val="tx2">
                  <a:lumMod val="95000"/>
                </a:schemeClr>
              </a:solidFill>
              <a:latin typeface="Chivo Black" charset="0"/>
              <a:ea typeface="Chivo Black" charset="0"/>
              <a:cs typeface="Chivo Black" charset="0"/>
            </a:endParaRPr>
          </a:p>
        </p:txBody>
      </p:sp>
      <p:sp>
        <p:nvSpPr>
          <p:cNvPr id="19" name="Google Shape;779;p46">
            <a:hlinkClick r:id="rId11" action="ppaction://hlinksldjump"/>
          </p:cNvPr>
          <p:cNvSpPr txBox="1">
            <a:spLocks/>
          </p:cNvSpPr>
          <p:nvPr/>
        </p:nvSpPr>
        <p:spPr>
          <a:xfrm>
            <a:off x="6167950" y="3139085"/>
            <a:ext cx="2374800" cy="569894"/>
          </a:xfrm>
          <a:prstGeom prst="rect">
            <a:avLst/>
          </a:prstGeom>
        </p:spPr>
        <p:style>
          <a:lnRef idx="2">
            <a:schemeClr val="accent2"/>
          </a:lnRef>
          <a:fillRef idx="1">
            <a:schemeClr val="lt1"/>
          </a:fillRef>
          <a:effectRef idx="0">
            <a:schemeClr val="accent2"/>
          </a:effectRef>
          <a:fontRef idx="minor">
            <a:schemeClr val="dk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ctr"/>
            <a:r>
              <a:rPr lang="it-IT" b="1" dirty="0">
                <a:solidFill>
                  <a:schemeClr val="accent4"/>
                </a:solidFill>
                <a:latin typeface="Work Sans" panose="020B0604020202020204" charset="0"/>
                <a:ea typeface="Chivo Black" charset="0"/>
                <a:cs typeface="Chivo Black" charset="0"/>
              </a:rPr>
              <a:t>Pengaruh Revolusi Industri Bagi </a:t>
            </a:r>
            <a:r>
              <a:rPr lang="id-ID" b="1" dirty="0">
                <a:solidFill>
                  <a:schemeClr val="accent4"/>
                </a:solidFill>
                <a:latin typeface="Work Sans" panose="020B0604020202020204" charset="0"/>
                <a:ea typeface="Chivo Black" charset="0"/>
                <a:cs typeface="Chivo Black" charset="0"/>
              </a:rPr>
              <a:t>Indonesia</a:t>
            </a:r>
            <a:endParaRPr lang="it-IT" b="1" dirty="0">
              <a:solidFill>
                <a:schemeClr val="accent4"/>
              </a:solidFill>
              <a:latin typeface="Work Sans" panose="020B0604020202020204" charset="0"/>
              <a:ea typeface="Chivo Black" charset="0"/>
              <a:cs typeface="Chivo Black" charset="0"/>
            </a:endParaRPr>
          </a:p>
        </p:txBody>
      </p:sp>
      <p:sp>
        <p:nvSpPr>
          <p:cNvPr id="21" name="Action Button: Forward or Next 20">
            <a:hlinkClick r:id="rId6" action="ppaction://hlinksldjump" highlightClick="1"/>
          </p:cNvPr>
          <p:cNvSpPr/>
          <p:nvPr/>
        </p:nvSpPr>
        <p:spPr>
          <a:xfrm>
            <a:off x="5305795" y="4246060"/>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22" name="Action Button: Back or Previous 21">
            <a:hlinkClick r:id="rId12" action="ppaction://hlinksldjump" highlightClick="1"/>
          </p:cNvPr>
          <p:cNvSpPr/>
          <p:nvPr/>
        </p:nvSpPr>
        <p:spPr>
          <a:xfrm>
            <a:off x="3159950" y="4202188"/>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8" name="Action Button: Custom 7">
            <a:hlinkClick r:id="rId6" action="ppaction://hlinksldjump" highlightClick="1"/>
          </p:cNvPr>
          <p:cNvSpPr/>
          <p:nvPr/>
        </p:nvSpPr>
        <p:spPr>
          <a:xfrm>
            <a:off x="1532343" y="1328019"/>
            <a:ext cx="793663" cy="504324"/>
          </a:xfrm>
          <a:prstGeom prst="actionButtonBlank">
            <a:avLst/>
          </a:prstGeom>
          <a:solidFill>
            <a:schemeClr val="accent1">
              <a:lumMod val="75000"/>
            </a:schemeClr>
          </a:solidFill>
          <a:ln/>
        </p:spPr>
        <p:style>
          <a:lnRef idx="2">
            <a:schemeClr val="accent2"/>
          </a:lnRef>
          <a:fillRef idx="1">
            <a:schemeClr val="lt1"/>
          </a:fillRef>
          <a:effectRef idx="0">
            <a:schemeClr val="accent2"/>
          </a:effectRef>
          <a:fontRef idx="minor">
            <a:schemeClr val="dk1"/>
          </a:fontRef>
        </p:style>
        <p:txBody>
          <a:bodyPr rtlCol="0" anchor="ctr"/>
          <a:lstStyle/>
          <a:p>
            <a:pPr algn="ctr"/>
            <a:r>
              <a:rPr lang="id-ID" sz="3500" dirty="0">
                <a:solidFill>
                  <a:schemeClr val="tx2">
                    <a:lumMod val="95000"/>
                  </a:schemeClr>
                </a:solidFill>
                <a:latin typeface="Chivo Black" charset="0"/>
                <a:ea typeface="Chivo Black" charset="0"/>
                <a:cs typeface="Chivo Black" charset="0"/>
              </a:rPr>
              <a:t>01</a:t>
            </a:r>
          </a:p>
        </p:txBody>
      </p:sp>
      <p:sp>
        <p:nvSpPr>
          <p:cNvPr id="10" name="Action Button: Custom 9">
            <a:hlinkClick r:id="rId7" action="ppaction://hlinksldjump" highlightClick="1"/>
          </p:cNvPr>
          <p:cNvSpPr/>
          <p:nvPr/>
        </p:nvSpPr>
        <p:spPr>
          <a:xfrm>
            <a:off x="4182064" y="1333966"/>
            <a:ext cx="793663" cy="533499"/>
          </a:xfrm>
          <a:prstGeom prst="actionButtonBlank">
            <a:avLst/>
          </a:prstGeom>
          <a:solidFill>
            <a:schemeClr val="accent1">
              <a:lumMod val="75000"/>
            </a:schemeClr>
          </a:solidFill>
          <a:ln/>
        </p:spPr>
        <p:style>
          <a:lnRef idx="2">
            <a:schemeClr val="accent2"/>
          </a:lnRef>
          <a:fillRef idx="1">
            <a:schemeClr val="lt1"/>
          </a:fillRef>
          <a:effectRef idx="0">
            <a:schemeClr val="accent2"/>
          </a:effectRef>
          <a:fontRef idx="minor">
            <a:schemeClr val="dk1"/>
          </a:fontRef>
        </p:style>
        <p:txBody>
          <a:bodyPr rtlCol="0" anchor="ctr"/>
          <a:lstStyle/>
          <a:p>
            <a:pPr algn="ctr"/>
            <a:r>
              <a:rPr lang="id-ID" sz="3500" dirty="0">
                <a:solidFill>
                  <a:schemeClr val="tx2">
                    <a:lumMod val="95000"/>
                  </a:schemeClr>
                </a:solidFill>
                <a:latin typeface="Chivo Black" charset="0"/>
                <a:ea typeface="Chivo Black" charset="0"/>
                <a:cs typeface="Chivo Black" charset="0"/>
              </a:rPr>
              <a:t>02</a:t>
            </a:r>
          </a:p>
        </p:txBody>
      </p:sp>
      <p:sp>
        <p:nvSpPr>
          <p:cNvPr id="12" name="Action Button: Custom 11">
            <a:hlinkClick r:id="rId9" action="ppaction://hlinksldjump" highlightClick="1"/>
          </p:cNvPr>
          <p:cNvSpPr/>
          <p:nvPr/>
        </p:nvSpPr>
        <p:spPr>
          <a:xfrm>
            <a:off x="1532344" y="2611323"/>
            <a:ext cx="793662" cy="484800"/>
          </a:xfrm>
          <a:prstGeom prst="actionButtonBlank">
            <a:avLst/>
          </a:prstGeom>
          <a:solidFill>
            <a:schemeClr val="accent1">
              <a:lumMod val="75000"/>
            </a:schemeClr>
          </a:solidFill>
          <a:ln/>
        </p:spPr>
        <p:style>
          <a:lnRef idx="2">
            <a:schemeClr val="accent2"/>
          </a:lnRef>
          <a:fillRef idx="1">
            <a:schemeClr val="lt1"/>
          </a:fillRef>
          <a:effectRef idx="0">
            <a:schemeClr val="accent2"/>
          </a:effectRef>
          <a:fontRef idx="minor">
            <a:schemeClr val="dk1"/>
          </a:fontRef>
        </p:style>
        <p:txBody>
          <a:bodyPr rtlCol="0" anchor="ctr"/>
          <a:lstStyle/>
          <a:p>
            <a:pPr algn="ctr"/>
            <a:r>
              <a:rPr lang="id-ID" sz="3500" dirty="0">
                <a:solidFill>
                  <a:schemeClr val="tx2">
                    <a:lumMod val="95000"/>
                  </a:schemeClr>
                </a:solidFill>
                <a:latin typeface="Chivo Black" charset="0"/>
                <a:ea typeface="Chivo Black" charset="0"/>
                <a:cs typeface="Chivo Black" charset="0"/>
              </a:rPr>
              <a:t>04</a:t>
            </a:r>
          </a:p>
        </p:txBody>
      </p:sp>
      <p:sp>
        <p:nvSpPr>
          <p:cNvPr id="13" name="Action Button: Custom 12">
            <a:hlinkClick r:id="rId10" action="ppaction://hlinksldjump" highlightClick="1"/>
          </p:cNvPr>
          <p:cNvSpPr/>
          <p:nvPr/>
        </p:nvSpPr>
        <p:spPr>
          <a:xfrm>
            <a:off x="4159941" y="2632654"/>
            <a:ext cx="871617" cy="474900"/>
          </a:xfrm>
          <a:prstGeom prst="actionButtonBlank">
            <a:avLst/>
          </a:prstGeom>
          <a:solidFill>
            <a:schemeClr val="accent1">
              <a:lumMod val="75000"/>
            </a:schemeClr>
          </a:solidFill>
          <a:ln/>
        </p:spPr>
        <p:style>
          <a:lnRef idx="2">
            <a:schemeClr val="accent2"/>
          </a:lnRef>
          <a:fillRef idx="1">
            <a:schemeClr val="lt1"/>
          </a:fillRef>
          <a:effectRef idx="0">
            <a:schemeClr val="accent2"/>
          </a:effectRef>
          <a:fontRef idx="minor">
            <a:schemeClr val="dk1"/>
          </a:fontRef>
        </p:style>
        <p:txBody>
          <a:bodyPr rtlCol="0" anchor="ctr"/>
          <a:lstStyle/>
          <a:p>
            <a:pPr algn="ctr"/>
            <a:r>
              <a:rPr lang="id-ID" sz="3500" dirty="0">
                <a:solidFill>
                  <a:schemeClr val="tx2">
                    <a:lumMod val="95000"/>
                  </a:schemeClr>
                </a:solidFill>
                <a:latin typeface="Chivo Black" charset="0"/>
                <a:ea typeface="Chivo Black" charset="0"/>
                <a:cs typeface="Chivo Black" charset="0"/>
              </a:rPr>
              <a:t>05</a:t>
            </a:r>
          </a:p>
        </p:txBody>
      </p:sp>
      <p:sp>
        <p:nvSpPr>
          <p:cNvPr id="23" name="Action Button: Custom 22">
            <a:hlinkClick r:id="rId11" action="ppaction://hlinksldjump" highlightClick="1"/>
          </p:cNvPr>
          <p:cNvSpPr/>
          <p:nvPr/>
        </p:nvSpPr>
        <p:spPr>
          <a:xfrm>
            <a:off x="6976103" y="2632654"/>
            <a:ext cx="758494" cy="498650"/>
          </a:xfrm>
          <a:prstGeom prst="actionButtonBlank">
            <a:avLst/>
          </a:prstGeom>
          <a:solidFill>
            <a:schemeClr val="accent1">
              <a:lumMod val="75000"/>
            </a:schemeClr>
          </a:solidFill>
          <a:ln/>
        </p:spPr>
        <p:style>
          <a:lnRef idx="2">
            <a:schemeClr val="accent2"/>
          </a:lnRef>
          <a:fillRef idx="1">
            <a:schemeClr val="lt1"/>
          </a:fillRef>
          <a:effectRef idx="0">
            <a:schemeClr val="accent2"/>
          </a:effectRef>
          <a:fontRef idx="minor">
            <a:schemeClr val="dk1"/>
          </a:fontRef>
        </p:style>
        <p:txBody>
          <a:bodyPr rtlCol="0" anchor="ctr"/>
          <a:lstStyle/>
          <a:p>
            <a:pPr algn="ctr"/>
            <a:r>
              <a:rPr lang="id-ID" sz="3500" dirty="0">
                <a:solidFill>
                  <a:schemeClr val="tx2">
                    <a:lumMod val="95000"/>
                  </a:schemeClr>
                </a:solidFill>
                <a:latin typeface="Chivo Black" charset="0"/>
                <a:ea typeface="Chivo Black" charset="0"/>
                <a:cs typeface="Chivo Black" charset="0"/>
              </a:rPr>
              <a:t>06</a:t>
            </a:r>
          </a:p>
        </p:txBody>
      </p:sp>
      <p:sp>
        <p:nvSpPr>
          <p:cNvPr id="18" name="Action Button: Home 6">
            <a:hlinkClick r:id="rId13" action="ppaction://hlinksldjump" highlightClick="1"/>
            <a:extLst>
              <a:ext uri="{FF2B5EF4-FFF2-40B4-BE49-F238E27FC236}">
                <a16:creationId xmlns:a16="http://schemas.microsoft.com/office/drawing/2014/main" id="{2EFB9740-7304-4768-A900-3D2703B2ADC6}"/>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extLst>
      <p:ext uri="{BB962C8B-B14F-4D97-AF65-F5344CB8AC3E}">
        <p14:creationId xmlns:p14="http://schemas.microsoft.com/office/powerpoint/2010/main" val="2412400110"/>
      </p:ext>
    </p:extLst>
  </p:cSld>
  <p:clrMapOvr>
    <a:masterClrMapping/>
  </p:clrMapOvr>
  <p:transition spd="slow" advClick="0">
    <p:push dir="r"/>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82ACA39D-7705-43B1-A821-41BB84F691D5}"/>
              </a:ext>
            </a:extLst>
          </p:cNvPr>
          <p:cNvPicPr>
            <a:picLocks noChangeAspect="1"/>
          </p:cNvPicPr>
          <p:nvPr/>
        </p:nvPicPr>
        <p:blipFill>
          <a:blip r:embed="rId4">
            <a:extLst>
              <a:ext uri="{BEBA8EAE-BF5A-486C-A8C5-ECC9F3942E4B}">
                <a14:imgProps xmlns:a14="http://schemas.microsoft.com/office/drawing/2010/main">
                  <a14:imgLayer r:embed="rId5">
                    <a14:imgEffect>
                      <a14:artisticBlur radius="3"/>
                    </a14:imgEffect>
                  </a14:imgLayer>
                </a14:imgProps>
              </a:ext>
            </a:extLst>
          </a:blip>
          <a:stretch>
            <a:fillRect/>
          </a:stretch>
        </p:blipFill>
        <p:spPr>
          <a:xfrm>
            <a:off x="-1" y="0"/>
            <a:ext cx="9464597" cy="5143500"/>
          </a:xfrm>
          <a:prstGeom prst="rect">
            <a:avLst/>
          </a:prstGeom>
        </p:spPr>
      </p:pic>
      <p:sp>
        <p:nvSpPr>
          <p:cNvPr id="2" name="Title 1"/>
          <p:cNvSpPr>
            <a:spLocks noGrp="1"/>
          </p:cNvSpPr>
          <p:nvPr>
            <p:ph type="title"/>
          </p:nvPr>
        </p:nvSpPr>
        <p:spPr>
          <a:xfrm>
            <a:off x="2279695" y="691573"/>
            <a:ext cx="5096242" cy="628936"/>
          </a:xfrm>
          <a:prstGeom prst="roundRect">
            <a:avLst/>
          </a:prstGeom>
        </p:spPr>
        <p:style>
          <a:lnRef idx="2">
            <a:schemeClr val="dk1"/>
          </a:lnRef>
          <a:fillRef idx="1">
            <a:schemeClr val="lt1"/>
          </a:fillRef>
          <a:effectRef idx="0">
            <a:schemeClr val="dk1"/>
          </a:effectRef>
          <a:fontRef idx="minor">
            <a:schemeClr val="dk1"/>
          </a:fontRef>
        </p:style>
        <p:txBody>
          <a:bodyPr/>
          <a:lstStyle/>
          <a:p>
            <a:r>
              <a:rPr lang="id-ID" sz="3000" dirty="0"/>
              <a:t>Revolusi Industri</a:t>
            </a:r>
          </a:p>
        </p:txBody>
      </p:sp>
      <p:sp>
        <p:nvSpPr>
          <p:cNvPr id="3" name="Google Shape;755;p44"/>
          <p:cNvSpPr txBox="1">
            <a:spLocks/>
          </p:cNvSpPr>
          <p:nvPr/>
        </p:nvSpPr>
        <p:spPr>
          <a:xfrm>
            <a:off x="1560878" y="1441938"/>
            <a:ext cx="6533875" cy="2381054"/>
          </a:xfrm>
          <a:prstGeom prst="roundRect">
            <a:avLst/>
          </a:prstGeom>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marL="285750" indent="-285750" algn="just">
              <a:lnSpc>
                <a:spcPct val="150000"/>
              </a:lnSpc>
              <a:buFont typeface="Arial" pitchFamily="34" charset="0"/>
              <a:buChar char="•"/>
            </a:pPr>
            <a:r>
              <a:rPr lang="id-ID" dirty="0">
                <a:solidFill>
                  <a:schemeClr val="accent4">
                    <a:lumMod val="50000"/>
                  </a:schemeClr>
                </a:solidFill>
                <a:latin typeface="Work Sans" charset="0"/>
              </a:rPr>
              <a:t>Revolusi Industri terjadi sekitar tahun </a:t>
            </a:r>
            <a:r>
              <a:rPr lang="id-ID" b="1" dirty="0">
                <a:solidFill>
                  <a:schemeClr val="accent4">
                    <a:lumMod val="50000"/>
                  </a:schemeClr>
                </a:solidFill>
                <a:latin typeface="Work Sans" charset="0"/>
              </a:rPr>
              <a:t>1750-1850</a:t>
            </a:r>
            <a:r>
              <a:rPr lang="id-ID" dirty="0">
                <a:solidFill>
                  <a:schemeClr val="accent4">
                    <a:lumMod val="50000"/>
                  </a:schemeClr>
                </a:solidFill>
                <a:latin typeface="Work Sans" charset="0"/>
              </a:rPr>
              <a:t>. Revolusi Industri merupakan periode ketika terjadi suatu perubahan besar dalam kegiatan perindustrian.</a:t>
            </a:r>
          </a:p>
          <a:p>
            <a:pPr marL="285750" indent="-285750" algn="just">
              <a:lnSpc>
                <a:spcPct val="150000"/>
              </a:lnSpc>
              <a:buFont typeface="Arial" pitchFamily="34" charset="0"/>
              <a:buChar char="•"/>
            </a:pPr>
            <a:r>
              <a:rPr lang="id-ID" dirty="0">
                <a:solidFill>
                  <a:schemeClr val="accent4">
                    <a:lumMod val="50000"/>
                  </a:schemeClr>
                </a:solidFill>
                <a:latin typeface="Work Sans" charset="0"/>
              </a:rPr>
              <a:t>Revolusi Industri berarti perubahan radikal dalam usaha mencapai produksi menggunakan mesin-mesin, baik untuk tenaga penggerak maupun untuk tenaga pemroses. </a:t>
            </a:r>
          </a:p>
        </p:txBody>
      </p:sp>
      <p:sp>
        <p:nvSpPr>
          <p:cNvPr id="5" name="Action Button: Forward or Next 4">
            <a:hlinkClick r:id="rId6" action="ppaction://hlinksldjump" highlightClick="1"/>
          </p:cNvPr>
          <p:cNvSpPr/>
          <p:nvPr/>
        </p:nvSpPr>
        <p:spPr>
          <a:xfrm>
            <a:off x="5166470" y="4246061"/>
            <a:ext cx="601284"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6" name="Action Button: Back or Previous 5">
            <a:hlinkClick r:id="rId7" action="ppaction://hlinksldjump" highlightClick="1"/>
          </p:cNvPr>
          <p:cNvSpPr/>
          <p:nvPr/>
        </p:nvSpPr>
        <p:spPr>
          <a:xfrm>
            <a:off x="3277745" y="4246061"/>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7" name="Action Button: Home 6">
            <a:hlinkClick r:id="rId8" action="ppaction://hlinksldjump" highlightClick="1"/>
            <a:extLst>
              <a:ext uri="{FF2B5EF4-FFF2-40B4-BE49-F238E27FC236}">
                <a16:creationId xmlns:a16="http://schemas.microsoft.com/office/drawing/2014/main" id="{E6CF613B-B8AA-440E-B496-5D0E28C99240}"/>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extLst>
      <p:ext uri="{BB962C8B-B14F-4D97-AF65-F5344CB8AC3E}">
        <p14:creationId xmlns:p14="http://schemas.microsoft.com/office/powerpoint/2010/main" val="947571994"/>
      </p:ext>
    </p:extLst>
  </p:cSld>
  <p:clrMapOvr>
    <a:masterClrMapping/>
  </p:clrMapOvr>
  <mc:AlternateContent xmlns:mc="http://schemas.openxmlformats.org/markup-compatibility/2006" xmlns:p14="http://schemas.microsoft.com/office/powerpoint/2010/main">
    <mc:Choice Requires="p14">
      <p:transition spd="slow" p14:dur="1100" advClick="0">
        <p14:switch dir="r"/>
      </p:transition>
    </mc:Choice>
    <mc:Fallback xmlns="">
      <p:transition spd="slow" advClick="0">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792"/>
        <p:cNvGrpSpPr/>
        <p:nvPr/>
      </p:nvGrpSpPr>
      <p:grpSpPr>
        <a:xfrm>
          <a:off x="0" y="0"/>
          <a:ext cx="0" cy="0"/>
          <a:chOff x="0" y="0"/>
          <a:chExt cx="0" cy="0"/>
        </a:xfrm>
      </p:grpSpPr>
      <p:pic>
        <p:nvPicPr>
          <p:cNvPr id="10" name="Picture 9">
            <a:extLst>
              <a:ext uri="{FF2B5EF4-FFF2-40B4-BE49-F238E27FC236}">
                <a16:creationId xmlns:a16="http://schemas.microsoft.com/office/drawing/2014/main" id="{9411C713-A753-45FA-B027-249CC81DB268}"/>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1" y="1"/>
            <a:ext cx="9146903" cy="5141866"/>
          </a:xfrm>
          <a:prstGeom prst="rect">
            <a:avLst/>
          </a:prstGeom>
        </p:spPr>
      </p:pic>
      <p:sp>
        <p:nvSpPr>
          <p:cNvPr id="793" name="Google Shape;793;p48"/>
          <p:cNvSpPr txBox="1">
            <a:spLocks noGrp="1"/>
          </p:cNvSpPr>
          <p:nvPr>
            <p:ph type="title"/>
          </p:nvPr>
        </p:nvSpPr>
        <p:spPr>
          <a:xfrm>
            <a:off x="736270" y="493241"/>
            <a:ext cx="6542695" cy="716127"/>
          </a:xfrm>
          <a:prstGeom prst="roundRect">
            <a:avLst/>
          </a:prstGeom>
          <a:solidFill>
            <a:schemeClr val="tx2"/>
          </a:solidFill>
          <a:ln>
            <a:solidFill>
              <a:schemeClr val="accent4"/>
            </a:solidFill>
          </a:ln>
        </p:spPr>
        <p:txBody>
          <a:bodyPr spcFirstLastPara="1" wrap="square" lIns="91425" tIns="91425" rIns="91425" bIns="91425" anchor="ctr" anchorCtr="0">
            <a:noAutofit/>
          </a:bodyPr>
          <a:lstStyle/>
          <a:p>
            <a:pPr marL="0" lvl="0" indent="0" algn="l" rtl="0">
              <a:spcBef>
                <a:spcPts val="0"/>
              </a:spcBef>
              <a:spcAft>
                <a:spcPts val="0"/>
              </a:spcAft>
              <a:buNone/>
            </a:pPr>
            <a:r>
              <a:rPr lang="id-ID" sz="3000" dirty="0"/>
              <a:t>Latar Belakang Revolusi Industri</a:t>
            </a:r>
            <a:endParaRPr sz="3000" dirty="0"/>
          </a:p>
        </p:txBody>
      </p:sp>
      <p:sp>
        <p:nvSpPr>
          <p:cNvPr id="4" name="Google Shape;755;p44"/>
          <p:cNvSpPr txBox="1">
            <a:spLocks/>
          </p:cNvSpPr>
          <p:nvPr/>
        </p:nvSpPr>
        <p:spPr>
          <a:xfrm>
            <a:off x="1353787" y="1674422"/>
            <a:ext cx="6533875" cy="1991014"/>
          </a:xfrm>
          <a:prstGeom prst="rect">
            <a:avLst/>
          </a:prstGeom>
        </p:spPr>
        <p:txBody>
          <a:bodyPr spcFirstLastPara="1" wrap="square" lIns="91425" tIns="91425" rIns="91425" bIns="91425" anchor="t"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just">
              <a:lnSpc>
                <a:spcPct val="150000"/>
              </a:lnSpc>
            </a:pPr>
            <a:endParaRPr lang="id-ID" dirty="0">
              <a:solidFill>
                <a:schemeClr val="accent4">
                  <a:lumMod val="50000"/>
                </a:schemeClr>
              </a:solidFill>
              <a:latin typeface="Work Sans" charset="0"/>
            </a:endParaRPr>
          </a:p>
        </p:txBody>
      </p:sp>
      <p:sp>
        <p:nvSpPr>
          <p:cNvPr id="6" name="Google Shape;755;p44"/>
          <p:cNvSpPr txBox="1">
            <a:spLocks/>
          </p:cNvSpPr>
          <p:nvPr/>
        </p:nvSpPr>
        <p:spPr>
          <a:xfrm>
            <a:off x="736270" y="1516650"/>
            <a:ext cx="7243948" cy="1781299"/>
          </a:xfrm>
          <a:prstGeom prst="roundRect">
            <a:avLst/>
          </a:prstGeom>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just" fontAlgn="base">
              <a:lnSpc>
                <a:spcPct val="150000"/>
              </a:lnSpc>
            </a:pPr>
            <a:r>
              <a:rPr lang="id-ID" sz="1600" dirty="0">
                <a:solidFill>
                  <a:schemeClr val="accent4">
                    <a:lumMod val="50000"/>
                  </a:schemeClr>
                </a:solidFill>
                <a:latin typeface="Work Sans" charset="0"/>
              </a:rPr>
              <a:t>Negara yang dianggap sebagai pelopor Revolusi Industri adalah Inggris. Revolusi Industri muncul untuk pertama  kalinya di Inggris sekitar </a:t>
            </a:r>
            <a:r>
              <a:rPr lang="id-ID" sz="1600" b="1" dirty="0">
                <a:solidFill>
                  <a:schemeClr val="accent4">
                    <a:lumMod val="50000"/>
                  </a:schemeClr>
                </a:solidFill>
                <a:latin typeface="Work Sans" charset="0"/>
              </a:rPr>
              <a:t>abad XVIII</a:t>
            </a:r>
            <a:r>
              <a:rPr lang="id-ID" sz="1600" dirty="0">
                <a:solidFill>
                  <a:schemeClr val="accent4">
                    <a:lumMod val="50000"/>
                  </a:schemeClr>
                </a:solidFill>
                <a:latin typeface="Work Sans" charset="0"/>
              </a:rPr>
              <a:t> yang dilatarbelakangi oleh faktor ekstern dan faktor intern.</a:t>
            </a:r>
          </a:p>
        </p:txBody>
      </p:sp>
      <p:sp>
        <p:nvSpPr>
          <p:cNvPr id="5" name="Title 4">
            <a:hlinkClick r:id="rId6" highlightClick="1"/>
          </p:cNvPr>
          <p:cNvSpPr txBox="1">
            <a:spLocks/>
          </p:cNvSpPr>
          <p:nvPr/>
        </p:nvSpPr>
        <p:spPr>
          <a:xfrm>
            <a:off x="843149" y="3480086"/>
            <a:ext cx="1665590" cy="650404"/>
          </a:xfrm>
          <a:prstGeom prst="actionButtonBlank">
            <a:avLst/>
          </a:prstGeom>
          <a:ln/>
        </p:spPr>
        <p:style>
          <a:lnRef idx="2">
            <a:schemeClr val="accent1">
              <a:shade val="50000"/>
            </a:schemeClr>
          </a:lnRef>
          <a:fillRef idx="1">
            <a:schemeClr val="accent1"/>
          </a:fillRef>
          <a:effectRef idx="0">
            <a:schemeClr val="accent1"/>
          </a:effectRef>
          <a:fontRef idx="minor">
            <a:schemeClr val="lt1"/>
          </a:fontRef>
        </p:style>
        <p:txBody>
          <a:bodyPr spcFirstLastPara="1" wrap="square" lIns="91425" tIns="91425" rIns="91425" bIns="91425" anchor="ctr" anchorCtr="0">
            <a:noAutofit/>
          </a:bodyPr>
          <a:lstStyle>
            <a:defPPr marR="0" lvl="0" algn="l" rtl="0">
              <a:lnSpc>
                <a:spcPct val="100000"/>
              </a:lnSpc>
              <a:spcBef>
                <a:spcPts val="0"/>
              </a:spcBef>
              <a:spcAft>
                <a:spcPts val="0"/>
              </a:spcAft>
            </a:defPPr>
            <a:lvl1pPr marR="0" lvl="0" algn="ctr" rtl="0">
              <a:lnSpc>
                <a:spcPct val="100000"/>
              </a:lnSpc>
              <a:spcBef>
                <a:spcPts val="0"/>
              </a:spcBef>
              <a:spcAft>
                <a:spcPts val="0"/>
              </a:spcAft>
              <a:buClr>
                <a:schemeClr val="dk1"/>
              </a:buClr>
              <a:buSzPts val="2400"/>
              <a:buFont typeface="Chivo Black"/>
              <a:buNone/>
              <a:defRPr sz="2500" b="0" i="0" u="none" strike="noStrike" cap="none">
                <a:solidFill>
                  <a:schemeClr val="accent4"/>
                </a:solidFill>
                <a:latin typeface="Chivo Black"/>
                <a:ea typeface="Chivo Black"/>
                <a:cs typeface="Chivo Black"/>
                <a:sym typeface="Chivo Black"/>
              </a:defRPr>
            </a:lvl1pPr>
            <a:lvl2pPr marR="0" lvl="1" algn="l" rtl="0">
              <a:lnSpc>
                <a:spcPct val="100000"/>
              </a:lnSpc>
              <a:spcBef>
                <a:spcPts val="0"/>
              </a:spcBef>
              <a:spcAft>
                <a:spcPts val="0"/>
              </a:spcAft>
              <a:buClr>
                <a:schemeClr val="dk1"/>
              </a:buClr>
              <a:buSzPts val="2400"/>
              <a:buFont typeface="Chivo Black"/>
              <a:buNone/>
              <a:defRPr sz="2400" b="0" i="0" u="none" strike="noStrike" cap="none">
                <a:solidFill>
                  <a:schemeClr val="dk1"/>
                </a:solidFill>
                <a:latin typeface="Chivo Black"/>
                <a:ea typeface="Chivo Black"/>
                <a:cs typeface="Chivo Black"/>
                <a:sym typeface="Chivo Black"/>
              </a:defRPr>
            </a:lvl2pPr>
            <a:lvl3pPr marR="0" lvl="2" algn="l" rtl="0">
              <a:lnSpc>
                <a:spcPct val="100000"/>
              </a:lnSpc>
              <a:spcBef>
                <a:spcPts val="0"/>
              </a:spcBef>
              <a:spcAft>
                <a:spcPts val="0"/>
              </a:spcAft>
              <a:buClr>
                <a:schemeClr val="dk1"/>
              </a:buClr>
              <a:buSzPts val="2400"/>
              <a:buFont typeface="Chivo Black"/>
              <a:buNone/>
              <a:defRPr sz="2400" b="0" i="0" u="none" strike="noStrike" cap="none">
                <a:solidFill>
                  <a:schemeClr val="dk1"/>
                </a:solidFill>
                <a:latin typeface="Chivo Black"/>
                <a:ea typeface="Chivo Black"/>
                <a:cs typeface="Chivo Black"/>
                <a:sym typeface="Chivo Black"/>
              </a:defRPr>
            </a:lvl3pPr>
            <a:lvl4pPr marR="0" lvl="3" algn="l" rtl="0">
              <a:lnSpc>
                <a:spcPct val="100000"/>
              </a:lnSpc>
              <a:spcBef>
                <a:spcPts val="0"/>
              </a:spcBef>
              <a:spcAft>
                <a:spcPts val="0"/>
              </a:spcAft>
              <a:buClr>
                <a:schemeClr val="dk1"/>
              </a:buClr>
              <a:buSzPts val="2400"/>
              <a:buFont typeface="Chivo Black"/>
              <a:buNone/>
              <a:defRPr sz="2400" b="0" i="0" u="none" strike="noStrike" cap="none">
                <a:solidFill>
                  <a:schemeClr val="dk1"/>
                </a:solidFill>
                <a:latin typeface="Chivo Black"/>
                <a:ea typeface="Chivo Black"/>
                <a:cs typeface="Chivo Black"/>
                <a:sym typeface="Chivo Black"/>
              </a:defRPr>
            </a:lvl4pPr>
            <a:lvl5pPr marR="0" lvl="4" algn="l" rtl="0">
              <a:lnSpc>
                <a:spcPct val="100000"/>
              </a:lnSpc>
              <a:spcBef>
                <a:spcPts val="0"/>
              </a:spcBef>
              <a:spcAft>
                <a:spcPts val="0"/>
              </a:spcAft>
              <a:buClr>
                <a:schemeClr val="dk1"/>
              </a:buClr>
              <a:buSzPts val="2400"/>
              <a:buFont typeface="Chivo Black"/>
              <a:buNone/>
              <a:defRPr sz="2400" b="0" i="0" u="none" strike="noStrike" cap="none">
                <a:solidFill>
                  <a:schemeClr val="dk1"/>
                </a:solidFill>
                <a:latin typeface="Chivo Black"/>
                <a:ea typeface="Chivo Black"/>
                <a:cs typeface="Chivo Black"/>
                <a:sym typeface="Chivo Black"/>
              </a:defRPr>
            </a:lvl5pPr>
            <a:lvl6pPr marR="0" lvl="5" algn="l" rtl="0">
              <a:lnSpc>
                <a:spcPct val="100000"/>
              </a:lnSpc>
              <a:spcBef>
                <a:spcPts val="0"/>
              </a:spcBef>
              <a:spcAft>
                <a:spcPts val="0"/>
              </a:spcAft>
              <a:buClr>
                <a:schemeClr val="dk1"/>
              </a:buClr>
              <a:buSzPts val="2400"/>
              <a:buFont typeface="Chivo Black"/>
              <a:buNone/>
              <a:defRPr sz="2400" b="0" i="0" u="none" strike="noStrike" cap="none">
                <a:solidFill>
                  <a:schemeClr val="dk1"/>
                </a:solidFill>
                <a:latin typeface="Chivo Black"/>
                <a:ea typeface="Chivo Black"/>
                <a:cs typeface="Chivo Black"/>
                <a:sym typeface="Chivo Black"/>
              </a:defRPr>
            </a:lvl6pPr>
            <a:lvl7pPr marR="0" lvl="6" algn="l" rtl="0">
              <a:lnSpc>
                <a:spcPct val="100000"/>
              </a:lnSpc>
              <a:spcBef>
                <a:spcPts val="0"/>
              </a:spcBef>
              <a:spcAft>
                <a:spcPts val="0"/>
              </a:spcAft>
              <a:buClr>
                <a:schemeClr val="dk1"/>
              </a:buClr>
              <a:buSzPts val="2400"/>
              <a:buFont typeface="Chivo Black"/>
              <a:buNone/>
              <a:defRPr sz="2400" b="0" i="0" u="none" strike="noStrike" cap="none">
                <a:solidFill>
                  <a:schemeClr val="dk1"/>
                </a:solidFill>
                <a:latin typeface="Chivo Black"/>
                <a:ea typeface="Chivo Black"/>
                <a:cs typeface="Chivo Black"/>
                <a:sym typeface="Chivo Black"/>
              </a:defRPr>
            </a:lvl7pPr>
            <a:lvl8pPr marR="0" lvl="7" algn="l" rtl="0">
              <a:lnSpc>
                <a:spcPct val="100000"/>
              </a:lnSpc>
              <a:spcBef>
                <a:spcPts val="0"/>
              </a:spcBef>
              <a:spcAft>
                <a:spcPts val="0"/>
              </a:spcAft>
              <a:buClr>
                <a:schemeClr val="dk1"/>
              </a:buClr>
              <a:buSzPts val="2400"/>
              <a:buFont typeface="Chivo Black"/>
              <a:buNone/>
              <a:defRPr sz="2400" b="0" i="0" u="none" strike="noStrike" cap="none">
                <a:solidFill>
                  <a:schemeClr val="dk1"/>
                </a:solidFill>
                <a:latin typeface="Chivo Black"/>
                <a:ea typeface="Chivo Black"/>
                <a:cs typeface="Chivo Black"/>
                <a:sym typeface="Chivo Black"/>
              </a:defRPr>
            </a:lvl8pPr>
            <a:lvl9pPr marR="0" lvl="8" algn="l" rtl="0">
              <a:lnSpc>
                <a:spcPct val="100000"/>
              </a:lnSpc>
              <a:spcBef>
                <a:spcPts val="0"/>
              </a:spcBef>
              <a:spcAft>
                <a:spcPts val="0"/>
              </a:spcAft>
              <a:buClr>
                <a:schemeClr val="dk1"/>
              </a:buClr>
              <a:buSzPts val="2400"/>
              <a:buFont typeface="Chivo Black"/>
              <a:buNone/>
              <a:defRPr sz="2400" b="0" i="0" u="none" strike="noStrike" cap="none">
                <a:solidFill>
                  <a:schemeClr val="dk1"/>
                </a:solidFill>
                <a:latin typeface="Chivo Black"/>
                <a:ea typeface="Chivo Black"/>
                <a:cs typeface="Chivo Black"/>
                <a:sym typeface="Chivo Black"/>
              </a:defRPr>
            </a:lvl9pPr>
          </a:lstStyle>
          <a:p>
            <a:r>
              <a:rPr lang="id-ID" sz="1100" dirty="0">
                <a:solidFill>
                  <a:schemeClr val="accent6"/>
                </a:solidFill>
                <a:latin typeface="Work Sans" charset="0"/>
              </a:rPr>
              <a:t>Article About Revolusi Industri</a:t>
            </a:r>
            <a:endParaRPr lang="id-ID" sz="1100" dirty="0">
              <a:solidFill>
                <a:schemeClr val="accent6"/>
              </a:solidFill>
            </a:endParaRPr>
          </a:p>
        </p:txBody>
      </p:sp>
      <p:sp>
        <p:nvSpPr>
          <p:cNvPr id="8" name="Action Button: Forward or Next 7">
            <a:hlinkClick r:id="rId7" action="ppaction://hlinksldjump" highlightClick="1"/>
          </p:cNvPr>
          <p:cNvSpPr/>
          <p:nvPr/>
        </p:nvSpPr>
        <p:spPr>
          <a:xfrm>
            <a:off x="5189911" y="4246060"/>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9" name="Action Button: Back or Previous 8">
            <a:hlinkClick r:id="rId8" action="ppaction://hlinksldjump" highlightClick="1"/>
          </p:cNvPr>
          <p:cNvSpPr/>
          <p:nvPr/>
        </p:nvSpPr>
        <p:spPr>
          <a:xfrm>
            <a:off x="3254304" y="4246061"/>
            <a:ext cx="599847" cy="650404"/>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1" name="Action Button: Home 6">
            <a:hlinkClick r:id="rId9" action="ppaction://hlinksldjump" highlightClick="1"/>
            <a:extLst>
              <a:ext uri="{FF2B5EF4-FFF2-40B4-BE49-F238E27FC236}">
                <a16:creationId xmlns:a16="http://schemas.microsoft.com/office/drawing/2014/main" id="{9114BC9F-6F17-4DC5-898D-BC18B52FECAF}"/>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p:transition spd="slow" advClick="0">
    <p:push/>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a:extLst>
              <a:ext uri="{FF2B5EF4-FFF2-40B4-BE49-F238E27FC236}">
                <a16:creationId xmlns:a16="http://schemas.microsoft.com/office/drawing/2014/main" id="{0AA977AF-5EAB-4BEE-8F52-0ED2033F6114}"/>
              </a:ext>
            </a:extLst>
          </p:cNvPr>
          <p:cNvPicPr>
            <a:picLocks noChangeAspect="1"/>
          </p:cNvPicPr>
          <p:nvPr/>
        </p:nvPicPr>
        <p:blipFill>
          <a:blip r:embed="rId4">
            <a:extLst>
              <a:ext uri="{BEBA8EAE-BF5A-486C-A8C5-ECC9F3942E4B}">
                <a14:imgProps xmlns:a14="http://schemas.microsoft.com/office/drawing/2010/main">
                  <a14:imgLayer r:embed="rId5">
                    <a14:imgEffect>
                      <a14:artisticBlur radius="3"/>
                    </a14:imgEffect>
                  </a14:imgLayer>
                </a14:imgProps>
              </a:ext>
            </a:extLst>
          </a:blip>
          <a:stretch>
            <a:fillRect/>
          </a:stretch>
        </p:blipFill>
        <p:spPr>
          <a:xfrm>
            <a:off x="-1" y="0"/>
            <a:ext cx="9464597" cy="5143500"/>
          </a:xfrm>
          <a:prstGeom prst="rect">
            <a:avLst/>
          </a:prstGeom>
        </p:spPr>
      </p:pic>
      <p:sp>
        <p:nvSpPr>
          <p:cNvPr id="4" name="Google Shape;793;p48"/>
          <p:cNvSpPr txBox="1">
            <a:spLocks noGrp="1"/>
          </p:cNvSpPr>
          <p:nvPr>
            <p:ph type="title"/>
          </p:nvPr>
        </p:nvSpPr>
        <p:spPr>
          <a:xfrm>
            <a:off x="819397" y="296883"/>
            <a:ext cx="6577865" cy="591189"/>
          </a:xfrm>
          <a:prstGeom prst="roundRect">
            <a:avLst/>
          </a:prstGeom>
        </p:spPr>
        <p:style>
          <a:lnRef idx="2">
            <a:schemeClr val="dk1"/>
          </a:lnRef>
          <a:fillRef idx="1">
            <a:schemeClr val="lt1"/>
          </a:fillRef>
          <a:effectRef idx="0">
            <a:schemeClr val="dk1"/>
          </a:effectRef>
          <a:fontRef idx="minor">
            <a:schemeClr val="dk1"/>
          </a:fontRef>
        </p:style>
        <p:txBody>
          <a:bodyPr spcFirstLastPara="1" wrap="square" lIns="91425" tIns="91425" rIns="91425" bIns="91425" anchor="ctr" anchorCtr="0">
            <a:noAutofit/>
          </a:bodyPr>
          <a:lstStyle/>
          <a:p>
            <a:pPr marL="0" lvl="0" indent="0" algn="l" rtl="0">
              <a:spcBef>
                <a:spcPts val="0"/>
              </a:spcBef>
              <a:spcAft>
                <a:spcPts val="0"/>
              </a:spcAft>
              <a:buNone/>
            </a:pPr>
            <a:r>
              <a:rPr lang="id-ID" sz="3000" dirty="0"/>
              <a:t>Latar Belakang Revolusi Industri</a:t>
            </a:r>
            <a:endParaRPr sz="3000" dirty="0"/>
          </a:p>
        </p:txBody>
      </p:sp>
      <p:sp>
        <p:nvSpPr>
          <p:cNvPr id="5" name="Google Shape;755;p44"/>
          <p:cNvSpPr txBox="1">
            <a:spLocks/>
          </p:cNvSpPr>
          <p:nvPr/>
        </p:nvSpPr>
        <p:spPr>
          <a:xfrm>
            <a:off x="611933" y="1088318"/>
            <a:ext cx="7232072" cy="2616174"/>
          </a:xfrm>
          <a:prstGeom prst="roundRect">
            <a:avLst/>
          </a:prstGeom>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marL="285750" indent="-285750" algn="just" fontAlgn="base">
              <a:lnSpc>
                <a:spcPct val="150000"/>
              </a:lnSpc>
              <a:buFont typeface="Arial" pitchFamily="34" charset="0"/>
              <a:buChar char="•"/>
            </a:pPr>
            <a:r>
              <a:rPr lang="id-ID" b="1" dirty="0">
                <a:solidFill>
                  <a:schemeClr val="accent4">
                    <a:lumMod val="50000"/>
                  </a:schemeClr>
                </a:solidFill>
                <a:latin typeface="Work Sans" charset="0"/>
              </a:rPr>
              <a:t>Faktor Ekstern : </a:t>
            </a:r>
            <a:r>
              <a:rPr lang="id-ID" dirty="0">
                <a:solidFill>
                  <a:schemeClr val="accent4">
                    <a:lumMod val="50000"/>
                  </a:schemeClr>
                </a:solidFill>
                <a:latin typeface="Work Sans" charset="0"/>
              </a:rPr>
              <a:t>Perkembangan ilmu pengetahuan dan pembentukan lembaga-lembaga riset seperti </a:t>
            </a:r>
            <a:r>
              <a:rPr lang="id-ID" i="1" dirty="0">
                <a:solidFill>
                  <a:schemeClr val="accent4">
                    <a:lumMod val="50000"/>
                  </a:schemeClr>
                </a:solidFill>
                <a:latin typeface="Work Sans" charset="0"/>
              </a:rPr>
              <a:t>The Royal Society for Improving Natural Knowledge </a:t>
            </a:r>
            <a:r>
              <a:rPr lang="id-ID" dirty="0">
                <a:solidFill>
                  <a:schemeClr val="accent4">
                    <a:lumMod val="50000"/>
                  </a:schemeClr>
                </a:solidFill>
                <a:latin typeface="Work Sans" charset="0"/>
              </a:rPr>
              <a:t>dan </a:t>
            </a:r>
            <a:r>
              <a:rPr lang="id-ID" i="1" dirty="0">
                <a:solidFill>
                  <a:schemeClr val="accent4">
                    <a:lumMod val="50000"/>
                  </a:schemeClr>
                </a:solidFill>
                <a:latin typeface="Work Sans" charset="0"/>
              </a:rPr>
              <a:t>The Royal Society of England</a:t>
            </a:r>
            <a:r>
              <a:rPr lang="id-ID" dirty="0">
                <a:solidFill>
                  <a:schemeClr val="accent4">
                    <a:lumMod val="50000"/>
                  </a:schemeClr>
                </a:solidFill>
                <a:latin typeface="Work Sans" charset="0"/>
              </a:rPr>
              <a:t>.</a:t>
            </a:r>
          </a:p>
          <a:p>
            <a:pPr marL="285750" indent="-285750" algn="just" fontAlgn="base">
              <a:lnSpc>
                <a:spcPct val="150000"/>
              </a:lnSpc>
              <a:buFont typeface="Arial" pitchFamily="34" charset="0"/>
              <a:buChar char="•"/>
            </a:pPr>
            <a:r>
              <a:rPr lang="id-ID" b="1" dirty="0">
                <a:solidFill>
                  <a:schemeClr val="accent4">
                    <a:lumMod val="50000"/>
                  </a:schemeClr>
                </a:solidFill>
                <a:latin typeface="Work Sans" charset="0"/>
              </a:rPr>
              <a:t>Faktor Intern : </a:t>
            </a:r>
            <a:r>
              <a:rPr lang="id-ID" dirty="0">
                <a:solidFill>
                  <a:schemeClr val="accent4">
                    <a:lumMod val="50000"/>
                  </a:schemeClr>
                </a:solidFill>
                <a:latin typeface="Work Sans" charset="0"/>
              </a:rPr>
              <a:t>Revolusi Agraria*, adanya kekayaan alam yang melimpah, keberadaan tenaga ahli dalam perindustrian, tanah jajahan yang luas, bayaknya tenaga kerja, adanya kebebasan berusaha, modal yang besar, dan adanya jaminan stabilitas keamanan dari pemerintah.</a:t>
            </a:r>
          </a:p>
        </p:txBody>
      </p:sp>
      <p:sp>
        <p:nvSpPr>
          <p:cNvPr id="8" name="Action Button: Forward or Next 7">
            <a:hlinkClick r:id="rId6" action="ppaction://hlinksldjump" highlightClick="1"/>
          </p:cNvPr>
          <p:cNvSpPr/>
          <p:nvPr/>
        </p:nvSpPr>
        <p:spPr>
          <a:xfrm>
            <a:off x="5191352" y="4246060"/>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9" name="Action Button: Back or Previous 8">
            <a:hlinkClick r:id="rId7" action="ppaction://hlinksldjump" highlightClick="1"/>
          </p:cNvPr>
          <p:cNvSpPr/>
          <p:nvPr/>
        </p:nvSpPr>
        <p:spPr>
          <a:xfrm>
            <a:off x="3260990" y="4246060"/>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2" name="Action Button: Custom 1">
            <a:hlinkClick r:id="rId6" action="ppaction://hlinksldjump" highlightClick="1"/>
          </p:cNvPr>
          <p:cNvSpPr/>
          <p:nvPr/>
        </p:nvSpPr>
        <p:spPr>
          <a:xfrm>
            <a:off x="1006114" y="3841047"/>
            <a:ext cx="1244717" cy="650405"/>
          </a:xfrm>
          <a:prstGeom prst="actionButtonBlank">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id-ID" sz="1000" dirty="0">
                <a:solidFill>
                  <a:schemeClr val="accent6"/>
                </a:solidFill>
                <a:latin typeface="Work Sans" charset="0"/>
              </a:rPr>
              <a:t>*About Revolusi Agraria</a:t>
            </a:r>
            <a:endParaRPr lang="id-ID" sz="1000" dirty="0">
              <a:solidFill>
                <a:schemeClr val="accent6"/>
              </a:solidFill>
            </a:endParaRPr>
          </a:p>
        </p:txBody>
      </p:sp>
      <p:sp>
        <p:nvSpPr>
          <p:cNvPr id="10" name="Action Button: Home 6">
            <a:hlinkClick r:id="rId8" action="ppaction://hlinksldjump" highlightClick="1"/>
            <a:extLst>
              <a:ext uri="{FF2B5EF4-FFF2-40B4-BE49-F238E27FC236}">
                <a16:creationId xmlns:a16="http://schemas.microsoft.com/office/drawing/2014/main" id="{8EFCEFDC-AA9E-4D63-8EA3-8915B221F768}"/>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extLst>
      <p:ext uri="{BB962C8B-B14F-4D97-AF65-F5344CB8AC3E}">
        <p14:creationId xmlns:p14="http://schemas.microsoft.com/office/powerpoint/2010/main" val="1351303545"/>
      </p:ext>
    </p:extLst>
  </p:cSld>
  <p:clrMapOvr>
    <a:masterClrMapping/>
  </p:clrMapOvr>
  <p:transition spd="slow" advClick="0">
    <p:pull/>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54B0E1E5-9CCC-4137-BAA6-653A6CF05D92}"/>
              </a:ext>
            </a:extLst>
          </p:cNvPr>
          <p:cNvPicPr>
            <a:picLocks noChangeAspect="1"/>
          </p:cNvPicPr>
          <p:nvPr/>
        </p:nvPicPr>
        <p:blipFill>
          <a:blip r:embed="rId4">
            <a:extLst>
              <a:ext uri="{BEBA8EAE-BF5A-486C-A8C5-ECC9F3942E4B}">
                <a14:imgProps xmlns:a14="http://schemas.microsoft.com/office/drawing/2010/main">
                  <a14:imgLayer r:embed="rId5">
                    <a14:imgEffect>
                      <a14:artisticBlur/>
                    </a14:imgEffect>
                  </a14:imgLayer>
                </a14:imgProps>
              </a:ext>
            </a:extLst>
          </a:blip>
          <a:stretch>
            <a:fillRect/>
          </a:stretch>
        </p:blipFill>
        <p:spPr>
          <a:xfrm>
            <a:off x="-2903" y="1634"/>
            <a:ext cx="9146903" cy="5141866"/>
          </a:xfrm>
          <a:prstGeom prst="rect">
            <a:avLst/>
          </a:prstGeom>
        </p:spPr>
      </p:pic>
      <p:sp>
        <p:nvSpPr>
          <p:cNvPr id="2" name="Title 1"/>
          <p:cNvSpPr>
            <a:spLocks noGrp="1"/>
          </p:cNvSpPr>
          <p:nvPr>
            <p:ph type="title"/>
          </p:nvPr>
        </p:nvSpPr>
        <p:spPr>
          <a:xfrm>
            <a:off x="2626500" y="734838"/>
            <a:ext cx="3891000" cy="596944"/>
          </a:xfrm>
          <a:prstGeom prst="roundRect">
            <a:avLst/>
          </a:prstGeom>
        </p:spPr>
        <p:style>
          <a:lnRef idx="2">
            <a:schemeClr val="dk1"/>
          </a:lnRef>
          <a:fillRef idx="1">
            <a:schemeClr val="lt1"/>
          </a:fillRef>
          <a:effectRef idx="0">
            <a:schemeClr val="dk1"/>
          </a:effectRef>
          <a:fontRef idx="minor">
            <a:schemeClr val="dk1"/>
          </a:fontRef>
        </p:style>
        <p:txBody>
          <a:bodyPr/>
          <a:lstStyle/>
          <a:p>
            <a:r>
              <a:rPr lang="id-ID" dirty="0"/>
              <a:t>Revolusi Agraria</a:t>
            </a:r>
          </a:p>
        </p:txBody>
      </p:sp>
      <p:sp>
        <p:nvSpPr>
          <p:cNvPr id="6" name="Google Shape;755;p44"/>
          <p:cNvSpPr txBox="1">
            <a:spLocks/>
          </p:cNvSpPr>
          <p:nvPr/>
        </p:nvSpPr>
        <p:spPr>
          <a:xfrm>
            <a:off x="997530" y="1676400"/>
            <a:ext cx="7232072" cy="2135319"/>
          </a:xfrm>
          <a:prstGeom prst="roundRect">
            <a:avLst/>
          </a:prstGeom>
        </p:spPr>
        <p:style>
          <a:lnRef idx="2">
            <a:schemeClr val="accent4"/>
          </a:lnRef>
          <a:fillRef idx="1">
            <a:schemeClr val="lt1"/>
          </a:fillRef>
          <a:effectRef idx="0">
            <a:schemeClr val="accent4"/>
          </a:effectRef>
          <a:fontRef idx="minor">
            <a:schemeClr val="dk1"/>
          </a:fontRef>
        </p:style>
        <p:txBody>
          <a:bodyPr spcFirstLastPara="1" wrap="square" lIns="91425" tIns="91425" rIns="91425" bIns="91425" anchor="t" anchorCtr="0">
            <a:noAutofit/>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a:lstStyle>
          <a:p>
            <a:pPr algn="ctr" fontAlgn="base">
              <a:lnSpc>
                <a:spcPct val="150000"/>
              </a:lnSpc>
            </a:pPr>
            <a:r>
              <a:rPr lang="id-ID" sz="1700" dirty="0">
                <a:solidFill>
                  <a:schemeClr val="accent4">
                    <a:lumMod val="50000"/>
                  </a:schemeClr>
                </a:solidFill>
                <a:latin typeface="Work Sans" charset="0"/>
              </a:rPr>
              <a:t>Revolusi Agraria merupakan perubahan fungsi tanah pertanian milik kaum bangsawan menjadi tanah untuk peternakan domba. Munculnya Revolusi Agraria didorong oleh meningkatnya permintaan bahan baku kain wol.</a:t>
            </a:r>
          </a:p>
        </p:txBody>
      </p:sp>
      <p:sp>
        <p:nvSpPr>
          <p:cNvPr id="5" name="Action Button: Forward or Next 4">
            <a:hlinkClick r:id="rId6" action="ppaction://hlinksldjump" highlightClick="1"/>
          </p:cNvPr>
          <p:cNvSpPr/>
          <p:nvPr/>
        </p:nvSpPr>
        <p:spPr>
          <a:xfrm>
            <a:off x="5190297" y="4246061"/>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dirty="0"/>
          </a:p>
        </p:txBody>
      </p:sp>
      <p:sp>
        <p:nvSpPr>
          <p:cNvPr id="7" name="Action Button: Back or Previous 6">
            <a:hlinkClick r:id="rId7" action="ppaction://hlinksldjump" highlightClick="1"/>
          </p:cNvPr>
          <p:cNvSpPr/>
          <p:nvPr/>
        </p:nvSpPr>
        <p:spPr>
          <a:xfrm>
            <a:off x="3265641" y="4246061"/>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8" name="Action Button: Home 6">
            <a:hlinkClick r:id="rId8" action="ppaction://hlinksldjump" highlightClick="1"/>
            <a:extLst>
              <a:ext uri="{FF2B5EF4-FFF2-40B4-BE49-F238E27FC236}">
                <a16:creationId xmlns:a16="http://schemas.microsoft.com/office/drawing/2014/main" id="{212EC3B6-06CB-4D39-A678-A3C995915AF3}"/>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extLst>
      <p:ext uri="{BB962C8B-B14F-4D97-AF65-F5344CB8AC3E}">
        <p14:creationId xmlns:p14="http://schemas.microsoft.com/office/powerpoint/2010/main" val="1671997742"/>
      </p:ext>
    </p:extLst>
  </p:cSld>
  <p:clrMapOvr>
    <a:masterClrMapping/>
  </p:clrMapOvr>
  <p:transition spd="slow" advClick="0">
    <p:wheel spokes="1"/>
  </p:transition>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089"/>
        <p:cNvGrpSpPr/>
        <p:nvPr/>
      </p:nvGrpSpPr>
      <p:grpSpPr>
        <a:xfrm>
          <a:off x="0" y="0"/>
          <a:ext cx="0" cy="0"/>
          <a:chOff x="0" y="0"/>
          <a:chExt cx="0" cy="0"/>
        </a:xfrm>
      </p:grpSpPr>
      <p:sp>
        <p:nvSpPr>
          <p:cNvPr id="1091" name="Google Shape;1091;p78"/>
          <p:cNvSpPr txBox="1">
            <a:spLocks noGrp="1"/>
          </p:cNvSpPr>
          <p:nvPr>
            <p:ph type="title"/>
          </p:nvPr>
        </p:nvSpPr>
        <p:spPr>
          <a:xfrm>
            <a:off x="3001796" y="222814"/>
            <a:ext cx="3687900" cy="572700"/>
          </a:xfrm>
          <a:prstGeom prst="rect">
            <a:avLst/>
          </a:prstGeom>
        </p:spPr>
        <p:txBody>
          <a:bodyPr spcFirstLastPara="1" wrap="square" lIns="91425" tIns="91425" rIns="91425" bIns="91425" anchor="ctr" anchorCtr="0">
            <a:noAutofit/>
          </a:bodyPr>
          <a:lstStyle/>
          <a:p>
            <a:pPr marL="0" lvl="0" indent="0" algn="ctr" rtl="0">
              <a:spcBef>
                <a:spcPts val="0"/>
              </a:spcBef>
              <a:spcAft>
                <a:spcPts val="0"/>
              </a:spcAft>
              <a:buNone/>
            </a:pPr>
            <a:r>
              <a:rPr lang="id-ID" sz="2400" dirty="0"/>
              <a:t>Play!</a:t>
            </a:r>
            <a:endParaRPr sz="2400" dirty="0"/>
          </a:p>
        </p:txBody>
      </p:sp>
      <p:sp>
        <p:nvSpPr>
          <p:cNvPr id="12" name="Action Button: Forward or Next 11">
            <a:hlinkClick r:id="rId6" action="ppaction://hlinksldjump" highlightClick="1"/>
          </p:cNvPr>
          <p:cNvSpPr/>
          <p:nvPr/>
        </p:nvSpPr>
        <p:spPr>
          <a:xfrm>
            <a:off x="5190296" y="4246061"/>
            <a:ext cx="599847" cy="650405"/>
          </a:xfrm>
          <a:prstGeom prst="actionButtonForwardNext">
            <a:avLst/>
          </a:prstGeom>
          <a:ln w="28575"/>
          <a:effectLst>
            <a:outerShdw blurRad="50800" dist="38100" dir="8100000" algn="tr"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
        <p:nvSpPr>
          <p:cNvPr id="13" name="Action Button: Back or Previous 12">
            <a:hlinkClick r:id="rId7" action="ppaction://hlinksldjump" highlightClick="1"/>
          </p:cNvPr>
          <p:cNvSpPr/>
          <p:nvPr/>
        </p:nvSpPr>
        <p:spPr>
          <a:xfrm>
            <a:off x="3265642" y="4246061"/>
            <a:ext cx="599847" cy="650405"/>
          </a:xfrm>
          <a:prstGeom prst="actionButtonBackPrevious">
            <a:avLst/>
          </a:prstGeom>
          <a:ln w="28575"/>
          <a:effectLst>
            <a:outerShdw blurRad="50800" dist="38100" dir="2700000" algn="tl" rotWithShape="0">
              <a:prstClr val="black">
                <a:alpha val="40000"/>
              </a:prstClr>
            </a:outerShdw>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pic>
        <p:nvPicPr>
          <p:cNvPr id="2" name="z7vDz9YhWN4214409125" title="Sejarah Revolusi Industri : Materi Sejarah Peminatan XI">
            <a:hlinkClick r:id="" action="ppaction://media"/>
            <a:extLst>
              <a:ext uri="{FF2B5EF4-FFF2-40B4-BE49-F238E27FC236}">
                <a16:creationId xmlns:a16="http://schemas.microsoft.com/office/drawing/2014/main" id="{283377C1-3B81-4AF8-A947-810A0EEEB2F7}"/>
              </a:ext>
            </a:extLst>
          </p:cNvPr>
          <p:cNvPicPr>
            <a:picLocks noRot="1" noChangeAspect="1"/>
          </p:cNvPicPr>
          <p:nvPr>
            <a:videoFile r:link="rId2"/>
            <p:custDataLst>
              <p:tags r:id="rId3"/>
            </p:custDataLst>
          </p:nvPr>
        </p:nvPicPr>
        <p:blipFill>
          <a:blip r:embed="rId8"/>
          <a:stretch>
            <a:fillRect/>
          </a:stretch>
        </p:blipFill>
        <p:spPr>
          <a:xfrm>
            <a:off x="1913227" y="767167"/>
            <a:ext cx="5802923" cy="3278651"/>
          </a:xfrm>
          <a:prstGeom prst="rect">
            <a:avLst/>
          </a:prstGeom>
        </p:spPr>
      </p:pic>
      <p:sp>
        <p:nvSpPr>
          <p:cNvPr id="7" name="Action Button: Home 6">
            <a:hlinkClick r:id="rId9" action="ppaction://hlinksldjump" highlightClick="1"/>
            <a:extLst>
              <a:ext uri="{FF2B5EF4-FFF2-40B4-BE49-F238E27FC236}">
                <a16:creationId xmlns:a16="http://schemas.microsoft.com/office/drawing/2014/main" id="{EEBB4E4A-7630-4601-A1B4-C1A4DE4E6F5D}"/>
              </a:ext>
            </a:extLst>
          </p:cNvPr>
          <p:cNvSpPr/>
          <p:nvPr/>
        </p:nvSpPr>
        <p:spPr>
          <a:xfrm>
            <a:off x="4227969" y="4246061"/>
            <a:ext cx="599847" cy="650405"/>
          </a:xfrm>
          <a:prstGeom prst="actionButtonHome">
            <a:avLst/>
          </a:prstGeom>
          <a:ln w="28575"/>
          <a:effectLst>
            <a:outerShdw blurRad="63500" sx="102000" sy="102000" algn="ctr" rotWithShape="0">
              <a:prstClr val="black">
                <a:alpha val="40000"/>
              </a:prstClr>
            </a:outerShdw>
            <a:reflection blurRad="6350" stA="50000" endA="300" endPos="55000" dir="5400000" sy="-100000" algn="bl" rotWithShape="0"/>
          </a:effectLst>
        </p:spPr>
        <p:style>
          <a:lnRef idx="3">
            <a:schemeClr val="lt1"/>
          </a:lnRef>
          <a:fillRef idx="1">
            <a:schemeClr val="accent4"/>
          </a:fillRef>
          <a:effectRef idx="1">
            <a:schemeClr val="accent4"/>
          </a:effectRef>
          <a:fontRef idx="minor">
            <a:schemeClr val="lt1"/>
          </a:fontRef>
        </p:style>
        <p:txBody>
          <a:bodyPr rtlCol="0" anchor="ctr"/>
          <a:lstStyle/>
          <a:p>
            <a:pPr algn="ctr"/>
            <a:endParaRPr lang="id-ID"/>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1100" advClick="0">
        <p14:switch dir="l"/>
      </p:transition>
    </mc:Choice>
    <mc:Fallback xmlns="">
      <p:transition spd="slow" advClick="0">
        <p:fade/>
      </p:transition>
    </mc:Fallback>
  </mc:AlternateContent>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2" presetClass="mediacall" presetSubtype="0" fill="hold" nodeType="clickEffect">
                                  <p:stCondLst>
                                    <p:cond delay="0"/>
                                  </p:stCondLst>
                                  <p:childTnLst>
                                    <p:cmd type="call" cmd="togglePause">
                                      <p:cBhvr>
                                        <p:cTn id="6" dur="1" fill="hold"/>
                                        <p:tgtEl>
                                          <p:spTgt spid="2"/>
                                        </p:tgtEl>
                                      </p:cBhvr>
                                    </p:cmd>
                                  </p:childTnLst>
                                </p:cTn>
                              </p:par>
                            </p:childTnLst>
                          </p:cTn>
                        </p:par>
                      </p:childTnLst>
                    </p:cTn>
                  </p:par>
                </p:childTnLst>
              </p:cTn>
              <p:nextCondLst>
                <p:cond evt="onClick" delay="0">
                  <p:tgtEl>
                    <p:spTgt spid="2"/>
                  </p:tgtEl>
                </p:cond>
              </p:nextCondLst>
            </p:seq>
            <p:video>
              <p:cMediaNode vol="80000">
                <p:cTn id="7" fill="hold" display="0">
                  <p:stCondLst>
                    <p:cond delay="indefinite"/>
                  </p:stCondLst>
                </p:cTn>
                <p:tgtEl>
                  <p:spTgt spid="2"/>
                </p:tgtEl>
              </p:cMediaNode>
            </p:video>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FOLDER_UPDATED" val="1"/>
  <p:tag name="ISPRING_FIRST_PUBLISH" val="1"/>
  <p:tag name="ISPRING_RESOURCE_FOLDER" val="C:\Users\HP\Downloads\ppt revolusi industri dan pengaruhnya\"/>
  <p:tag name="ISPRING_PRESENTATION_PATH" val="C:\Users\HP\Downloads\ppt revolusi industri dan pengaruhnya.pptx"/>
  <p:tag name="ISPRING_LMS_API_VERSION" val="SCORM 2004 (2nd edition)"/>
  <p:tag name="ISPRING_ULTRA_SCORM_COURCE_TITLE" val="Revolusi Industri dan Pengaruhnya"/>
  <p:tag name="ISPRING_ULTRA_SCORM_COURSE_ID" val="C79282EF-10CD-46FE-9769-4C5D6AA6E719"/>
  <p:tag name="ISPRING_CMI5_LAUNCH_METHOD" val="any window"/>
  <p:tag name="ISPRING_SCORM_RATE_SLIDES" val="1"/>
  <p:tag name="ISPRINGCLOUDFOLDERID" val="1"/>
  <p:tag name="ISPRINGONLINEFOLDERID" val="1"/>
  <p:tag name="ISPRING_PRESENTATION_TITLE" val="Revolusi Industri dan Pengaruhnya"/>
  <p:tag name="ISPRING_SCREEN_RECS_UPDATED" val="C:\Users\HP\Downloads\ppt revolusi industri dan pengaruhnya\"/>
  <p:tag name="ISPRING_UUID" val="{6FE5756B-62BB-47BC-95B2-1E9BFF462DCC}"/>
  <p:tag name="ISPRING_OUTPUT_FOLDER" val="[[&quot;\u0018:D\uFFFD{3A28DC10-CF2C-433A-9679-4180B89B0149}&quot;,&quot;F:\\&quot;]]"/>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true,&quot;showPlayPause&quot;:true,&quot;showPlaybackRateButton&quot;:true,&quot;showPrevButton&quot;:true,&quot;showRewind&quot;:false,&quot;showSlideNumbers&quot;:true,&quot;showSlideOnlyButton&quot;:false,&quot;showVolumeControl&quot;:true,&quot;visible&quot;:fals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76,&quot;width&quot;:16},&quot;playerModule&quot;:&quot;UniversalHtml&quot;,&quot;presentationContent&quot;:{&quot;metadata&quot;:{&quot;references&quot;:false,&quot;texts&quot;:[&quot;DT_COURSE_TITLE&quot;,&quot;DT_HYPERLINK_TOOLTIP&quot;]},&quot;resources&quot;:{&quot;attachments&quot;:false,&quot;fonts&quot;:[{&quot;charsets&quot;:{&quot;dynamicFormatted&quot;:[&quot;DCT_INTERACTIVITY_TEXT&quot;,&quot;DCT_INTERACTIVITY_SEMIBOLD_TEXT&quot;],&quot;dynamicPlain&quot;:[&quot;DCT_COURSE_TITLE&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COURSE_TITLE&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COURSE_TITLE&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COURSE_TITLE&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COURSE_TITLE&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COURSE_TITLE&quot;,&quot;DCT_HYPERLINK_TOOLTIP&quot;],&quot;static&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true,&quot;playerLayout&quot;:&quot;custom&quot;,&quot;playerLayoutFooter&quot;:&quot;&quot;,&quot;playerLayoutHeader&quot;:&quot;title&quot;,&quot;playerLayoutHeaderButtonsPosition&quot;:&quot;right&quot;,&quot;playerLayoutOutline&quot;:&quot;enableSearch,showThumbnails,showSlideNumber,enableMultilevel&quot;,&quot;playerLayoutProgress&quot;:&quot;&quot;,&quot;playerLayoutProgressMode&quot;:&quot;&quot;,&quot;playerLayoutSidebar&quot;:&quot;&quot;,&quot;playerLayoutSidebarPosition&quot;:&quot;righ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Blue&quot;,&quot;playerThemeFont&quot;:&quot;Arial&quot;}}}"/>
  <p:tag name="ISPRING-SUITE_ISPRING_CURRENT_PLAYER_ID" val="universal"/>
  <p:tag name="ISPRING_PROJECT_VERSION" val="9.3"/>
  <p:tag name="ISPRING_SCORM_PASSING_SCORE" val="87.000000"/>
  <p:tag name="ISPRING_PLAYERS_CUSTOMIZATION_2" val="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"/>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none&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
  <p:tag name="ISPRING_CURRENT_PLAYER_ID" val="none"/>
  <p:tag name="ISPRING_SCORM_ENDPOINT" val="&lt;endpoint&gt;&lt;enable&gt;0&lt;/enable&gt;&lt;lrs&gt;http://&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GENSWF_SLIDE_UID" val="{5F310FD2-CE66-4F00-8A01-2A4EC345DD8D}:292"/>
  <p:tag name="ISPRING_SLIDE_INDENT_LEVEL" val="0"/>
  <p:tag name="ISPRING_CUSTOM_TIMING_USED" val="0"/>
  <p:tag name="ISPRING_PLAYER_LAYOUT_TYPE" val="NoSidebar"/>
</p:tagLst>
</file>

<file path=ppt/tags/tag11.xml><?xml version="1.0" encoding="utf-8"?>
<p:tagLst xmlns:a="http://schemas.openxmlformats.org/drawingml/2006/main" xmlns:r="http://schemas.openxmlformats.org/officeDocument/2006/relationships" xmlns:p="http://schemas.openxmlformats.org/presentationml/2006/main">
  <p:tag name="ISPRING_YT_SHOW_AFTER" val="0"/>
  <p:tag name="ISPRING_YT_WEB_ADDRESS" val="https://www.youtube.com/watch?v=z7vDz9YhWN4&amp;t=393s"/>
</p:tagLst>
</file>

<file path=ppt/tags/tag12.xml><?xml version="1.0" encoding="utf-8"?>
<p:tagLst xmlns:a="http://schemas.openxmlformats.org/drawingml/2006/main" xmlns:r="http://schemas.openxmlformats.org/officeDocument/2006/relationships" xmlns:p="http://schemas.openxmlformats.org/presentationml/2006/main">
  <p:tag name="GENSWF_SLIDE_UID" val="{839F9390-1264-4948-BA90-9018137A320B}:284"/>
  <p:tag name="ISPRING_SLIDE_INDENT_LEVEL" val="0"/>
  <p:tag name="ISPRING_CUSTOM_TIMING_USED" val="0"/>
  <p:tag name="ISPRING_PLAYER_LAYOUT_TYPE" val="NoSidebar"/>
</p:tagLst>
</file>

<file path=ppt/tags/tag13.xml><?xml version="1.0" encoding="utf-8"?>
<p:tagLst xmlns:a="http://schemas.openxmlformats.org/drawingml/2006/main" xmlns:r="http://schemas.openxmlformats.org/officeDocument/2006/relationships" xmlns:p="http://schemas.openxmlformats.org/presentationml/2006/main">
  <p:tag name="GENSWF_SLIDE_UID" val="{0A4C1582-0DA4-4ABA-BE9F-EB0968E657CD}:280"/>
  <p:tag name="ISPRING_SLIDE_INDENT_LEVEL" val="0"/>
  <p:tag name="ISPRING_CUSTOM_TIMING_USED" val="0"/>
  <p:tag name="ISPRING_PLAYER_LAYOUT_TYPE" val="NoSidebar"/>
</p:tagLst>
</file>

<file path=ppt/tags/tag14.xml><?xml version="1.0" encoding="utf-8"?>
<p:tagLst xmlns:a="http://schemas.openxmlformats.org/drawingml/2006/main" xmlns:r="http://schemas.openxmlformats.org/officeDocument/2006/relationships" xmlns:p="http://schemas.openxmlformats.org/presentationml/2006/main">
  <p:tag name="GENSWF_SLIDE_UID" val="{136ABFBE-30C8-4F36-A5A8-1EA26BCF375A}:354"/>
  <p:tag name="ISPRING_SLIDE_INDENT_LEVEL" val="0"/>
  <p:tag name="ISPRING_CUSTOM_TIMING_USED" val="0"/>
  <p:tag name="ISPRING_PLAYER_LAYOUT_TYPE" val="NoSidebar"/>
</p:tagLst>
</file>

<file path=ppt/tags/tag15.xml><?xml version="1.0" encoding="utf-8"?>
<p:tagLst xmlns:a="http://schemas.openxmlformats.org/drawingml/2006/main" xmlns:r="http://schemas.openxmlformats.org/officeDocument/2006/relationships" xmlns:p="http://schemas.openxmlformats.org/presentationml/2006/main">
  <p:tag name="GENSWF_SLIDE_UID" val="{7951DD9B-34B1-4D49-B3EE-17D269806214}:355"/>
  <p:tag name="ISPRING_SLIDE_INDENT_LEVEL" val="0"/>
  <p:tag name="ISPRING_CUSTOM_TIMING_USED" val="0"/>
  <p:tag name="ISPRING_PLAYER_LAYOUT_TYPE" val="NoSidebar"/>
</p:tagLst>
</file>

<file path=ppt/tags/tag16.xml><?xml version="1.0" encoding="utf-8"?>
<p:tagLst xmlns:a="http://schemas.openxmlformats.org/drawingml/2006/main" xmlns:r="http://schemas.openxmlformats.org/officeDocument/2006/relationships" xmlns:p="http://schemas.openxmlformats.org/presentationml/2006/main">
  <p:tag name="GENSWF_SLIDE_UID" val="{9C287ABA-F99B-4EC9-84A4-00440D6FD1FE}:320"/>
  <p:tag name="ISPRING_SLIDE_INDENT_LEVEL" val="0"/>
  <p:tag name="ISPRING_CUSTOM_TIMING_USED" val="0"/>
  <p:tag name="ISPRING_PLAYER_LAYOUT_TYPE" val="NoSidebar"/>
</p:tagLst>
</file>

<file path=ppt/tags/tag17.xml><?xml version="1.0" encoding="utf-8"?>
<p:tagLst xmlns:a="http://schemas.openxmlformats.org/drawingml/2006/main" xmlns:r="http://schemas.openxmlformats.org/officeDocument/2006/relationships" xmlns:p="http://schemas.openxmlformats.org/presentationml/2006/main">
  <p:tag name="GENSWF_SLIDE_UID" val="{346D6579-9531-4C18-A599-87CD45FEE1B0}:266"/>
  <p:tag name="ISPRING_SLIDE_INDENT_LEVEL" val="0"/>
  <p:tag name="ISPRING_CUSTOM_TIMING_USED" val="0"/>
  <p:tag name="ISPRING_PLAYER_LAYOUT_TYPE" val="NoSidebar"/>
</p:tagLst>
</file>

<file path=ppt/tags/tag18.xml><?xml version="1.0" encoding="utf-8"?>
<p:tagLst xmlns:a="http://schemas.openxmlformats.org/drawingml/2006/main" xmlns:r="http://schemas.openxmlformats.org/officeDocument/2006/relationships" xmlns:p="http://schemas.openxmlformats.org/presentationml/2006/main">
  <p:tag name="GENSWF_SLIDE_UID" val="{BE16C696-6BE1-4B2E-9B7C-0FAC861FBDD4}:356"/>
  <p:tag name="ISPRING_SLIDE_INDENT_LEVEL" val="0"/>
  <p:tag name="ISPRING_CUSTOM_TIMING_USED" val="0"/>
  <p:tag name="ISPRING_PLAYER_LAYOUT_TYPE" val="NoSidebar"/>
</p:tagLst>
</file>

<file path=ppt/tags/tag19.xml><?xml version="1.0" encoding="utf-8"?>
<p:tagLst xmlns:a="http://schemas.openxmlformats.org/drawingml/2006/main" xmlns:r="http://schemas.openxmlformats.org/officeDocument/2006/relationships" xmlns:p="http://schemas.openxmlformats.org/presentationml/2006/main">
  <p:tag name="GENSWF_SLIDE_UID" val="{8E7BE4A4-B570-436A-90D4-E4C31E77E166}:357"/>
  <p:tag name="ISPRING_SLIDE_INDENT_LEVEL" val="0"/>
  <p:tag name="ISPRING_CUSTOM_TIMING_USED" val="0"/>
  <p:tag name="ISPRING_PLAYER_LAYOUT_TYPE" val="NoSidebar"/>
</p:tagLst>
</file>

<file path=ppt/tags/tag2.xml><?xml version="1.0" encoding="utf-8"?>
<p:tagLst xmlns:a="http://schemas.openxmlformats.org/drawingml/2006/main" xmlns:r="http://schemas.openxmlformats.org/officeDocument/2006/relationships" xmlns:p="http://schemas.openxmlformats.org/presentationml/2006/main">
  <p:tag name="GENSWF_SLIDE_UID" val="{AC454BAF-C458-4AE8-B844-EBDA5E7D80DA}:256"/>
  <p:tag name="ISPRING_SLIDE_INDENT_LEVEL" val="0"/>
  <p:tag name="ISPRING_CUSTOM_TIMING_USED" val="0"/>
  <p:tag name="ISPRING_PLAYER_LAYOUT_TYPE" val="NoSidebar"/>
</p:tagLst>
</file>

<file path=ppt/tags/tag20.xml><?xml version="1.0" encoding="utf-8"?>
<p:tagLst xmlns:a="http://schemas.openxmlformats.org/drawingml/2006/main" xmlns:r="http://schemas.openxmlformats.org/officeDocument/2006/relationships" xmlns:p="http://schemas.openxmlformats.org/presentationml/2006/main">
  <p:tag name="GENSWF_SLIDE_UID" val="{4DC06016-712E-45F2-8CFF-29D0D3C18FD6}:268"/>
  <p:tag name="ISPRING_SLIDE_INDENT_LEVEL" val="0"/>
  <p:tag name="ISPRING_CUSTOM_TIMING_USED" val="0"/>
  <p:tag name="ISPRING_PLAYER_LAYOUT_TYPE" val="NoSidebar"/>
</p:tagLst>
</file>

<file path=ppt/tags/tag21.xml><?xml version="1.0" encoding="utf-8"?>
<p:tagLst xmlns:a="http://schemas.openxmlformats.org/drawingml/2006/main" xmlns:r="http://schemas.openxmlformats.org/officeDocument/2006/relationships" xmlns:p="http://schemas.openxmlformats.org/presentationml/2006/main">
  <p:tag name="GENSWF_SLIDE_UID" val="{D4F12ACF-AC6E-46DA-BC4C-288885DBD71C}:270"/>
  <p:tag name="ISPRING_SLIDE_INDENT_LEVEL" val="0"/>
  <p:tag name="ISPRING_CUSTOM_TIMING_USED" val="0"/>
  <p:tag name="ISPRING_PLAYER_LAYOUT_TYPE" val="NoSidebar"/>
</p:tagLst>
</file>

<file path=ppt/tags/tag22.xml><?xml version="1.0" encoding="utf-8"?>
<p:tagLst xmlns:a="http://schemas.openxmlformats.org/drawingml/2006/main" xmlns:r="http://schemas.openxmlformats.org/officeDocument/2006/relationships" xmlns:p="http://schemas.openxmlformats.org/presentationml/2006/main">
  <p:tag name="GENSWF_SLIDE_UID" val="{0E6EDBD5-8007-4976-8E5C-7549D9D437D0}:358"/>
  <p:tag name="ISPRING_SLIDE_INDENT_LEVEL" val="0"/>
  <p:tag name="ISPRING_CUSTOM_TIMING_USED" val="0"/>
  <p:tag name="ISPRING_PLAYER_LAYOUT_TYPE" val="NoSidebar"/>
</p:tagLst>
</file>

<file path=ppt/tags/tag23.xml><?xml version="1.0" encoding="utf-8"?>
<p:tagLst xmlns:a="http://schemas.openxmlformats.org/drawingml/2006/main" xmlns:r="http://schemas.openxmlformats.org/officeDocument/2006/relationships" xmlns:p="http://schemas.openxmlformats.org/presentationml/2006/main">
  <p:tag name="GENSWF_SLIDE_UID" val="{0EAD9C35-EF4F-4EEC-BA1F-7FFF8E6402D1}:359"/>
  <p:tag name="ISPRING_SLIDE_INDENT_LEVEL" val="0"/>
  <p:tag name="ISPRING_CUSTOM_TIMING_USED" val="0"/>
  <p:tag name="ISPRING_PLAYER_LAYOUT_TYPE" val="NoSidebar"/>
</p:tagLst>
</file>

<file path=ppt/tags/tag24.xml><?xml version="1.0" encoding="utf-8"?>
<p:tagLst xmlns:a="http://schemas.openxmlformats.org/drawingml/2006/main" xmlns:r="http://schemas.openxmlformats.org/officeDocument/2006/relationships" xmlns:p="http://schemas.openxmlformats.org/presentationml/2006/main">
  <p:tag name="GENSWF_SLIDE_UID" val="{176BB95C-A596-4055-AFD0-84DA8B3FEF50}:274"/>
  <p:tag name="ISPRING_SLIDE_INDENT_LEVEL" val="0"/>
  <p:tag name="ISPRING_CUSTOM_TIMING_USED" val="0"/>
  <p:tag name="ISPRING_PLAYER_LAYOUT_TYPE" val="NoSidebar"/>
</p:tagLst>
</file>

<file path=ppt/tags/tag25.xml><?xml version="1.0" encoding="utf-8"?>
<p:tagLst xmlns:a="http://schemas.openxmlformats.org/drawingml/2006/main" xmlns:r="http://schemas.openxmlformats.org/officeDocument/2006/relationships" xmlns:p="http://schemas.openxmlformats.org/presentationml/2006/main">
  <p:tag name="GENSWF_SLIDE_UID" val="{BE592DFA-ABB8-4E3A-A810-97264B69533C}:282"/>
  <p:tag name="ISPRING_SLIDE_INDENT_LEVEL" val="0"/>
  <p:tag name="ISPRING_CUSTOM_TIMING_USED" val="0"/>
  <p:tag name="ISPRING_PLAYER_LAYOUT_TYPE" val="NoSidebar"/>
</p:tagLst>
</file>

<file path=ppt/tags/tag26.xml><?xml version="1.0" encoding="utf-8"?>
<p:tagLst xmlns:a="http://schemas.openxmlformats.org/drawingml/2006/main" xmlns:r="http://schemas.openxmlformats.org/officeDocument/2006/relationships" xmlns:p="http://schemas.openxmlformats.org/presentationml/2006/main">
  <p:tag name="GENSWF_SLIDE_UID" val="{994FC0FA-E28C-4274-8D64-18E5680C1CAF}:272"/>
  <p:tag name="ISPRING_SLIDE_INDENT_LEVEL" val="0"/>
  <p:tag name="ISPRING_CUSTOM_TIMING_USED" val="0"/>
  <p:tag name="ISPRING_PLAYER_LAYOUT_TYPE" val="NoSidebar"/>
</p:tagLst>
</file>

<file path=ppt/tags/tag27.xml><?xml version="1.0" encoding="utf-8"?>
<p:tagLst xmlns:a="http://schemas.openxmlformats.org/drawingml/2006/main" xmlns:r="http://schemas.openxmlformats.org/officeDocument/2006/relationships" xmlns:p="http://schemas.openxmlformats.org/presentationml/2006/main">
  <p:tag name="GENSWF_SLIDE_UID" val="{8C55386F-A8DB-4CB1-9D3C-E0572F8723C2}:293"/>
  <p:tag name="ISPRING_SLIDE_INDENT_LEVEL" val="0"/>
  <p:tag name="ISPRING_CUSTOM_TIMING_USED" val="0"/>
  <p:tag name="ISPRING_PLAYER_LAYOUT_TYPE" val="NoSidebar"/>
</p:tagLst>
</file>

<file path=ppt/tags/tag28.xml><?xml version="1.0" encoding="utf-8"?>
<p:tagLst xmlns:a="http://schemas.openxmlformats.org/drawingml/2006/main" xmlns:r="http://schemas.openxmlformats.org/officeDocument/2006/relationships" xmlns:p="http://schemas.openxmlformats.org/presentationml/2006/main">
  <p:tag name="ISPRING_YT_SHOW_AFTER" val="0"/>
  <p:tag name="ISPRING_YT_WEB_ADDRESS" val="https://www.youtube.com/watch?v=VovBSLcTXMc&amp;t=660s"/>
</p:tagLst>
</file>

<file path=ppt/tags/tag29.xml><?xml version="1.0" encoding="utf-8"?>
<p:tagLst xmlns:a="http://schemas.openxmlformats.org/drawingml/2006/main" xmlns:r="http://schemas.openxmlformats.org/officeDocument/2006/relationships" xmlns:p="http://schemas.openxmlformats.org/presentationml/2006/main">
  <p:tag name="GENSWF_SLIDE_UID" val="{8CA5BE7E-04A0-40F4-AF38-B8DD05B6D7CB}:276"/>
  <p:tag name="ISPRING_SLIDE_INDENT_LEVEL" val="0"/>
  <p:tag name="ISPRING_CUSTOM_TIMING_USED" val="0"/>
  <p:tag name="ISPRING_PLAYER_LAYOUT_TYPE" val="NoSidebar"/>
</p:tagLst>
</file>

<file path=ppt/tags/tag3.xml><?xml version="1.0" encoding="utf-8"?>
<p:tagLst xmlns:a="http://schemas.openxmlformats.org/drawingml/2006/main" xmlns:r="http://schemas.openxmlformats.org/officeDocument/2006/relationships" xmlns:p="http://schemas.openxmlformats.org/presentationml/2006/main">
  <p:tag name="GENSWF_SLIDE_UID" val="{51B7D334-1F3A-4F7F-8B62-D39C72426F51}:360"/>
  <p:tag name="ISPRING_SLIDE_INDENT_LEVEL" val="0"/>
  <p:tag name="ISPRING_CUSTOM_TIMING_USED" val="0"/>
  <p:tag name="ISPRING_PLAYER_LAYOUT_TYPE" val="NoSidebar"/>
</p:tagLst>
</file>

<file path=ppt/tags/tag30.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GENSWF_SLIDE_TITLE" val="Soal Latihan"/>
  <p:tag name="ISPRING_SLIDE_INDENT_LEVEL" val="0"/>
  <p:tag name="ISPRING_CUSTOM_TIMING_USED" val="0"/>
  <p:tag name="GENSWF_SLIDE_UID" val="{05ADAE1D-2BA1-46EA-96C0-6369AB50AE5C}:362"/>
  <p:tag name="ISPRING_PLAYER_LAYOUT_TYPE" val="NoSidebar"/>
  <p:tag name="ISPRING_RESOURCE_QUIZ" val="quiz1.quiz"/>
  <p:tag name="ISPRING_QUIZ_FULL_PATH" val="C:\Users\HP\Downloads\ppt revolusi industri dan pengaruhnya\quiz\quiz1.quiz"/>
  <p:tag name="ISPRING_QUIZ_RELATIVE_PATH" val="ppt revolusi industri dan pengaruhnya\quiz\quiz1.quiz"/>
</p:tagLst>
</file>

<file path=ppt/tags/tag31.xml><?xml version="1.0" encoding="utf-8"?>
<p:tagLst xmlns:a="http://schemas.openxmlformats.org/drawingml/2006/main" xmlns:r="http://schemas.openxmlformats.org/officeDocument/2006/relationships" xmlns:p="http://schemas.openxmlformats.org/presentationml/2006/main">
  <p:tag name="GENSWF_SLIDE_UID" val="{75E533EA-34F9-4DE4-94A0-F3244EEF1395}:322"/>
  <p:tag name="ISPRING_SLIDE_INDENT_LEVEL" val="0"/>
  <p:tag name="ISPRING_CUSTOM_TIMING_USED" val="0"/>
  <p:tag name="ISPRING_PLAYER_LAYOUT_TYPE" val="NoSidebar"/>
</p:tagLst>
</file>

<file path=ppt/tags/tag4.xml><?xml version="1.0" encoding="utf-8"?>
<p:tagLst xmlns:a="http://schemas.openxmlformats.org/drawingml/2006/main" xmlns:r="http://schemas.openxmlformats.org/officeDocument/2006/relationships" xmlns:p="http://schemas.openxmlformats.org/presentationml/2006/main">
  <p:tag name="GENSWF_SLIDE_UID" val="{8EB55B29-7D6C-4909-81AD-247B3A816D2D}:278"/>
  <p:tag name="ISPRING_SLIDE_INDENT_LEVEL" val="0"/>
  <p:tag name="ISPRING_CUSTOM_TIMING_USED" val="0"/>
  <p:tag name="ISPRING_PLAYER_LAYOUT_TYPE" val="NoSidebar"/>
</p:tagLst>
</file>

<file path=ppt/tags/tag5.xml><?xml version="1.0" encoding="utf-8"?>
<p:tagLst xmlns:a="http://schemas.openxmlformats.org/drawingml/2006/main" xmlns:r="http://schemas.openxmlformats.org/officeDocument/2006/relationships" xmlns:p="http://schemas.openxmlformats.org/presentationml/2006/main">
  <p:tag name="GENSWF_SLIDE_UID" val="{FFF20F26-D851-4BFF-8A99-1936BF18ADB4}:350"/>
  <p:tag name="ISPRING_SLIDE_INDENT_LEVEL" val="0"/>
  <p:tag name="ISPRING_CUSTOM_TIMING_USED" val="0"/>
  <p:tag name="ISPRING_PLAYER_LAYOUT_TYPE" val="NoSidebar"/>
</p:tagLst>
</file>

<file path=ppt/tags/tag6.xml><?xml version="1.0" encoding="utf-8"?>
<p:tagLst xmlns:a="http://schemas.openxmlformats.org/drawingml/2006/main" xmlns:r="http://schemas.openxmlformats.org/officeDocument/2006/relationships" xmlns:p="http://schemas.openxmlformats.org/presentationml/2006/main">
  <p:tag name="GENSWF_SLIDE_UID" val="{C1125C98-61EC-4822-9DBF-75475D95818E}:351"/>
  <p:tag name="ISPRING_SLIDE_INDENT_LEVEL" val="0"/>
  <p:tag name="ISPRING_CUSTOM_TIMING_USED" val="0"/>
  <p:tag name="ISPRING_PLAYER_LAYOUT_TYPE" val="NoSidebar"/>
</p:tagLst>
</file>

<file path=ppt/tags/tag7.xml><?xml version="1.0" encoding="utf-8"?>
<p:tagLst xmlns:a="http://schemas.openxmlformats.org/drawingml/2006/main" xmlns:r="http://schemas.openxmlformats.org/officeDocument/2006/relationships" xmlns:p="http://schemas.openxmlformats.org/presentationml/2006/main">
  <p:tag name="GENSWF_SLIDE_UID" val="{73F08651-4AA5-4FFA-835F-959B53E68A3C}:262"/>
  <p:tag name="ISPRING_SLIDE_INDENT_LEVEL" val="0"/>
  <p:tag name="ISPRING_CUSTOM_TIMING_USED" val="0"/>
  <p:tag name="ISPRING_PLAYER_LAYOUT_TYPE" val="NoSidebar"/>
</p:tagLst>
</file>

<file path=ppt/tags/tag8.xml><?xml version="1.0" encoding="utf-8"?>
<p:tagLst xmlns:a="http://schemas.openxmlformats.org/drawingml/2006/main" xmlns:r="http://schemas.openxmlformats.org/officeDocument/2006/relationships" xmlns:p="http://schemas.openxmlformats.org/presentationml/2006/main">
  <p:tag name="GENSWF_SLIDE_UID" val="{1F35AD98-53DF-490B-8025-BAE509DCFDE9}:353"/>
  <p:tag name="ISPRING_SLIDE_INDENT_LEVEL" val="0"/>
  <p:tag name="ISPRING_CUSTOM_TIMING_USED" val="0"/>
  <p:tag name="ISPRING_PLAYER_LAYOUT_TYPE" val="NoSidebar"/>
</p:tagLst>
</file>

<file path=ppt/tags/tag9.xml><?xml version="1.0" encoding="utf-8"?>
<p:tagLst xmlns:a="http://schemas.openxmlformats.org/drawingml/2006/main" xmlns:r="http://schemas.openxmlformats.org/officeDocument/2006/relationships" xmlns:p="http://schemas.openxmlformats.org/presentationml/2006/main">
  <p:tag name="GENSWF_SLIDE_UID" val="{AD243B6E-A1C4-4A59-BC44-F576A807D9EC}:361"/>
  <p:tag name="ISPRING_SLIDE_INDENT_LEVEL" val="0"/>
  <p:tag name="ISPRING_CUSTOM_TIMING_USED" val="0"/>
  <p:tag name="ISPRING_PLAYER_LAYOUT_TYPE" val="NoSidebar"/>
</p:tagLst>
</file>

<file path=ppt/theme/theme1.xml><?xml version="1.0" encoding="utf-8"?>
<a:theme xmlns:a="http://schemas.openxmlformats.org/drawingml/2006/main" name="Social Studies Subject for Highschool - 11th Grade: Immigration and Urbanization by Slidesgo">
  <a:themeElements>
    <a:clrScheme name="Simple Light">
      <a:dk1>
        <a:srgbClr val="54413A"/>
      </a:dk1>
      <a:lt1>
        <a:srgbClr val="F7EDE5"/>
      </a:lt1>
      <a:dk2>
        <a:srgbClr val="434343"/>
      </a:dk2>
      <a:lt2>
        <a:srgbClr val="FFFFFF"/>
      </a:lt2>
      <a:accent1>
        <a:srgbClr val="B8845D"/>
      </a:accent1>
      <a:accent2>
        <a:srgbClr val="D19D40"/>
      </a:accent2>
      <a:accent3>
        <a:srgbClr val="E5C3B2"/>
      </a:accent3>
      <a:accent4>
        <a:srgbClr val="7D9A8D"/>
      </a:accent4>
      <a:accent5>
        <a:srgbClr val="93AEA2"/>
      </a:accent5>
      <a:accent6>
        <a:srgbClr val="FFFFFF"/>
      </a:accent6>
      <a:hlink>
        <a:srgbClr val="434343"/>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461</TotalTime>
  <Words>854</Words>
  <Application>Microsoft Office PowerPoint</Application>
  <PresentationFormat>On-screen Show (16:9)</PresentationFormat>
  <Paragraphs>116</Paragraphs>
  <Slides>28</Slides>
  <Notes>28</Notes>
  <HiddenSlides>0</HiddenSlides>
  <MMClips>3</MMClips>
  <ScaleCrop>false</ScaleCrop>
  <HeadingPairs>
    <vt:vector size="6" baseType="variant">
      <vt:variant>
        <vt:lpstr>Fonts Used</vt:lpstr>
      </vt:variant>
      <vt:variant>
        <vt:i4>11</vt:i4>
      </vt:variant>
      <vt:variant>
        <vt:lpstr>Theme</vt:lpstr>
      </vt:variant>
      <vt:variant>
        <vt:i4>1</vt:i4>
      </vt:variant>
      <vt:variant>
        <vt:lpstr>Slide Titles</vt:lpstr>
      </vt:variant>
      <vt:variant>
        <vt:i4>28</vt:i4>
      </vt:variant>
    </vt:vector>
  </HeadingPairs>
  <TitlesOfParts>
    <vt:vector size="40" baseType="lpstr">
      <vt:lpstr>Scope One</vt:lpstr>
      <vt:lpstr>MV Boli</vt:lpstr>
      <vt:lpstr>Raleway</vt:lpstr>
      <vt:lpstr>Open Sans</vt:lpstr>
      <vt:lpstr>Montserrat</vt:lpstr>
      <vt:lpstr>Segoe UI</vt:lpstr>
      <vt:lpstr>Chivo Black</vt:lpstr>
      <vt:lpstr>Roboto Slab ExtraBold</vt:lpstr>
      <vt:lpstr>Segoe UI Semibold</vt:lpstr>
      <vt:lpstr>Work Sans</vt:lpstr>
      <vt:lpstr>Arial</vt:lpstr>
      <vt:lpstr>Social Studies Subject for Highschool - 11th Grade: Immigration and Urbanization by Slidesgo</vt:lpstr>
      <vt:lpstr>Revolusi Industri dan Pengaruhnya</vt:lpstr>
      <vt:lpstr>MAIN MENU</vt:lpstr>
      <vt:lpstr>Pengembang</vt:lpstr>
      <vt:lpstr>MATERI</vt:lpstr>
      <vt:lpstr>Revolusi Industri</vt:lpstr>
      <vt:lpstr>Latar Belakang Revolusi Industri</vt:lpstr>
      <vt:lpstr>Latar Belakang Revolusi Industri</vt:lpstr>
      <vt:lpstr>Revolusi Agraria</vt:lpstr>
      <vt:lpstr>Play!</vt:lpstr>
      <vt:lpstr>Tahap Perkembangan Industri</vt:lpstr>
      <vt:lpstr>Domestic System </vt:lpstr>
      <vt:lpstr>Industri Manufaktur</vt:lpstr>
      <vt:lpstr>Factory System</vt:lpstr>
      <vt:lpstr>Ekonomi</vt:lpstr>
      <vt:lpstr>Bidang Ekonomi</vt:lpstr>
      <vt:lpstr>Bidang Sosial</vt:lpstr>
      <vt:lpstr>Bidang Politik</vt:lpstr>
      <vt:lpstr>Pengaruh Revolusi Industri  bagi Masyarakat Dunia</vt:lpstr>
      <vt:lpstr>Industrialisasi</vt:lpstr>
      <vt:lpstr>Perubahan Sistem Sosial</vt:lpstr>
      <vt:lpstr>Munculnya  Paham-Paham Baru</vt:lpstr>
      <vt:lpstr>Pengaruh Revolusi Industri  bagi Indonesia</vt:lpstr>
      <vt:lpstr>Perkembangan Industri</vt:lpstr>
      <vt:lpstr>Peningkatan Laju Urbanisasi</vt:lpstr>
      <vt:lpstr>Play!</vt:lpstr>
      <vt:lpstr>QUIZ TIME!</vt:lpstr>
      <vt:lpstr>PowerPoint Presentation</vt:lpstr>
      <vt:lpstr>Credit</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Revolusi Industri dan Pengaruhnya</dc:title>
  <dc:creator>adhaa</dc:creator>
  <cp:lastModifiedBy>HP</cp:lastModifiedBy>
  <cp:revision>110</cp:revision>
  <dcterms:modified xsi:type="dcterms:W3CDTF">2022-12-17T13:28:05Z</dcterms:modified>
</cp:coreProperties>
</file>